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charts/chart11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charts/chart12.xml" ContentType="application/vnd.openxmlformats-officedocument.drawingml.chart+xml"/>
  <Override PartName="/xl/charts/style12.xml" ContentType="application/vnd.ms-office.chartstyle+xml"/>
  <Override PartName="/xl/charts/colors12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65749\OneDrive\Postdoc\Faeces characterisation results\Rheology\real faeces rheology\"/>
    </mc:Choice>
  </mc:AlternateContent>
  <bookViews>
    <workbookView xWindow="120" yWindow="90" windowWidth="23895" windowHeight="14535" firstSheet="5" activeTab="6"/>
  </bookViews>
  <sheets>
    <sheet name="Type_4_6_15__.3_thixotropy_rwd" sheetId="1" r:id="rId1"/>
    <sheet name="2" sheetId="13" r:id="rId2"/>
    <sheet name="Type_1_3_15___._1_thixotropy_rw" sheetId="2" r:id="rId3"/>
    <sheet name="Type_4_6_10___._3_thixotropy_rw" sheetId="3" r:id="rId4"/>
    <sheet name="Type_4_6__1___._2_thixotropy_rw" sheetId="4" r:id="rId5"/>
    <sheet name="Type_1_3__1___.2_thixotropy_rwd" sheetId="5" r:id="rId6"/>
    <sheet name="Type_1_3_5___._1_thixotropy_rwd" sheetId="6" r:id="rId7"/>
    <sheet name="Type_4_6__5___._1_thixotropy_rw" sheetId="7" r:id="rId8"/>
    <sheet name="_22_01_bss_4_6_pure_thixotropy_" sheetId="8" r:id="rId9"/>
    <sheet name="_27_01_bss_1_3_thixotropy_5_1_r" sheetId="9" r:id="rId10"/>
    <sheet name="_27_01_bss_4_6_thixotropy_3_1_r" sheetId="10" r:id="rId11"/>
    <sheet name="_29_01_bss_1_3_ramp_5_1_rwd" sheetId="11" r:id="rId12"/>
    <sheet name="_29_01_bss_4_6_ramp_3_1_rwd" sheetId="12" r:id="rId13"/>
  </sheets>
  <definedNames>
    <definedName name="_22_01_bss_4_6_pure_thixotropy_2">_22_01_bss_4_6_pure_thixotropy_!$A$1:$G$231</definedName>
    <definedName name="_27_01_bss_1_3_thixotropy_5_1_rwd">_27_01_bss_1_3_thixotropy_5_1_r!$A$1:$G$231</definedName>
    <definedName name="_27_01_bss_4_6_thixotropy_3_1_rwd">_27_01_bss_4_6_thixotropy_3_1_r!$A$1:$G$231</definedName>
    <definedName name="_29_01_bss_1_3_ramp_5_1_rwd">_29_01_bss_1_3_ramp_5_1_rwd!$A$1:$G$36</definedName>
    <definedName name="_29_01_bss_4_6_ramp_3_1_rwd">_29_01_bss_4_6_ramp_3_1_rwd!$A$1:$G$36</definedName>
    <definedName name="Type_1_3__1___.2_thixotropy_rwd">Type_1_3__1___.2_thixotropy_rwd!$A$1:$G$231</definedName>
    <definedName name="Type_1_3_15___._1_thixotropy_rwd">Type_1_3_15___._1_thixotropy_rw!$A$1:$G$231</definedName>
    <definedName name="Type_1_3_5___._1_thixotropy_rwd">Type_1_3_5___._1_thixotropy_rwd!$A$1:$G$231</definedName>
    <definedName name="Type_4_6__1___._2_thixotropy_rwd">Type_4_6__1___._2_thixotropy_rw!$A$1:$G$231</definedName>
    <definedName name="Type_4_6__5___._1_thixotropy_rwd">Type_4_6__5___._1_thixotropy_rw!$A$1:$G$231</definedName>
    <definedName name="Type_4_6_10___._3_thixotropy_rwd">Type_4_6_10___._3_thixotropy_rw!$A$1:$G$231</definedName>
    <definedName name="Type_4_6_15__.3_thixotropy_rwd">Type_4_6_15__.3_thixotropy_rwd!$A$1:$G$231</definedName>
  </definedNames>
  <calcPr calcId="125725"/>
</workbook>
</file>

<file path=xl/sharedStrings.xml><?xml version="1.0" encoding="utf-8"?>
<sst xmlns="http://schemas.openxmlformats.org/spreadsheetml/2006/main" count="2691" uniqueCount="237">
  <si>
    <t>SegIndex</t>
  </si>
  <si>
    <t>t in s</t>
  </si>
  <si>
    <t>Ω in 1/min</t>
  </si>
  <si>
    <t>τ in Pa</t>
  </si>
  <si>
    <t>M in µNm</t>
  </si>
  <si>
    <t>ɣ̇ in 1/s</t>
  </si>
  <si>
    <t>η in Pas</t>
  </si>
  <si>
    <t>1|1</t>
  </si>
  <si>
    <t>1|2</t>
  </si>
  <si>
    <t>1|3</t>
  </si>
  <si>
    <t>1|4</t>
  </si>
  <si>
    <t>1|5</t>
  </si>
  <si>
    <t>1|6</t>
  </si>
  <si>
    <t>1|7</t>
  </si>
  <si>
    <t>1|8</t>
  </si>
  <si>
    <t>1|9</t>
  </si>
  <si>
    <t>1|10</t>
  </si>
  <si>
    <t>1|11</t>
  </si>
  <si>
    <t>1|12</t>
  </si>
  <si>
    <t>1|13</t>
  </si>
  <si>
    <t>1|14</t>
  </si>
  <si>
    <t>1|15</t>
  </si>
  <si>
    <t>1|16</t>
  </si>
  <si>
    <t>1|17</t>
  </si>
  <si>
    <t>1|18</t>
  </si>
  <si>
    <t>1|19</t>
  </si>
  <si>
    <t>1|20</t>
  </si>
  <si>
    <t>1|21</t>
  </si>
  <si>
    <t>1|22</t>
  </si>
  <si>
    <t>1|23</t>
  </si>
  <si>
    <t>1|24</t>
  </si>
  <si>
    <t>1|25</t>
  </si>
  <si>
    <t>1|26</t>
  </si>
  <si>
    <t>1|27</t>
  </si>
  <si>
    <t>1|28</t>
  </si>
  <si>
    <t>1|29</t>
  </si>
  <si>
    <t>1|30</t>
  </si>
  <si>
    <t>1|31</t>
  </si>
  <si>
    <t>1|32</t>
  </si>
  <si>
    <t>1|33</t>
  </si>
  <si>
    <t>1|34</t>
  </si>
  <si>
    <t>1|35</t>
  </si>
  <si>
    <t>1|36</t>
  </si>
  <si>
    <t>1|37</t>
  </si>
  <si>
    <t>1|38</t>
  </si>
  <si>
    <t>1|39</t>
  </si>
  <si>
    <t>1|40</t>
  </si>
  <si>
    <t>1|41</t>
  </si>
  <si>
    <t>1|42</t>
  </si>
  <si>
    <t>1|43</t>
  </si>
  <si>
    <t>1|44</t>
  </si>
  <si>
    <t>1|45</t>
  </si>
  <si>
    <t>1|46</t>
  </si>
  <si>
    <t>1|47</t>
  </si>
  <si>
    <t>1|48</t>
  </si>
  <si>
    <t>1|49</t>
  </si>
  <si>
    <t>1|50</t>
  </si>
  <si>
    <t>1|51</t>
  </si>
  <si>
    <t>1|52</t>
  </si>
  <si>
    <t>1|53</t>
  </si>
  <si>
    <t>1|54</t>
  </si>
  <si>
    <t>1|55</t>
  </si>
  <si>
    <t>1|56</t>
  </si>
  <si>
    <t>1|57</t>
  </si>
  <si>
    <t>1|58</t>
  </si>
  <si>
    <t>1|59</t>
  </si>
  <si>
    <t>1|60</t>
  </si>
  <si>
    <t>1|61</t>
  </si>
  <si>
    <t>1|62</t>
  </si>
  <si>
    <t>1|63</t>
  </si>
  <si>
    <t>1|64</t>
  </si>
  <si>
    <t>1|65</t>
  </si>
  <si>
    <t>1|66</t>
  </si>
  <si>
    <t>1|67</t>
  </si>
  <si>
    <t>1|68</t>
  </si>
  <si>
    <t>1|69</t>
  </si>
  <si>
    <t>1|70</t>
  </si>
  <si>
    <t>1|71</t>
  </si>
  <si>
    <t>1|72</t>
  </si>
  <si>
    <t>1|73</t>
  </si>
  <si>
    <t>1|74</t>
  </si>
  <si>
    <t>1|75</t>
  </si>
  <si>
    <t>1|76</t>
  </si>
  <si>
    <t>1|77</t>
  </si>
  <si>
    <t>1|78</t>
  </si>
  <si>
    <t>1|79</t>
  </si>
  <si>
    <t>1|80</t>
  </si>
  <si>
    <t>1|81</t>
  </si>
  <si>
    <t>1|82</t>
  </si>
  <si>
    <t>1|83</t>
  </si>
  <si>
    <t>1|84</t>
  </si>
  <si>
    <t>1|85</t>
  </si>
  <si>
    <t>1|86</t>
  </si>
  <si>
    <t>1|87</t>
  </si>
  <si>
    <t>1|88</t>
  </si>
  <si>
    <t>1|89</t>
  </si>
  <si>
    <t>1|90</t>
  </si>
  <si>
    <t>1|91</t>
  </si>
  <si>
    <t>1|92</t>
  </si>
  <si>
    <t>1|93</t>
  </si>
  <si>
    <t>1|94</t>
  </si>
  <si>
    <t>1|95</t>
  </si>
  <si>
    <t>1|96</t>
  </si>
  <si>
    <t>1|97</t>
  </si>
  <si>
    <t>1|98</t>
  </si>
  <si>
    <t>1|99</t>
  </si>
  <si>
    <t>1|100</t>
  </si>
  <si>
    <t>2|1</t>
  </si>
  <si>
    <t>2|2</t>
  </si>
  <si>
    <t>2|3</t>
  </si>
  <si>
    <t>2|4</t>
  </si>
  <si>
    <t>2|5</t>
  </si>
  <si>
    <t>2|6</t>
  </si>
  <si>
    <t>2|7</t>
  </si>
  <si>
    <t>2|8</t>
  </si>
  <si>
    <t>2|9</t>
  </si>
  <si>
    <t>2|10</t>
  </si>
  <si>
    <t>2|11</t>
  </si>
  <si>
    <t>2|12</t>
  </si>
  <si>
    <t>2|13</t>
  </si>
  <si>
    <t>2|14</t>
  </si>
  <si>
    <t>2|15</t>
  </si>
  <si>
    <t>2|16</t>
  </si>
  <si>
    <t>2|17</t>
  </si>
  <si>
    <t>2|18</t>
  </si>
  <si>
    <t>2|19</t>
  </si>
  <si>
    <t>2|20</t>
  </si>
  <si>
    <t>2|21</t>
  </si>
  <si>
    <t>2|22</t>
  </si>
  <si>
    <t>2|23</t>
  </si>
  <si>
    <t>2|24</t>
  </si>
  <si>
    <t>2|25</t>
  </si>
  <si>
    <t>2|26</t>
  </si>
  <si>
    <t>2|27</t>
  </si>
  <si>
    <t>2|28</t>
  </si>
  <si>
    <t>2|29</t>
  </si>
  <si>
    <t>2|30</t>
  </si>
  <si>
    <t>3|1</t>
  </si>
  <si>
    <t>3|2</t>
  </si>
  <si>
    <t>3|3</t>
  </si>
  <si>
    <t>3|4</t>
  </si>
  <si>
    <t>3|5</t>
  </si>
  <si>
    <t>3|6</t>
  </si>
  <si>
    <t>3|7</t>
  </si>
  <si>
    <t>3|8</t>
  </si>
  <si>
    <t>3|9</t>
  </si>
  <si>
    <t>3|10</t>
  </si>
  <si>
    <t>3|11</t>
  </si>
  <si>
    <t>3|12</t>
  </si>
  <si>
    <t>3|13</t>
  </si>
  <si>
    <t>3|14</t>
  </si>
  <si>
    <t>3|15</t>
  </si>
  <si>
    <t>3|16</t>
  </si>
  <si>
    <t>3|17</t>
  </si>
  <si>
    <t>3|18</t>
  </si>
  <si>
    <t>3|19</t>
  </si>
  <si>
    <t>3|20</t>
  </si>
  <si>
    <t>3|21</t>
  </si>
  <si>
    <t>3|22</t>
  </si>
  <si>
    <t>3|23</t>
  </si>
  <si>
    <t>3|24</t>
  </si>
  <si>
    <t>3|25</t>
  </si>
  <si>
    <t>3|26</t>
  </si>
  <si>
    <t>3|27</t>
  </si>
  <si>
    <t>3|28</t>
  </si>
  <si>
    <t>3|29</t>
  </si>
  <si>
    <t>3|30</t>
  </si>
  <si>
    <t>3|31</t>
  </si>
  <si>
    <t>3|32</t>
  </si>
  <si>
    <t>3|33</t>
  </si>
  <si>
    <t>3|34</t>
  </si>
  <si>
    <t>3|35</t>
  </si>
  <si>
    <t>3|36</t>
  </si>
  <si>
    <t>3|37</t>
  </si>
  <si>
    <t>3|38</t>
  </si>
  <si>
    <t>3|39</t>
  </si>
  <si>
    <t>3|40</t>
  </si>
  <si>
    <t>3|41</t>
  </si>
  <si>
    <t>3|42</t>
  </si>
  <si>
    <t>3|43</t>
  </si>
  <si>
    <t>3|44</t>
  </si>
  <si>
    <t>3|45</t>
  </si>
  <si>
    <t>3|46</t>
  </si>
  <si>
    <t>3|47</t>
  </si>
  <si>
    <t>3|48</t>
  </si>
  <si>
    <t>3|49</t>
  </si>
  <si>
    <t>3|50</t>
  </si>
  <si>
    <t>3|51</t>
  </si>
  <si>
    <t>3|52</t>
  </si>
  <si>
    <t>3|53</t>
  </si>
  <si>
    <t>3|54</t>
  </si>
  <si>
    <t>3|55</t>
  </si>
  <si>
    <t>3|56</t>
  </si>
  <si>
    <t>3|57</t>
  </si>
  <si>
    <t>3|58</t>
  </si>
  <si>
    <t>3|59</t>
  </si>
  <si>
    <t>3|60</t>
  </si>
  <si>
    <t>3|61</t>
  </si>
  <si>
    <t>3|62</t>
  </si>
  <si>
    <t>3|63</t>
  </si>
  <si>
    <t>3|64</t>
  </si>
  <si>
    <t>3|65</t>
  </si>
  <si>
    <t>3|66</t>
  </si>
  <si>
    <t>3|67</t>
  </si>
  <si>
    <t>3|68</t>
  </si>
  <si>
    <t>3|69</t>
  </si>
  <si>
    <t>3|70</t>
  </si>
  <si>
    <t>3|71</t>
  </si>
  <si>
    <t>3|72</t>
  </si>
  <si>
    <t>3|73</t>
  </si>
  <si>
    <t>3|74</t>
  </si>
  <si>
    <t>3|75</t>
  </si>
  <si>
    <t>3|76</t>
  </si>
  <si>
    <t>3|77</t>
  </si>
  <si>
    <t>3|78</t>
  </si>
  <si>
    <t>3|79</t>
  </si>
  <si>
    <t>3|80</t>
  </si>
  <si>
    <t>3|81</t>
  </si>
  <si>
    <t>3|82</t>
  </si>
  <si>
    <t>3|83</t>
  </si>
  <si>
    <t>3|84</t>
  </si>
  <si>
    <t>3|85</t>
  </si>
  <si>
    <t>3|86</t>
  </si>
  <si>
    <t>3|87</t>
  </si>
  <si>
    <t>3|88</t>
  </si>
  <si>
    <t>3|89</t>
  </si>
  <si>
    <t>3|90</t>
  </si>
  <si>
    <t>3|91</t>
  </si>
  <si>
    <t>3|92</t>
  </si>
  <si>
    <t>3|93</t>
  </si>
  <si>
    <t>3|94</t>
  </si>
  <si>
    <t>3|95</t>
  </si>
  <si>
    <t>3|96</t>
  </si>
  <si>
    <t>3|97</t>
  </si>
  <si>
    <t>3|98</t>
  </si>
  <si>
    <t>3|99</t>
  </si>
  <si>
    <t>3|1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">
    <xf numFmtId="0" fontId="0" fillId="0" borderId="0" xfId="0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all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v>1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Type_4_6_15__.3_thixotropy_rwd!$F$2:$F$231</c:f>
              <c:numCache>
                <c:formatCode>General</c:formatCode>
                <c:ptCount val="230"/>
                <c:pt idx="0">
                  <c:v>0.92490166425705</c:v>
                </c:pt>
                <c:pt idx="1">
                  <c:v>1.9249734878539999</c:v>
                </c:pt>
                <c:pt idx="2">
                  <c:v>2.9249579906463601</c:v>
                </c:pt>
                <c:pt idx="3">
                  <c:v>3.9249341487884499</c:v>
                </c:pt>
                <c:pt idx="4">
                  <c:v>4.9277153015136701</c:v>
                </c:pt>
                <c:pt idx="5">
                  <c:v>5.9275593757629403</c:v>
                </c:pt>
                <c:pt idx="6">
                  <c:v>6.9275350570678702</c:v>
                </c:pt>
                <c:pt idx="7">
                  <c:v>7.9274468421936</c:v>
                </c:pt>
                <c:pt idx="8">
                  <c:v>8.9275341033935494</c:v>
                </c:pt>
                <c:pt idx="9">
                  <c:v>9.9247970581054705</c:v>
                </c:pt>
                <c:pt idx="10">
                  <c:v>10.9249048233032</c:v>
                </c:pt>
                <c:pt idx="11">
                  <c:v>11.925035476684601</c:v>
                </c:pt>
                <c:pt idx="12">
                  <c:v>12.9252214431763</c:v>
                </c:pt>
                <c:pt idx="13">
                  <c:v>13.925264358520501</c:v>
                </c:pt>
                <c:pt idx="14">
                  <c:v>14.9253225326538</c:v>
                </c:pt>
                <c:pt idx="15">
                  <c:v>15.9254808425903</c:v>
                </c:pt>
                <c:pt idx="16">
                  <c:v>16.925178527831999</c:v>
                </c:pt>
                <c:pt idx="17">
                  <c:v>17.925102233886701</c:v>
                </c:pt>
                <c:pt idx="18">
                  <c:v>18.924640655517599</c:v>
                </c:pt>
                <c:pt idx="19">
                  <c:v>19.9246425628662</c:v>
                </c:pt>
                <c:pt idx="20">
                  <c:v>20.924415588378899</c:v>
                </c:pt>
                <c:pt idx="21">
                  <c:v>21.9239387512207</c:v>
                </c:pt>
                <c:pt idx="22">
                  <c:v>22.924047470092798</c:v>
                </c:pt>
                <c:pt idx="23">
                  <c:v>23.923545837402301</c:v>
                </c:pt>
                <c:pt idx="24">
                  <c:v>24.9234008789063</c:v>
                </c:pt>
                <c:pt idx="25">
                  <c:v>25.923162460327099</c:v>
                </c:pt>
                <c:pt idx="26">
                  <c:v>26.922792434692401</c:v>
                </c:pt>
                <c:pt idx="27">
                  <c:v>27.9225959777832</c:v>
                </c:pt>
                <c:pt idx="28">
                  <c:v>28.922214508056602</c:v>
                </c:pt>
                <c:pt idx="29">
                  <c:v>29.922056198120099</c:v>
                </c:pt>
                <c:pt idx="30">
                  <c:v>30.9218044281006</c:v>
                </c:pt>
                <c:pt idx="31">
                  <c:v>31.9214973449707</c:v>
                </c:pt>
                <c:pt idx="32">
                  <c:v>32.921337127685497</c:v>
                </c:pt>
                <c:pt idx="33">
                  <c:v>33.920871734619098</c:v>
                </c:pt>
                <c:pt idx="34">
                  <c:v>34.920822143554702</c:v>
                </c:pt>
                <c:pt idx="35">
                  <c:v>35.9205513000488</c:v>
                </c:pt>
                <c:pt idx="36">
                  <c:v>36.920516967773402</c:v>
                </c:pt>
                <c:pt idx="37">
                  <c:v>37.920036315917997</c:v>
                </c:pt>
                <c:pt idx="38">
                  <c:v>38.919979095458999</c:v>
                </c:pt>
                <c:pt idx="39">
                  <c:v>39.919788360595703</c:v>
                </c:pt>
                <c:pt idx="40">
                  <c:v>40.919101715087898</c:v>
                </c:pt>
                <c:pt idx="41">
                  <c:v>41.918907165527301</c:v>
                </c:pt>
                <c:pt idx="42">
                  <c:v>42.921470642089801</c:v>
                </c:pt>
                <c:pt idx="43">
                  <c:v>43.921257019042997</c:v>
                </c:pt>
                <c:pt idx="44">
                  <c:v>44.921134948730497</c:v>
                </c:pt>
                <c:pt idx="45">
                  <c:v>45.921165466308601</c:v>
                </c:pt>
                <c:pt idx="46">
                  <c:v>46.920848846435497</c:v>
                </c:pt>
                <c:pt idx="47">
                  <c:v>47.920719146728501</c:v>
                </c:pt>
                <c:pt idx="48">
                  <c:v>48.920074462890597</c:v>
                </c:pt>
                <c:pt idx="49">
                  <c:v>49.9200630187988</c:v>
                </c:pt>
                <c:pt idx="50">
                  <c:v>50.919628143310497</c:v>
                </c:pt>
                <c:pt idx="51">
                  <c:v>51.919288635253899</c:v>
                </c:pt>
                <c:pt idx="52">
                  <c:v>52.919403076171903</c:v>
                </c:pt>
                <c:pt idx="53">
                  <c:v>53.918754577636697</c:v>
                </c:pt>
                <c:pt idx="54">
                  <c:v>54.919025421142599</c:v>
                </c:pt>
                <c:pt idx="55">
                  <c:v>55.918453216552699</c:v>
                </c:pt>
                <c:pt idx="56">
                  <c:v>56.918289184570298</c:v>
                </c:pt>
                <c:pt idx="57">
                  <c:v>57.917930603027301</c:v>
                </c:pt>
                <c:pt idx="58">
                  <c:v>58.917724609375</c:v>
                </c:pt>
                <c:pt idx="59">
                  <c:v>59.9174194335938</c:v>
                </c:pt>
                <c:pt idx="60">
                  <c:v>60.917213439941399</c:v>
                </c:pt>
                <c:pt idx="61">
                  <c:v>61.917190551757798</c:v>
                </c:pt>
                <c:pt idx="62">
                  <c:v>62.916912078857401</c:v>
                </c:pt>
                <c:pt idx="63">
                  <c:v>63.916664123535199</c:v>
                </c:pt>
                <c:pt idx="64">
                  <c:v>64.916152954101605</c:v>
                </c:pt>
                <c:pt idx="65">
                  <c:v>65.916091918945298</c:v>
                </c:pt>
                <c:pt idx="66">
                  <c:v>66.915420532226605</c:v>
                </c:pt>
                <c:pt idx="67">
                  <c:v>67.915542602539105</c:v>
                </c:pt>
                <c:pt idx="68">
                  <c:v>68.915222167968807</c:v>
                </c:pt>
                <c:pt idx="69">
                  <c:v>69.915000915527301</c:v>
                </c:pt>
                <c:pt idx="70">
                  <c:v>70.914688110351605</c:v>
                </c:pt>
                <c:pt idx="71">
                  <c:v>71.91455078125</c:v>
                </c:pt>
                <c:pt idx="72">
                  <c:v>72.914001464843807</c:v>
                </c:pt>
                <c:pt idx="73">
                  <c:v>73.913948059082003</c:v>
                </c:pt>
                <c:pt idx="74">
                  <c:v>74.913612365722699</c:v>
                </c:pt>
                <c:pt idx="75">
                  <c:v>75.9134521484375</c:v>
                </c:pt>
                <c:pt idx="76">
                  <c:v>76.9134521484375</c:v>
                </c:pt>
                <c:pt idx="77">
                  <c:v>77.912704467773395</c:v>
                </c:pt>
                <c:pt idx="78">
                  <c:v>78.9129638671875</c:v>
                </c:pt>
                <c:pt idx="79">
                  <c:v>79.912139892578097</c:v>
                </c:pt>
                <c:pt idx="80">
                  <c:v>80.913131713867202</c:v>
                </c:pt>
                <c:pt idx="81">
                  <c:v>81.911972045898395</c:v>
                </c:pt>
                <c:pt idx="82">
                  <c:v>82.910858154296903</c:v>
                </c:pt>
                <c:pt idx="83">
                  <c:v>83.911872863769503</c:v>
                </c:pt>
                <c:pt idx="84">
                  <c:v>84.911552429199205</c:v>
                </c:pt>
                <c:pt idx="85">
                  <c:v>85.911476135253906</c:v>
                </c:pt>
                <c:pt idx="86">
                  <c:v>86.910957336425795</c:v>
                </c:pt>
                <c:pt idx="87">
                  <c:v>87.910430908203097</c:v>
                </c:pt>
                <c:pt idx="88">
                  <c:v>88.910232543945298</c:v>
                </c:pt>
                <c:pt idx="89">
                  <c:v>89.909812927246094</c:v>
                </c:pt>
                <c:pt idx="90">
                  <c:v>90.910072326660199</c:v>
                </c:pt>
                <c:pt idx="91">
                  <c:v>91.909835815429702</c:v>
                </c:pt>
                <c:pt idx="92">
                  <c:v>92.909523010253906</c:v>
                </c:pt>
                <c:pt idx="93">
                  <c:v>93.909111022949205</c:v>
                </c:pt>
                <c:pt idx="94">
                  <c:v>94.908714294433594</c:v>
                </c:pt>
                <c:pt idx="95">
                  <c:v>95.908668518066406</c:v>
                </c:pt>
                <c:pt idx="96">
                  <c:v>96.9083251953125</c:v>
                </c:pt>
                <c:pt idx="97">
                  <c:v>97.908462524414105</c:v>
                </c:pt>
                <c:pt idx="98">
                  <c:v>98.906913757324205</c:v>
                </c:pt>
                <c:pt idx="99">
                  <c:v>99.908279418945298</c:v>
                </c:pt>
                <c:pt idx="100">
                  <c:v>100.00079345703099</c:v>
                </c:pt>
                <c:pt idx="101">
                  <c:v>100.00009918212901</c:v>
                </c:pt>
                <c:pt idx="102">
                  <c:v>100.00096130371099</c:v>
                </c:pt>
                <c:pt idx="103">
                  <c:v>100.000198364258</c:v>
                </c:pt>
                <c:pt idx="104">
                  <c:v>99.999122619628906</c:v>
                </c:pt>
                <c:pt idx="105">
                  <c:v>99.999786376953097</c:v>
                </c:pt>
                <c:pt idx="106">
                  <c:v>99.999763488769503</c:v>
                </c:pt>
                <c:pt idx="107">
                  <c:v>100.000610351563</c:v>
                </c:pt>
                <c:pt idx="108">
                  <c:v>100.00025177002</c:v>
                </c:pt>
                <c:pt idx="109">
                  <c:v>99.999862670898395</c:v>
                </c:pt>
                <c:pt idx="110">
                  <c:v>99.999786376953097</c:v>
                </c:pt>
                <c:pt idx="111">
                  <c:v>99.999694824218807</c:v>
                </c:pt>
                <c:pt idx="112">
                  <c:v>100.000053405762</c:v>
                </c:pt>
                <c:pt idx="113">
                  <c:v>100.0009765625</c:v>
                </c:pt>
                <c:pt idx="114">
                  <c:v>100.00009155273401</c:v>
                </c:pt>
                <c:pt idx="115">
                  <c:v>99.999916076660199</c:v>
                </c:pt>
                <c:pt idx="116">
                  <c:v>100.0048828125</c:v>
                </c:pt>
                <c:pt idx="117">
                  <c:v>99.999580383300795</c:v>
                </c:pt>
                <c:pt idx="118">
                  <c:v>100.00046539306599</c:v>
                </c:pt>
                <c:pt idx="119">
                  <c:v>99.999626159667997</c:v>
                </c:pt>
                <c:pt idx="120">
                  <c:v>99.999366760253906</c:v>
                </c:pt>
                <c:pt idx="121">
                  <c:v>100.000205993652</c:v>
                </c:pt>
                <c:pt idx="122">
                  <c:v>99.999176025390597</c:v>
                </c:pt>
                <c:pt idx="123">
                  <c:v>100.000198364258</c:v>
                </c:pt>
                <c:pt idx="124">
                  <c:v>99.999931335449205</c:v>
                </c:pt>
                <c:pt idx="125">
                  <c:v>100.00030517578099</c:v>
                </c:pt>
                <c:pt idx="126">
                  <c:v>100.000358581543</c:v>
                </c:pt>
                <c:pt idx="127">
                  <c:v>100.00001525878901</c:v>
                </c:pt>
                <c:pt idx="128">
                  <c:v>100.000373840332</c:v>
                </c:pt>
                <c:pt idx="129">
                  <c:v>100.000694274902</c:v>
                </c:pt>
                <c:pt idx="130">
                  <c:v>99.076332092285199</c:v>
                </c:pt>
                <c:pt idx="131">
                  <c:v>98.075942993164105</c:v>
                </c:pt>
                <c:pt idx="132">
                  <c:v>97.073463439941406</c:v>
                </c:pt>
                <c:pt idx="133">
                  <c:v>96.073669433593807</c:v>
                </c:pt>
                <c:pt idx="134">
                  <c:v>95.075942993164105</c:v>
                </c:pt>
                <c:pt idx="135">
                  <c:v>94.076652526855497</c:v>
                </c:pt>
                <c:pt idx="136">
                  <c:v>93.077285766601605</c:v>
                </c:pt>
                <c:pt idx="137">
                  <c:v>92.074310302734403</c:v>
                </c:pt>
                <c:pt idx="138">
                  <c:v>91.074356079101605</c:v>
                </c:pt>
                <c:pt idx="139">
                  <c:v>90.077194213867202</c:v>
                </c:pt>
                <c:pt idx="140">
                  <c:v>89.077735900878906</c:v>
                </c:pt>
                <c:pt idx="141">
                  <c:v>88.078407287597699</c:v>
                </c:pt>
                <c:pt idx="142">
                  <c:v>87.075752258300795</c:v>
                </c:pt>
                <c:pt idx="143">
                  <c:v>86.078575134277301</c:v>
                </c:pt>
                <c:pt idx="144">
                  <c:v>85.078987121582003</c:v>
                </c:pt>
                <c:pt idx="145">
                  <c:v>84.078887939453097</c:v>
                </c:pt>
                <c:pt idx="146">
                  <c:v>83.079643249511705</c:v>
                </c:pt>
                <c:pt idx="147">
                  <c:v>82.079765319824205</c:v>
                </c:pt>
                <c:pt idx="148">
                  <c:v>81.079940795898395</c:v>
                </c:pt>
                <c:pt idx="149">
                  <c:v>80.079757690429702</c:v>
                </c:pt>
                <c:pt idx="150">
                  <c:v>79.079940795898395</c:v>
                </c:pt>
                <c:pt idx="151">
                  <c:v>78.081115722656307</c:v>
                </c:pt>
                <c:pt idx="152">
                  <c:v>77.080589294433594</c:v>
                </c:pt>
                <c:pt idx="153">
                  <c:v>76.080879211425795</c:v>
                </c:pt>
                <c:pt idx="154">
                  <c:v>75.081367492675795</c:v>
                </c:pt>
                <c:pt idx="155">
                  <c:v>74.081436157226605</c:v>
                </c:pt>
                <c:pt idx="156">
                  <c:v>73.081611633300795</c:v>
                </c:pt>
                <c:pt idx="157">
                  <c:v>72.081657409667997</c:v>
                </c:pt>
                <c:pt idx="158">
                  <c:v>71.0819091796875</c:v>
                </c:pt>
                <c:pt idx="159">
                  <c:v>70.082183837890597</c:v>
                </c:pt>
                <c:pt idx="160">
                  <c:v>69.082588195800795</c:v>
                </c:pt>
                <c:pt idx="161">
                  <c:v>68.082801818847699</c:v>
                </c:pt>
                <c:pt idx="162">
                  <c:v>67.083648681640597</c:v>
                </c:pt>
                <c:pt idx="163">
                  <c:v>66.0836181640625</c:v>
                </c:pt>
                <c:pt idx="164">
                  <c:v>65.083641052246094</c:v>
                </c:pt>
                <c:pt idx="165">
                  <c:v>64.083915710449205</c:v>
                </c:pt>
                <c:pt idx="166">
                  <c:v>63.084487915039098</c:v>
                </c:pt>
                <c:pt idx="167">
                  <c:v>62.084651947021499</c:v>
                </c:pt>
                <c:pt idx="168">
                  <c:v>61.084293365478501</c:v>
                </c:pt>
                <c:pt idx="169">
                  <c:v>60.084911346435497</c:v>
                </c:pt>
                <c:pt idx="170">
                  <c:v>59.0850830078125</c:v>
                </c:pt>
                <c:pt idx="171">
                  <c:v>58.082363128662102</c:v>
                </c:pt>
                <c:pt idx="172">
                  <c:v>57.085487365722699</c:v>
                </c:pt>
                <c:pt idx="173">
                  <c:v>56.083106994628899</c:v>
                </c:pt>
                <c:pt idx="174">
                  <c:v>55.086395263671903</c:v>
                </c:pt>
                <c:pt idx="175">
                  <c:v>54.083728790283203</c:v>
                </c:pt>
                <c:pt idx="176">
                  <c:v>53.083614349365199</c:v>
                </c:pt>
                <c:pt idx="177">
                  <c:v>52.084163665771499</c:v>
                </c:pt>
                <c:pt idx="178">
                  <c:v>51.084548950195298</c:v>
                </c:pt>
                <c:pt idx="179">
                  <c:v>50.084583282470703</c:v>
                </c:pt>
                <c:pt idx="180">
                  <c:v>49.084930419921903</c:v>
                </c:pt>
                <c:pt idx="181">
                  <c:v>48.084911346435497</c:v>
                </c:pt>
                <c:pt idx="182">
                  <c:v>47.085205078125</c:v>
                </c:pt>
                <c:pt idx="183">
                  <c:v>46.085483551025398</c:v>
                </c:pt>
                <c:pt idx="184">
                  <c:v>45.085880279541001</c:v>
                </c:pt>
                <c:pt idx="185">
                  <c:v>44.085910797119098</c:v>
                </c:pt>
                <c:pt idx="186">
                  <c:v>43.086170196533203</c:v>
                </c:pt>
                <c:pt idx="187">
                  <c:v>42.086174011230497</c:v>
                </c:pt>
                <c:pt idx="188">
                  <c:v>41.086524963378899</c:v>
                </c:pt>
                <c:pt idx="189">
                  <c:v>40.087039947509801</c:v>
                </c:pt>
                <c:pt idx="190">
                  <c:v>39.087200164794901</c:v>
                </c:pt>
                <c:pt idx="191">
                  <c:v>38.087360382080099</c:v>
                </c:pt>
                <c:pt idx="192">
                  <c:v>37.087654113769503</c:v>
                </c:pt>
                <c:pt idx="193">
                  <c:v>36.087821960449197</c:v>
                </c:pt>
                <c:pt idx="194">
                  <c:v>35.088233947753899</c:v>
                </c:pt>
                <c:pt idx="195">
                  <c:v>34.088417053222699</c:v>
                </c:pt>
                <c:pt idx="196">
                  <c:v>33.088653564453097</c:v>
                </c:pt>
                <c:pt idx="197">
                  <c:v>32.089000701904297</c:v>
                </c:pt>
                <c:pt idx="198">
                  <c:v>31.089014053344702</c:v>
                </c:pt>
                <c:pt idx="199">
                  <c:v>30.0893669128418</c:v>
                </c:pt>
                <c:pt idx="200">
                  <c:v>29.089614868164102</c:v>
                </c:pt>
                <c:pt idx="201">
                  <c:v>28.089939117431602</c:v>
                </c:pt>
                <c:pt idx="202">
                  <c:v>27.0899982452393</c:v>
                </c:pt>
                <c:pt idx="203">
                  <c:v>26.090406417846701</c:v>
                </c:pt>
                <c:pt idx="204">
                  <c:v>25.090589523315401</c:v>
                </c:pt>
                <c:pt idx="205">
                  <c:v>24.090774536132798</c:v>
                </c:pt>
                <c:pt idx="206">
                  <c:v>23.091106414794901</c:v>
                </c:pt>
                <c:pt idx="207">
                  <c:v>22.0913181304932</c:v>
                </c:pt>
                <c:pt idx="208">
                  <c:v>21.091569900512699</c:v>
                </c:pt>
                <c:pt idx="209">
                  <c:v>20.0917854309082</c:v>
                </c:pt>
                <c:pt idx="210">
                  <c:v>19.0920524597168</c:v>
                </c:pt>
                <c:pt idx="211">
                  <c:v>18.092250823974599</c:v>
                </c:pt>
                <c:pt idx="212">
                  <c:v>17.092552185058601</c:v>
                </c:pt>
                <c:pt idx="213">
                  <c:v>16.092760086059599</c:v>
                </c:pt>
                <c:pt idx="214">
                  <c:v>15.092730522155801</c:v>
                </c:pt>
                <c:pt idx="215">
                  <c:v>14.0925855636597</c:v>
                </c:pt>
                <c:pt idx="216">
                  <c:v>13.0925645828247</c:v>
                </c:pt>
                <c:pt idx="217">
                  <c:v>12.0925350189209</c:v>
                </c:pt>
                <c:pt idx="218">
                  <c:v>11.092247009277299</c:v>
                </c:pt>
                <c:pt idx="219">
                  <c:v>10.092267990112299</c:v>
                </c:pt>
                <c:pt idx="220">
                  <c:v>9.0921134948730504</c:v>
                </c:pt>
                <c:pt idx="221">
                  <c:v>8.0920581817627006</c:v>
                </c:pt>
                <c:pt idx="222">
                  <c:v>7.0920882225036603</c:v>
                </c:pt>
                <c:pt idx="223">
                  <c:v>6.0920681953430202</c:v>
                </c:pt>
                <c:pt idx="224">
                  <c:v>5.0922055244445801</c:v>
                </c:pt>
                <c:pt idx="225">
                  <c:v>4.0922975540161097</c:v>
                </c:pt>
                <c:pt idx="226">
                  <c:v>3.0922670364379901</c:v>
                </c:pt>
                <c:pt idx="227">
                  <c:v>2.09232497215271</c:v>
                </c:pt>
                <c:pt idx="228">
                  <c:v>1.09236812591553</c:v>
                </c:pt>
                <c:pt idx="229">
                  <c:v>9.2543743550777394E-2</c:v>
                </c:pt>
              </c:numCache>
            </c:numRef>
          </c:xVal>
          <c:yVal>
            <c:numRef>
              <c:f>Type_4_6_15__.3_thixotropy_rwd!$G$2:$G$231</c:f>
              <c:numCache>
                <c:formatCode>General</c:formatCode>
                <c:ptCount val="230"/>
                <c:pt idx="0">
                  <c:v>13.961327552795399</c:v>
                </c:pt>
                <c:pt idx="1">
                  <c:v>7.2527384757995597</c:v>
                </c:pt>
                <c:pt idx="2">
                  <c:v>5.2651333808898899</c:v>
                </c:pt>
                <c:pt idx="3">
                  <c:v>4.2440476417541504</c:v>
                </c:pt>
                <c:pt idx="4">
                  <c:v>3.6420557498931898</c:v>
                </c:pt>
                <c:pt idx="5">
                  <c:v>3.19610595703125</c:v>
                </c:pt>
                <c:pt idx="6">
                  <c:v>2.87780666351318</c:v>
                </c:pt>
                <c:pt idx="7">
                  <c:v>2.6538558006286599</c:v>
                </c:pt>
                <c:pt idx="8">
                  <c:v>2.4384713172912602</c:v>
                </c:pt>
                <c:pt idx="9">
                  <c:v>2.3124139308929399</c:v>
                </c:pt>
                <c:pt idx="10">
                  <c:v>2.1808118820190399</c:v>
                </c:pt>
                <c:pt idx="11">
                  <c:v>2.0933403968811</c:v>
                </c:pt>
                <c:pt idx="12">
                  <c:v>1.9818133115768399</c:v>
                </c:pt>
                <c:pt idx="13">
                  <c:v>1.8842583894729601</c:v>
                </c:pt>
                <c:pt idx="14">
                  <c:v>1.80226814746857</c:v>
                </c:pt>
                <c:pt idx="15">
                  <c:v>1.72725665569305</c:v>
                </c:pt>
                <c:pt idx="16">
                  <c:v>1.6711965799331701</c:v>
                </c:pt>
                <c:pt idx="17">
                  <c:v>1.64321649074554</c:v>
                </c:pt>
                <c:pt idx="18">
                  <c:v>1.58782410621643</c:v>
                </c:pt>
                <c:pt idx="19">
                  <c:v>1.5460892915725699</c:v>
                </c:pt>
                <c:pt idx="20">
                  <c:v>1.48849236965179</c:v>
                </c:pt>
                <c:pt idx="21">
                  <c:v>1.4393990039825399</c:v>
                </c:pt>
                <c:pt idx="22">
                  <c:v>1.4064154624939</c:v>
                </c:pt>
                <c:pt idx="23">
                  <c:v>1.4017469882965099</c:v>
                </c:pt>
                <c:pt idx="24">
                  <c:v>1.3646844625473</c:v>
                </c:pt>
                <c:pt idx="25">
                  <c:v>1.3530008792877199</c:v>
                </c:pt>
                <c:pt idx="26">
                  <c:v>1.3585400581359901</c:v>
                </c:pt>
                <c:pt idx="27">
                  <c:v>1.33316969871521</c:v>
                </c:pt>
                <c:pt idx="28">
                  <c:v>1.34697830677032</c:v>
                </c:pt>
                <c:pt idx="29">
                  <c:v>1.33508336544037</c:v>
                </c:pt>
                <c:pt idx="30">
                  <c:v>1.3120484352111801</c:v>
                </c:pt>
                <c:pt idx="31">
                  <c:v>1.2936027050018299</c:v>
                </c:pt>
                <c:pt idx="32">
                  <c:v>1.29497635364532</c:v>
                </c:pt>
                <c:pt idx="33">
                  <c:v>1.28087902069092</c:v>
                </c:pt>
                <c:pt idx="34">
                  <c:v>1.2976161241531401</c:v>
                </c:pt>
                <c:pt idx="35">
                  <c:v>1.2872232198715201</c:v>
                </c:pt>
                <c:pt idx="36">
                  <c:v>1.2940211296081501</c:v>
                </c:pt>
                <c:pt idx="37">
                  <c:v>1.2908028364181501</c:v>
                </c:pt>
                <c:pt idx="38">
                  <c:v>1.3080514669418299</c:v>
                </c:pt>
                <c:pt idx="39">
                  <c:v>1.29607594013214</c:v>
                </c:pt>
                <c:pt idx="40">
                  <c:v>1.2899653911590601</c:v>
                </c:pt>
                <c:pt idx="41">
                  <c:v>1.3014328479766799</c:v>
                </c:pt>
                <c:pt idx="42">
                  <c:v>1.3112484216690099</c:v>
                </c:pt>
                <c:pt idx="43">
                  <c:v>1.3355399370193499</c:v>
                </c:pt>
                <c:pt idx="44">
                  <c:v>1.3402733802795399</c:v>
                </c:pt>
                <c:pt idx="45">
                  <c:v>1.34063816070557</c:v>
                </c:pt>
                <c:pt idx="46">
                  <c:v>1.3731229305267301</c:v>
                </c:pt>
                <c:pt idx="47">
                  <c:v>1.38096511363983</c:v>
                </c:pt>
                <c:pt idx="48">
                  <c:v>1.40126216411591</c:v>
                </c:pt>
                <c:pt idx="49">
                  <c:v>1.4295282363891599</c:v>
                </c:pt>
                <c:pt idx="50">
                  <c:v>1.43321144580841</c:v>
                </c:pt>
                <c:pt idx="51">
                  <c:v>1.4437490701675399</c:v>
                </c:pt>
                <c:pt idx="52">
                  <c:v>1.46197533607483</c:v>
                </c:pt>
                <c:pt idx="53">
                  <c:v>1.4694730043411299</c:v>
                </c:pt>
                <c:pt idx="54">
                  <c:v>1.4868882894516</c:v>
                </c:pt>
                <c:pt idx="55">
                  <c:v>1.5086580514907799</c:v>
                </c:pt>
                <c:pt idx="56">
                  <c:v>1.53947269916534</c:v>
                </c:pt>
                <c:pt idx="57">
                  <c:v>1.5354648828506501</c:v>
                </c:pt>
                <c:pt idx="58">
                  <c:v>1.5402648448944101</c:v>
                </c:pt>
                <c:pt idx="59">
                  <c:v>1.5549778938293499</c:v>
                </c:pt>
                <c:pt idx="60">
                  <c:v>1.5683821439743</c:v>
                </c:pt>
                <c:pt idx="61">
                  <c:v>1.57759296894073</c:v>
                </c:pt>
                <c:pt idx="62">
                  <c:v>1.58654689788818</c:v>
                </c:pt>
                <c:pt idx="63">
                  <c:v>1.6241158246994001</c:v>
                </c:pt>
                <c:pt idx="64">
                  <c:v>1.58476221561432</c:v>
                </c:pt>
                <c:pt idx="65">
                  <c:v>1.5984524488449099</c:v>
                </c:pt>
                <c:pt idx="66">
                  <c:v>1.62205958366394</c:v>
                </c:pt>
                <c:pt idx="67">
                  <c:v>1.64571952819824</c:v>
                </c:pt>
                <c:pt idx="68">
                  <c:v>1.6726102828979501</c:v>
                </c:pt>
                <c:pt idx="69">
                  <c:v>1.68910264968872</c:v>
                </c:pt>
                <c:pt idx="70">
                  <c:v>1.6913436651229901</c:v>
                </c:pt>
                <c:pt idx="71">
                  <c:v>1.6939939260482799</c:v>
                </c:pt>
                <c:pt idx="72">
                  <c:v>1.698774933815</c:v>
                </c:pt>
                <c:pt idx="73">
                  <c:v>1.70916855335236</c:v>
                </c:pt>
                <c:pt idx="74">
                  <c:v>1.6965236663818399</c:v>
                </c:pt>
                <c:pt idx="75">
                  <c:v>1.59962117671967</c:v>
                </c:pt>
                <c:pt idx="76">
                  <c:v>1.6360459327697801</c:v>
                </c:pt>
                <c:pt idx="77">
                  <c:v>1.66803598403931</c:v>
                </c:pt>
                <c:pt idx="78">
                  <c:v>1.6691545248031601</c:v>
                </c:pt>
                <c:pt idx="79">
                  <c:v>1.6581851243972801</c:v>
                </c:pt>
                <c:pt idx="80">
                  <c:v>1.6777476072311399</c:v>
                </c:pt>
                <c:pt idx="81">
                  <c:v>1.6461166143417401</c:v>
                </c:pt>
                <c:pt idx="82">
                  <c:v>1.6692411899566699</c:v>
                </c:pt>
                <c:pt idx="83">
                  <c:v>1.6598893404007</c:v>
                </c:pt>
                <c:pt idx="84">
                  <c:v>1.6888182163238501</c:v>
                </c:pt>
                <c:pt idx="85">
                  <c:v>1.70790708065033</c:v>
                </c:pt>
                <c:pt idx="86">
                  <c:v>1.68485832214355</c:v>
                </c:pt>
                <c:pt idx="87">
                  <c:v>1.7167316675186199</c:v>
                </c:pt>
                <c:pt idx="88">
                  <c:v>1.71145308017731</c:v>
                </c:pt>
                <c:pt idx="89">
                  <c:v>1.7135639190673799</c:v>
                </c:pt>
                <c:pt idx="90">
                  <c:v>1.7516416311264</c:v>
                </c:pt>
                <c:pt idx="91">
                  <c:v>1.7571450471878101</c:v>
                </c:pt>
                <c:pt idx="92">
                  <c:v>1.7613872289657599</c:v>
                </c:pt>
                <c:pt idx="93">
                  <c:v>1.7838119268417401</c:v>
                </c:pt>
                <c:pt idx="94">
                  <c:v>1.77861428260803</c:v>
                </c:pt>
                <c:pt idx="95">
                  <c:v>1.77576792240143</c:v>
                </c:pt>
                <c:pt idx="96">
                  <c:v>1.7684456110000599</c:v>
                </c:pt>
                <c:pt idx="97">
                  <c:v>1.7831003665924099</c:v>
                </c:pt>
                <c:pt idx="98">
                  <c:v>1.74143958091736</c:v>
                </c:pt>
                <c:pt idx="99">
                  <c:v>1.77719402313232</c:v>
                </c:pt>
                <c:pt idx="100">
                  <c:v>1.7017636299133301</c:v>
                </c:pt>
                <c:pt idx="101">
                  <c:v>1.70483362674713</c:v>
                </c:pt>
                <c:pt idx="102">
                  <c:v>1.7064516544342001</c:v>
                </c:pt>
                <c:pt idx="103">
                  <c:v>1.71927607059479</c:v>
                </c:pt>
                <c:pt idx="104">
                  <c:v>1.7132259607315099</c:v>
                </c:pt>
                <c:pt idx="105">
                  <c:v>1.72194027900696</c:v>
                </c:pt>
                <c:pt idx="106">
                  <c:v>1.72008109092712</c:v>
                </c:pt>
                <c:pt idx="107">
                  <c:v>1.72385358810425</c:v>
                </c:pt>
                <c:pt idx="108">
                  <c:v>1.7103458642959599</c:v>
                </c:pt>
                <c:pt idx="109">
                  <c:v>1.69693148136139</c:v>
                </c:pt>
                <c:pt idx="110">
                  <c:v>1.6975523233413701</c:v>
                </c:pt>
                <c:pt idx="111">
                  <c:v>1.70700919628143</c:v>
                </c:pt>
                <c:pt idx="112">
                  <c:v>1.70386230945587</c:v>
                </c:pt>
                <c:pt idx="113">
                  <c:v>1.68544745445251</c:v>
                </c:pt>
                <c:pt idx="114">
                  <c:v>1.6936326026916499</c:v>
                </c:pt>
                <c:pt idx="115">
                  <c:v>1.6931388378143299</c:v>
                </c:pt>
                <c:pt idx="116">
                  <c:v>1.6857258081436199</c:v>
                </c:pt>
                <c:pt idx="117">
                  <c:v>1.65188944339752</c:v>
                </c:pt>
                <c:pt idx="118">
                  <c:v>1.66039967536926</c:v>
                </c:pt>
                <c:pt idx="119">
                  <c:v>1.66319715976715</c:v>
                </c:pt>
                <c:pt idx="120">
                  <c:v>1.6828089952468901</c:v>
                </c:pt>
                <c:pt idx="121">
                  <c:v>1.64202797412872</c:v>
                </c:pt>
                <c:pt idx="122">
                  <c:v>1.6539124250412001</c:v>
                </c:pt>
                <c:pt idx="123">
                  <c:v>1.67841589450836</c:v>
                </c:pt>
                <c:pt idx="124">
                  <c:v>1.69527351856232</c:v>
                </c:pt>
                <c:pt idx="125">
                  <c:v>1.69480180740356</c:v>
                </c:pt>
                <c:pt idx="126">
                  <c:v>1.6802716255187999</c:v>
                </c:pt>
                <c:pt idx="127">
                  <c:v>1.67477583885193</c:v>
                </c:pt>
                <c:pt idx="128">
                  <c:v>1.6854493618011499</c:v>
                </c:pt>
                <c:pt idx="129">
                  <c:v>1.68206715583801</c:v>
                </c:pt>
                <c:pt idx="130">
                  <c:v>1.7023516893386801</c:v>
                </c:pt>
                <c:pt idx="131">
                  <c:v>1.6278495788574201</c:v>
                </c:pt>
                <c:pt idx="132">
                  <c:v>1.64673519134521</c:v>
                </c:pt>
                <c:pt idx="133">
                  <c:v>1.6243201494216899</c:v>
                </c:pt>
                <c:pt idx="134">
                  <c:v>1.6172466278076201</c:v>
                </c:pt>
                <c:pt idx="135">
                  <c:v>1.5977281332016</c:v>
                </c:pt>
                <c:pt idx="136">
                  <c:v>1.5902841091155999</c:v>
                </c:pt>
                <c:pt idx="137">
                  <c:v>1.56545662879944</c:v>
                </c:pt>
                <c:pt idx="138">
                  <c:v>1.5677902698516799</c:v>
                </c:pt>
                <c:pt idx="139">
                  <c:v>1.5666760206222501</c:v>
                </c:pt>
                <c:pt idx="140">
                  <c:v>1.5428330898284901</c:v>
                </c:pt>
                <c:pt idx="141">
                  <c:v>1.53299677371979</c:v>
                </c:pt>
                <c:pt idx="142">
                  <c:v>1.47355568408966</c:v>
                </c:pt>
                <c:pt idx="143">
                  <c:v>1.4566965103149401</c:v>
                </c:pt>
                <c:pt idx="144">
                  <c:v>1.4401149749755899</c:v>
                </c:pt>
                <c:pt idx="145">
                  <c:v>1.44612157344818</c:v>
                </c:pt>
                <c:pt idx="146">
                  <c:v>1.4347352981567401</c:v>
                </c:pt>
                <c:pt idx="147">
                  <c:v>1.43262374401093</c:v>
                </c:pt>
                <c:pt idx="148">
                  <c:v>1.40111744403839</c:v>
                </c:pt>
                <c:pt idx="149">
                  <c:v>1.39572393894196</c:v>
                </c:pt>
                <c:pt idx="150">
                  <c:v>1.3991110324859599</c:v>
                </c:pt>
                <c:pt idx="151">
                  <c:v>1.3801010847091699</c:v>
                </c:pt>
                <c:pt idx="152">
                  <c:v>1.3706852197647099</c:v>
                </c:pt>
                <c:pt idx="153">
                  <c:v>1.37730324268341</c:v>
                </c:pt>
                <c:pt idx="154">
                  <c:v>1.35585796833038</c:v>
                </c:pt>
                <c:pt idx="155">
                  <c:v>1.3475704193115201</c:v>
                </c:pt>
                <c:pt idx="156">
                  <c:v>1.3396904468536399</c:v>
                </c:pt>
                <c:pt idx="157">
                  <c:v>1.32989537715912</c:v>
                </c:pt>
                <c:pt idx="158">
                  <c:v>1.31467509269714</c:v>
                </c:pt>
                <c:pt idx="159">
                  <c:v>1.32899677753448</c:v>
                </c:pt>
                <c:pt idx="160">
                  <c:v>1.30557548999786</c:v>
                </c:pt>
                <c:pt idx="161">
                  <c:v>1.27590131759644</c:v>
                </c:pt>
                <c:pt idx="162">
                  <c:v>1.2414065599441499</c:v>
                </c:pt>
                <c:pt idx="163">
                  <c:v>1.2321478128433201</c:v>
                </c:pt>
                <c:pt idx="164">
                  <c:v>1.22148621082306</c:v>
                </c:pt>
                <c:pt idx="165">
                  <c:v>1.2376321554184</c:v>
                </c:pt>
                <c:pt idx="166">
                  <c:v>1.2242457866668699</c:v>
                </c:pt>
                <c:pt idx="167">
                  <c:v>1.2181822061538701</c:v>
                </c:pt>
                <c:pt idx="168">
                  <c:v>1.2066076993942301</c:v>
                </c:pt>
                <c:pt idx="169">
                  <c:v>1.2023444175720199</c:v>
                </c:pt>
                <c:pt idx="170">
                  <c:v>1.29324018955231</c:v>
                </c:pt>
                <c:pt idx="171">
                  <c:v>1.28237152099609</c:v>
                </c:pt>
                <c:pt idx="172">
                  <c:v>1.26042473316193</c:v>
                </c:pt>
                <c:pt idx="173">
                  <c:v>1.23671174049377</c:v>
                </c:pt>
                <c:pt idx="174">
                  <c:v>1.2168211936950699</c:v>
                </c:pt>
                <c:pt idx="175">
                  <c:v>1.22968137264252</c:v>
                </c:pt>
                <c:pt idx="176">
                  <c:v>1.32828617095947</c:v>
                </c:pt>
                <c:pt idx="177">
                  <c:v>1.28141713142395</c:v>
                </c:pt>
                <c:pt idx="178">
                  <c:v>1.2854093313217201</c:v>
                </c:pt>
                <c:pt idx="179">
                  <c:v>1.2724621295928999</c:v>
                </c:pt>
                <c:pt idx="180">
                  <c:v>1.2363016605377199</c:v>
                </c:pt>
                <c:pt idx="181">
                  <c:v>1.22464179992676</c:v>
                </c:pt>
                <c:pt idx="182">
                  <c:v>1.22830498218536</c:v>
                </c:pt>
                <c:pt idx="183">
                  <c:v>1.1952091455459599</c:v>
                </c:pt>
                <c:pt idx="184">
                  <c:v>1.19292104244232</c:v>
                </c:pt>
                <c:pt idx="185">
                  <c:v>1.2130306959152199</c:v>
                </c:pt>
                <c:pt idx="186">
                  <c:v>1.18603980541229</c:v>
                </c:pt>
                <c:pt idx="187">
                  <c:v>1.1919075250625599</c:v>
                </c:pt>
                <c:pt idx="188">
                  <c:v>1.1917312145233201</c:v>
                </c:pt>
                <c:pt idx="189">
                  <c:v>1.1723655462264999</c:v>
                </c:pt>
                <c:pt idx="190">
                  <c:v>1.15160548686981</c:v>
                </c:pt>
                <c:pt idx="191">
                  <c:v>1.15800893306732</c:v>
                </c:pt>
                <c:pt idx="192">
                  <c:v>1.1635240316391</c:v>
                </c:pt>
                <c:pt idx="193">
                  <c:v>1.1808005571365401</c:v>
                </c:pt>
                <c:pt idx="194">
                  <c:v>1.1854947805404701</c:v>
                </c:pt>
                <c:pt idx="195">
                  <c:v>1.1798342466354399</c:v>
                </c:pt>
                <c:pt idx="196">
                  <c:v>1.18792104721069</c:v>
                </c:pt>
                <c:pt idx="197">
                  <c:v>1.19227278232574</c:v>
                </c:pt>
                <c:pt idx="198">
                  <c:v>1.1918075084686299</c:v>
                </c:pt>
                <c:pt idx="199">
                  <c:v>1.21072006225586</c:v>
                </c:pt>
                <c:pt idx="200">
                  <c:v>1.2182639837264999</c:v>
                </c:pt>
                <c:pt idx="201">
                  <c:v>1.2479454278945901</c:v>
                </c:pt>
                <c:pt idx="202">
                  <c:v>1.24989533424377</c:v>
                </c:pt>
                <c:pt idx="203">
                  <c:v>1.2607122659683201</c:v>
                </c:pt>
                <c:pt idx="204">
                  <c:v>1.28834760189056</c:v>
                </c:pt>
                <c:pt idx="205">
                  <c:v>1.3093794584274301</c:v>
                </c:pt>
                <c:pt idx="206">
                  <c:v>1.33021068572998</c:v>
                </c:pt>
                <c:pt idx="207">
                  <c:v>1.37125897407532</c:v>
                </c:pt>
                <c:pt idx="208">
                  <c:v>1.37831342220306</c:v>
                </c:pt>
                <c:pt idx="209">
                  <c:v>1.38600242137909</c:v>
                </c:pt>
                <c:pt idx="210">
                  <c:v>1.4350243806839</c:v>
                </c:pt>
                <c:pt idx="211">
                  <c:v>1.47936904430389</c:v>
                </c:pt>
                <c:pt idx="212">
                  <c:v>1.52013671398163</c:v>
                </c:pt>
                <c:pt idx="213">
                  <c:v>1.5652327537536601</c:v>
                </c:pt>
                <c:pt idx="214">
                  <c:v>1.62200260162354</c:v>
                </c:pt>
                <c:pt idx="215">
                  <c:v>1.6676698923111</c:v>
                </c:pt>
                <c:pt idx="216">
                  <c:v>1.74643278121948</c:v>
                </c:pt>
                <c:pt idx="217">
                  <c:v>1.82323169708252</c:v>
                </c:pt>
                <c:pt idx="218">
                  <c:v>1.89488506317139</c:v>
                </c:pt>
                <c:pt idx="219">
                  <c:v>2.0278367996215798</c:v>
                </c:pt>
                <c:pt idx="220">
                  <c:v>2.1185953617095898</c:v>
                </c:pt>
                <c:pt idx="221">
                  <c:v>2.2690124511718799</c:v>
                </c:pt>
                <c:pt idx="222">
                  <c:v>2.45586133003235</c:v>
                </c:pt>
                <c:pt idx="223">
                  <c:v>2.6794345378875701</c:v>
                </c:pt>
                <c:pt idx="224">
                  <c:v>2.9682579040527299</c:v>
                </c:pt>
                <c:pt idx="225">
                  <c:v>3.3760604858398402</c:v>
                </c:pt>
                <c:pt idx="226">
                  <c:v>3.96493268013</c:v>
                </c:pt>
                <c:pt idx="227">
                  <c:v>5.0603556632995597</c:v>
                </c:pt>
                <c:pt idx="228">
                  <c:v>7.5151066780090297</c:v>
                </c:pt>
                <c:pt idx="229">
                  <c:v>37.2041816711425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0EE-47BC-A5E8-B73B6403A5A8}"/>
            </c:ext>
          </c:extLst>
        </c:ser>
        <c:ser>
          <c:idx val="1"/>
          <c:order val="1"/>
          <c:tx>
            <c:v>15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Type_1_3_15___._1_thixotropy_rw!$F$2:$F$231</c:f>
              <c:numCache>
                <c:formatCode>General</c:formatCode>
                <c:ptCount val="230"/>
                <c:pt idx="0">
                  <c:v>0.92749416828155495</c:v>
                </c:pt>
                <c:pt idx="1">
                  <c:v>1.92762279510498</c:v>
                </c:pt>
                <c:pt idx="2">
                  <c:v>2.9249918460845898</c:v>
                </c:pt>
                <c:pt idx="3">
                  <c:v>3.9247882366180402</c:v>
                </c:pt>
                <c:pt idx="4">
                  <c:v>4.9249305725097701</c:v>
                </c:pt>
                <c:pt idx="5">
                  <c:v>5.9246292114257804</c:v>
                </c:pt>
                <c:pt idx="6">
                  <c:v>6.9248676300048801</c:v>
                </c:pt>
                <c:pt idx="7">
                  <c:v>7.9274625778198198</c:v>
                </c:pt>
                <c:pt idx="8">
                  <c:v>8.9246387481689506</c:v>
                </c:pt>
                <c:pt idx="9">
                  <c:v>9.9247522354125994</c:v>
                </c:pt>
                <c:pt idx="10">
                  <c:v>10.924975395202599</c:v>
                </c:pt>
                <c:pt idx="11">
                  <c:v>11.9251165390015</c:v>
                </c:pt>
                <c:pt idx="12">
                  <c:v>12.925035476684601</c:v>
                </c:pt>
                <c:pt idx="13">
                  <c:v>13.9250793457031</c:v>
                </c:pt>
                <c:pt idx="14">
                  <c:v>14.925269126892101</c:v>
                </c:pt>
                <c:pt idx="15">
                  <c:v>15.925611495971699</c:v>
                </c:pt>
                <c:pt idx="16">
                  <c:v>16.925256729126001</c:v>
                </c:pt>
                <c:pt idx="17">
                  <c:v>17.9248657226563</c:v>
                </c:pt>
                <c:pt idx="18">
                  <c:v>18.924766540527301</c:v>
                </c:pt>
                <c:pt idx="19">
                  <c:v>19.924472808837901</c:v>
                </c:pt>
                <c:pt idx="20">
                  <c:v>20.924217224121101</c:v>
                </c:pt>
                <c:pt idx="21">
                  <c:v>21.924299240112301</c:v>
                </c:pt>
                <c:pt idx="22">
                  <c:v>22.9238395690918</c:v>
                </c:pt>
                <c:pt idx="23">
                  <c:v>23.924106597900401</c:v>
                </c:pt>
                <c:pt idx="24">
                  <c:v>24.923313140869102</c:v>
                </c:pt>
                <c:pt idx="25">
                  <c:v>25.923233032226602</c:v>
                </c:pt>
                <c:pt idx="26">
                  <c:v>26.922630310058601</c:v>
                </c:pt>
                <c:pt idx="27">
                  <c:v>27.9225158691406</c:v>
                </c:pt>
                <c:pt idx="28">
                  <c:v>28.922531127929702</c:v>
                </c:pt>
                <c:pt idx="29">
                  <c:v>29.922182083129901</c:v>
                </c:pt>
                <c:pt idx="30">
                  <c:v>30.921577453613299</c:v>
                </c:pt>
                <c:pt idx="31">
                  <c:v>31.921236038208001</c:v>
                </c:pt>
                <c:pt idx="32">
                  <c:v>32.9244995117188</c:v>
                </c:pt>
                <c:pt idx="33">
                  <c:v>33.924667358398402</c:v>
                </c:pt>
                <c:pt idx="34">
                  <c:v>34.923782348632798</c:v>
                </c:pt>
                <c:pt idx="35">
                  <c:v>35.923301696777301</c:v>
                </c:pt>
                <c:pt idx="36">
                  <c:v>36.922988891601598</c:v>
                </c:pt>
                <c:pt idx="37">
                  <c:v>37.9230766296387</c:v>
                </c:pt>
                <c:pt idx="38">
                  <c:v>38.922573089599602</c:v>
                </c:pt>
                <c:pt idx="39">
                  <c:v>39.922565460205099</c:v>
                </c:pt>
                <c:pt idx="40">
                  <c:v>40.9217720031738</c:v>
                </c:pt>
                <c:pt idx="41">
                  <c:v>41.922111511230497</c:v>
                </c:pt>
                <c:pt idx="42">
                  <c:v>42.921607971191399</c:v>
                </c:pt>
                <c:pt idx="43">
                  <c:v>43.9217338562012</c:v>
                </c:pt>
                <c:pt idx="44">
                  <c:v>44.921287536621101</c:v>
                </c:pt>
                <c:pt idx="45">
                  <c:v>45.921062469482401</c:v>
                </c:pt>
                <c:pt idx="46">
                  <c:v>46.920360565185497</c:v>
                </c:pt>
                <c:pt idx="47">
                  <c:v>47.920742034912102</c:v>
                </c:pt>
                <c:pt idx="48">
                  <c:v>48.920253753662102</c:v>
                </c:pt>
                <c:pt idx="49">
                  <c:v>49.919960021972699</c:v>
                </c:pt>
                <c:pt idx="50">
                  <c:v>50.919731140136697</c:v>
                </c:pt>
                <c:pt idx="51">
                  <c:v>51.919479370117202</c:v>
                </c:pt>
                <c:pt idx="52">
                  <c:v>52.919498443603501</c:v>
                </c:pt>
                <c:pt idx="53">
                  <c:v>53.919029235839801</c:v>
                </c:pt>
                <c:pt idx="54">
                  <c:v>54.918674468994098</c:v>
                </c:pt>
                <c:pt idx="55">
                  <c:v>55.918365478515597</c:v>
                </c:pt>
                <c:pt idx="56">
                  <c:v>56.918289184570298</c:v>
                </c:pt>
                <c:pt idx="57">
                  <c:v>57.918067932128899</c:v>
                </c:pt>
                <c:pt idx="58">
                  <c:v>58.917896270752003</c:v>
                </c:pt>
                <c:pt idx="59">
                  <c:v>59.917167663574197</c:v>
                </c:pt>
                <c:pt idx="60">
                  <c:v>60.917179107666001</c:v>
                </c:pt>
                <c:pt idx="61">
                  <c:v>61.916862487792997</c:v>
                </c:pt>
                <c:pt idx="62">
                  <c:v>62.916614532470703</c:v>
                </c:pt>
                <c:pt idx="63">
                  <c:v>63.916465759277301</c:v>
                </c:pt>
                <c:pt idx="64">
                  <c:v>64.916053771972699</c:v>
                </c:pt>
                <c:pt idx="65">
                  <c:v>65.916191101074205</c:v>
                </c:pt>
                <c:pt idx="66">
                  <c:v>66.915977478027301</c:v>
                </c:pt>
                <c:pt idx="67">
                  <c:v>67.915245056152301</c:v>
                </c:pt>
                <c:pt idx="68">
                  <c:v>68.915191650390597</c:v>
                </c:pt>
                <c:pt idx="69">
                  <c:v>69.915321350097699</c:v>
                </c:pt>
                <c:pt idx="70">
                  <c:v>70.914634704589801</c:v>
                </c:pt>
                <c:pt idx="71">
                  <c:v>71.914581298828097</c:v>
                </c:pt>
                <c:pt idx="72">
                  <c:v>72.914215087890597</c:v>
                </c:pt>
                <c:pt idx="73">
                  <c:v>73.914215087890597</c:v>
                </c:pt>
                <c:pt idx="74">
                  <c:v>74.913436889648395</c:v>
                </c:pt>
                <c:pt idx="75">
                  <c:v>75.913276672363295</c:v>
                </c:pt>
                <c:pt idx="76">
                  <c:v>76.913070678710895</c:v>
                </c:pt>
                <c:pt idx="77">
                  <c:v>77.913223266601605</c:v>
                </c:pt>
                <c:pt idx="78">
                  <c:v>78.912513732910199</c:v>
                </c:pt>
                <c:pt idx="79">
                  <c:v>79.912673950195298</c:v>
                </c:pt>
                <c:pt idx="80">
                  <c:v>80.912315368652301</c:v>
                </c:pt>
                <c:pt idx="81">
                  <c:v>81.912063598632798</c:v>
                </c:pt>
                <c:pt idx="82">
                  <c:v>82.911750793457003</c:v>
                </c:pt>
                <c:pt idx="83">
                  <c:v>83.9107666015625</c:v>
                </c:pt>
                <c:pt idx="84">
                  <c:v>84.910575866699205</c:v>
                </c:pt>
                <c:pt idx="85">
                  <c:v>85.910758972167997</c:v>
                </c:pt>
                <c:pt idx="86">
                  <c:v>86.911361694335895</c:v>
                </c:pt>
                <c:pt idx="87">
                  <c:v>87.910194396972699</c:v>
                </c:pt>
                <c:pt idx="88">
                  <c:v>88.910026550292997</c:v>
                </c:pt>
                <c:pt idx="89">
                  <c:v>89.910385131835895</c:v>
                </c:pt>
                <c:pt idx="90">
                  <c:v>90.9102783203125</c:v>
                </c:pt>
                <c:pt idx="91">
                  <c:v>91.909423828125</c:v>
                </c:pt>
                <c:pt idx="92">
                  <c:v>92.909339904785199</c:v>
                </c:pt>
                <c:pt idx="93">
                  <c:v>93.909027099609403</c:v>
                </c:pt>
                <c:pt idx="94">
                  <c:v>94.909507751464801</c:v>
                </c:pt>
                <c:pt idx="95">
                  <c:v>95.906730651855497</c:v>
                </c:pt>
                <c:pt idx="96">
                  <c:v>96.909759521484403</c:v>
                </c:pt>
                <c:pt idx="97">
                  <c:v>97.908027648925795</c:v>
                </c:pt>
                <c:pt idx="98">
                  <c:v>98.908370971679702</c:v>
                </c:pt>
                <c:pt idx="99">
                  <c:v>99.907455444335895</c:v>
                </c:pt>
                <c:pt idx="100">
                  <c:v>100.00090789794901</c:v>
                </c:pt>
                <c:pt idx="101">
                  <c:v>99.999618530273395</c:v>
                </c:pt>
                <c:pt idx="102">
                  <c:v>99.999092102050795</c:v>
                </c:pt>
                <c:pt idx="103">
                  <c:v>99.999359130859403</c:v>
                </c:pt>
                <c:pt idx="104">
                  <c:v>100.000564575195</c:v>
                </c:pt>
                <c:pt idx="105">
                  <c:v>99.999870300292997</c:v>
                </c:pt>
                <c:pt idx="106">
                  <c:v>99.999984741210895</c:v>
                </c:pt>
                <c:pt idx="107">
                  <c:v>99.999336242675795</c:v>
                </c:pt>
                <c:pt idx="108">
                  <c:v>100.00006103515599</c:v>
                </c:pt>
                <c:pt idx="109">
                  <c:v>100.000526428223</c:v>
                </c:pt>
                <c:pt idx="110">
                  <c:v>100.000198364258</c:v>
                </c:pt>
                <c:pt idx="111">
                  <c:v>99.999992370605497</c:v>
                </c:pt>
                <c:pt idx="112">
                  <c:v>99.998985290527301</c:v>
                </c:pt>
                <c:pt idx="113">
                  <c:v>99.999588012695298</c:v>
                </c:pt>
                <c:pt idx="114">
                  <c:v>100.00065612793</c:v>
                </c:pt>
                <c:pt idx="115">
                  <c:v>100.000701904297</c:v>
                </c:pt>
                <c:pt idx="116">
                  <c:v>99.999900817871094</c:v>
                </c:pt>
                <c:pt idx="117">
                  <c:v>100.000350952148</c:v>
                </c:pt>
                <c:pt idx="118">
                  <c:v>99.999557495117202</c:v>
                </c:pt>
                <c:pt idx="119">
                  <c:v>99.999427795410199</c:v>
                </c:pt>
                <c:pt idx="120">
                  <c:v>100.000160217285</c:v>
                </c:pt>
                <c:pt idx="121">
                  <c:v>100.00018310546901</c:v>
                </c:pt>
                <c:pt idx="122">
                  <c:v>100.003089904785</c:v>
                </c:pt>
                <c:pt idx="123">
                  <c:v>100.00001525878901</c:v>
                </c:pt>
                <c:pt idx="124">
                  <c:v>99.999984741210895</c:v>
                </c:pt>
                <c:pt idx="125">
                  <c:v>100.001174926758</c:v>
                </c:pt>
                <c:pt idx="126">
                  <c:v>99.999938964843807</c:v>
                </c:pt>
                <c:pt idx="127">
                  <c:v>99.999855041503906</c:v>
                </c:pt>
                <c:pt idx="128">
                  <c:v>99.999900817871094</c:v>
                </c:pt>
                <c:pt idx="129">
                  <c:v>100.00051116943401</c:v>
                </c:pt>
                <c:pt idx="130">
                  <c:v>99.073875427246094</c:v>
                </c:pt>
                <c:pt idx="131">
                  <c:v>98.074424743652301</c:v>
                </c:pt>
                <c:pt idx="132">
                  <c:v>97.074905395507798</c:v>
                </c:pt>
                <c:pt idx="133">
                  <c:v>96.072319030761705</c:v>
                </c:pt>
                <c:pt idx="134">
                  <c:v>95.074562072753906</c:v>
                </c:pt>
                <c:pt idx="135">
                  <c:v>94.075408935546903</c:v>
                </c:pt>
                <c:pt idx="136">
                  <c:v>93.075653076171903</c:v>
                </c:pt>
                <c:pt idx="137">
                  <c:v>92.076065063476605</c:v>
                </c:pt>
                <c:pt idx="138">
                  <c:v>91.072883605957003</c:v>
                </c:pt>
                <c:pt idx="139">
                  <c:v>90.076408386230497</c:v>
                </c:pt>
                <c:pt idx="140">
                  <c:v>89.076416015625</c:v>
                </c:pt>
                <c:pt idx="141">
                  <c:v>88.076530456542997</c:v>
                </c:pt>
                <c:pt idx="142">
                  <c:v>87.076828002929702</c:v>
                </c:pt>
                <c:pt idx="143">
                  <c:v>86.077667236328097</c:v>
                </c:pt>
                <c:pt idx="144">
                  <c:v>85.077255249023395</c:v>
                </c:pt>
                <c:pt idx="145">
                  <c:v>84.077568054199205</c:v>
                </c:pt>
                <c:pt idx="146">
                  <c:v>83.078041076660199</c:v>
                </c:pt>
                <c:pt idx="147">
                  <c:v>82.078697204589801</c:v>
                </c:pt>
                <c:pt idx="148">
                  <c:v>81.077980041503906</c:v>
                </c:pt>
                <c:pt idx="149">
                  <c:v>80.078514099121094</c:v>
                </c:pt>
                <c:pt idx="150">
                  <c:v>79.078231811523395</c:v>
                </c:pt>
                <c:pt idx="151">
                  <c:v>78.078971862792997</c:v>
                </c:pt>
                <c:pt idx="152">
                  <c:v>77.079521179199205</c:v>
                </c:pt>
                <c:pt idx="153">
                  <c:v>76.079551696777301</c:v>
                </c:pt>
                <c:pt idx="154">
                  <c:v>75.079620361328097</c:v>
                </c:pt>
                <c:pt idx="155">
                  <c:v>74.080383300781307</c:v>
                </c:pt>
                <c:pt idx="156">
                  <c:v>73.080291748046903</c:v>
                </c:pt>
                <c:pt idx="157">
                  <c:v>72.080833435058594</c:v>
                </c:pt>
                <c:pt idx="158">
                  <c:v>71.081047058105497</c:v>
                </c:pt>
                <c:pt idx="159">
                  <c:v>70.081237792968807</c:v>
                </c:pt>
                <c:pt idx="160">
                  <c:v>69.081375122070298</c:v>
                </c:pt>
                <c:pt idx="161">
                  <c:v>68.081901550292997</c:v>
                </c:pt>
                <c:pt idx="162">
                  <c:v>67.081703186035199</c:v>
                </c:pt>
                <c:pt idx="163">
                  <c:v>66.08203125</c:v>
                </c:pt>
                <c:pt idx="164">
                  <c:v>65.082160949707003</c:v>
                </c:pt>
                <c:pt idx="165">
                  <c:v>64.079833984375</c:v>
                </c:pt>
                <c:pt idx="166">
                  <c:v>63.080028533935497</c:v>
                </c:pt>
                <c:pt idx="167">
                  <c:v>62.080307006835902</c:v>
                </c:pt>
                <c:pt idx="168">
                  <c:v>61.080516815185497</c:v>
                </c:pt>
                <c:pt idx="169">
                  <c:v>60.080513000488303</c:v>
                </c:pt>
                <c:pt idx="170">
                  <c:v>59.081260681152301</c:v>
                </c:pt>
                <c:pt idx="171">
                  <c:v>58.081329345703097</c:v>
                </c:pt>
                <c:pt idx="172">
                  <c:v>57.081527709960902</c:v>
                </c:pt>
                <c:pt idx="173">
                  <c:v>56.081794738769503</c:v>
                </c:pt>
                <c:pt idx="174">
                  <c:v>55.081817626953097</c:v>
                </c:pt>
                <c:pt idx="175">
                  <c:v>54.082149505615199</c:v>
                </c:pt>
                <c:pt idx="176">
                  <c:v>53.082244873046903</c:v>
                </c:pt>
                <c:pt idx="177">
                  <c:v>52.082588195800803</c:v>
                </c:pt>
                <c:pt idx="178">
                  <c:v>51.083042144775398</c:v>
                </c:pt>
                <c:pt idx="179">
                  <c:v>50.083091735839801</c:v>
                </c:pt>
                <c:pt idx="180">
                  <c:v>49.083194732666001</c:v>
                </c:pt>
                <c:pt idx="181">
                  <c:v>48.083545684814503</c:v>
                </c:pt>
                <c:pt idx="182">
                  <c:v>47.083732604980497</c:v>
                </c:pt>
                <c:pt idx="183">
                  <c:v>46.084129333496101</c:v>
                </c:pt>
                <c:pt idx="184">
                  <c:v>45.0841674804688</c:v>
                </c:pt>
                <c:pt idx="185">
                  <c:v>44.0846138000488</c:v>
                </c:pt>
                <c:pt idx="186">
                  <c:v>43.0848197937012</c:v>
                </c:pt>
                <c:pt idx="187">
                  <c:v>42.085113525390597</c:v>
                </c:pt>
                <c:pt idx="188">
                  <c:v>41.085277557372997</c:v>
                </c:pt>
                <c:pt idx="189">
                  <c:v>40.085617065429702</c:v>
                </c:pt>
                <c:pt idx="190">
                  <c:v>39.085727691650398</c:v>
                </c:pt>
                <c:pt idx="191">
                  <c:v>38.086002349853501</c:v>
                </c:pt>
                <c:pt idx="192">
                  <c:v>37.086360931396499</c:v>
                </c:pt>
                <c:pt idx="193">
                  <c:v>36.0865287780762</c:v>
                </c:pt>
                <c:pt idx="194">
                  <c:v>35.086734771728501</c:v>
                </c:pt>
                <c:pt idx="195">
                  <c:v>34.086917877197301</c:v>
                </c:pt>
                <c:pt idx="196">
                  <c:v>33.087306976318402</c:v>
                </c:pt>
                <c:pt idx="197">
                  <c:v>32.087474822997997</c:v>
                </c:pt>
                <c:pt idx="198">
                  <c:v>31.0878200531006</c:v>
                </c:pt>
                <c:pt idx="199">
                  <c:v>30.0879917144775</c:v>
                </c:pt>
                <c:pt idx="200">
                  <c:v>29.088201522827099</c:v>
                </c:pt>
                <c:pt idx="201">
                  <c:v>28.088436126708999</c:v>
                </c:pt>
                <c:pt idx="202">
                  <c:v>27.088647842407202</c:v>
                </c:pt>
                <c:pt idx="203">
                  <c:v>26.0887966156006</c:v>
                </c:pt>
                <c:pt idx="204">
                  <c:v>25.089197158813501</c:v>
                </c:pt>
                <c:pt idx="205">
                  <c:v>24.0895175933838</c:v>
                </c:pt>
                <c:pt idx="206">
                  <c:v>23.0897731781006</c:v>
                </c:pt>
                <c:pt idx="207">
                  <c:v>22.089849472045898</c:v>
                </c:pt>
                <c:pt idx="208">
                  <c:v>21.0900688171387</c:v>
                </c:pt>
                <c:pt idx="209">
                  <c:v>20.090377807617202</c:v>
                </c:pt>
                <c:pt idx="210">
                  <c:v>19.0903224945068</c:v>
                </c:pt>
                <c:pt idx="211">
                  <c:v>18.0909309387207</c:v>
                </c:pt>
                <c:pt idx="212">
                  <c:v>17.091241836547901</c:v>
                </c:pt>
                <c:pt idx="213">
                  <c:v>16.091352462768601</c:v>
                </c:pt>
                <c:pt idx="214">
                  <c:v>15.091256141662599</c:v>
                </c:pt>
                <c:pt idx="215">
                  <c:v>14.0912427902222</c:v>
                </c:pt>
                <c:pt idx="216">
                  <c:v>13.091035842895501</c:v>
                </c:pt>
                <c:pt idx="217">
                  <c:v>12.0911102294922</c:v>
                </c:pt>
                <c:pt idx="218">
                  <c:v>11.090981483459499</c:v>
                </c:pt>
                <c:pt idx="219">
                  <c:v>10.0908851623535</c:v>
                </c:pt>
                <c:pt idx="220">
                  <c:v>9.0907726287841797</c:v>
                </c:pt>
                <c:pt idx="221">
                  <c:v>8.0906276702880895</c:v>
                </c:pt>
                <c:pt idx="222">
                  <c:v>7.0907926559448198</c:v>
                </c:pt>
                <c:pt idx="223">
                  <c:v>6.0908002853393599</c:v>
                </c:pt>
                <c:pt idx="224">
                  <c:v>5.0908713340759304</c:v>
                </c:pt>
                <c:pt idx="225">
                  <c:v>4.09085941314697</c:v>
                </c:pt>
                <c:pt idx="226">
                  <c:v>3.0908973217010498</c:v>
                </c:pt>
                <c:pt idx="227">
                  <c:v>2.09092020988464</c:v>
                </c:pt>
                <c:pt idx="228">
                  <c:v>1.09087038040161</c:v>
                </c:pt>
                <c:pt idx="229">
                  <c:v>9.1139867901802105E-2</c:v>
                </c:pt>
              </c:numCache>
            </c:numRef>
          </c:xVal>
          <c:yVal>
            <c:numRef>
              <c:f>Type_1_3_15___._1_thixotropy_rw!$G$2:$G$231</c:f>
              <c:numCache>
                <c:formatCode>General</c:formatCode>
                <c:ptCount val="230"/>
                <c:pt idx="0">
                  <c:v>13.6724586486816</c:v>
                </c:pt>
                <c:pt idx="1">
                  <c:v>8.7747373580932599</c:v>
                </c:pt>
                <c:pt idx="2">
                  <c:v>6.5674748420715297</c:v>
                </c:pt>
                <c:pt idx="3">
                  <c:v>5.4338731765747097</c:v>
                </c:pt>
                <c:pt idx="4">
                  <c:v>4.82315921783447</c:v>
                </c:pt>
                <c:pt idx="5">
                  <c:v>4.1905007362365696</c:v>
                </c:pt>
                <c:pt idx="6">
                  <c:v>3.8311645984649698</c:v>
                </c:pt>
                <c:pt idx="7">
                  <c:v>3.4621388912200901</c:v>
                </c:pt>
                <c:pt idx="8">
                  <c:v>3.1860804557800302</c:v>
                </c:pt>
                <c:pt idx="9">
                  <c:v>3.0346984863281299</c:v>
                </c:pt>
                <c:pt idx="10">
                  <c:v>2.85311031341553</c:v>
                </c:pt>
                <c:pt idx="11">
                  <c:v>2.7197649478912398</c:v>
                </c:pt>
                <c:pt idx="12">
                  <c:v>2.6072211265564</c:v>
                </c:pt>
                <c:pt idx="13">
                  <c:v>2.5821959972381601</c:v>
                </c:pt>
                <c:pt idx="14">
                  <c:v>2.5016756057739298</c:v>
                </c:pt>
                <c:pt idx="15">
                  <c:v>2.4657649993896502</c:v>
                </c:pt>
                <c:pt idx="16">
                  <c:v>2.3350782394409202</c:v>
                </c:pt>
                <c:pt idx="17">
                  <c:v>2.2762589454650901</c:v>
                </c:pt>
                <c:pt idx="18">
                  <c:v>2.2296807765960698</c:v>
                </c:pt>
                <c:pt idx="19">
                  <c:v>2.2556581497192401</c:v>
                </c:pt>
                <c:pt idx="20">
                  <c:v>2.2548842430114702</c:v>
                </c:pt>
                <c:pt idx="21">
                  <c:v>2.1184031963348402</c:v>
                </c:pt>
                <c:pt idx="22">
                  <c:v>2.0483374595642099</c:v>
                </c:pt>
                <c:pt idx="23">
                  <c:v>2.03470706939697</c:v>
                </c:pt>
                <c:pt idx="24">
                  <c:v>1.9951947927475</c:v>
                </c:pt>
                <c:pt idx="25">
                  <c:v>1.98299384117126</c:v>
                </c:pt>
                <c:pt idx="26">
                  <c:v>1.9318773746490501</c:v>
                </c:pt>
                <c:pt idx="27">
                  <c:v>1.87720263004303</c:v>
                </c:pt>
                <c:pt idx="28">
                  <c:v>1.8486187458038299</c:v>
                </c:pt>
                <c:pt idx="29">
                  <c:v>1.8145325183868399</c:v>
                </c:pt>
                <c:pt idx="30">
                  <c:v>1.8316941261291499</c:v>
                </c:pt>
                <c:pt idx="31">
                  <c:v>1.77431499958038</c:v>
                </c:pt>
                <c:pt idx="32">
                  <c:v>1.7244615554809599</c:v>
                </c:pt>
                <c:pt idx="33">
                  <c:v>1.70686995983124</c:v>
                </c:pt>
                <c:pt idx="34">
                  <c:v>1.6863882541656501</c:v>
                </c:pt>
                <c:pt idx="35">
                  <c:v>1.64495873451233</c:v>
                </c:pt>
                <c:pt idx="36">
                  <c:v>1.64578998088837</c:v>
                </c:pt>
                <c:pt idx="37">
                  <c:v>1.6264519691467301</c:v>
                </c:pt>
                <c:pt idx="38">
                  <c:v>1.6234118938446001</c:v>
                </c:pt>
                <c:pt idx="39">
                  <c:v>1.58093154430389</c:v>
                </c:pt>
                <c:pt idx="40">
                  <c:v>1.56564652919769</c:v>
                </c:pt>
                <c:pt idx="41">
                  <c:v>1.5592349767684901</c:v>
                </c:pt>
                <c:pt idx="42">
                  <c:v>1.55720007419586</c:v>
                </c:pt>
                <c:pt idx="43">
                  <c:v>1.5467878580093399</c:v>
                </c:pt>
                <c:pt idx="44">
                  <c:v>1.5218315124511701</c:v>
                </c:pt>
                <c:pt idx="45">
                  <c:v>1.5060126781463601</c:v>
                </c:pt>
                <c:pt idx="46">
                  <c:v>1.50469303131104</c:v>
                </c:pt>
                <c:pt idx="47">
                  <c:v>1.58356285095215</c:v>
                </c:pt>
                <c:pt idx="48">
                  <c:v>1.4987604618072501</c:v>
                </c:pt>
                <c:pt idx="49">
                  <c:v>1.50942277908325</c:v>
                </c:pt>
                <c:pt idx="50">
                  <c:v>1.50514805316925</c:v>
                </c:pt>
                <c:pt idx="51">
                  <c:v>1.5086077451705899</c:v>
                </c:pt>
                <c:pt idx="52">
                  <c:v>1.5211861133575399</c:v>
                </c:pt>
                <c:pt idx="53">
                  <c:v>1.5282115936279299</c:v>
                </c:pt>
                <c:pt idx="54">
                  <c:v>1.5409352779388401</c:v>
                </c:pt>
                <c:pt idx="55">
                  <c:v>1.5335077047348</c:v>
                </c:pt>
                <c:pt idx="56">
                  <c:v>1.54827308654785</c:v>
                </c:pt>
                <c:pt idx="57">
                  <c:v>1.5714626312255899</c:v>
                </c:pt>
                <c:pt idx="58">
                  <c:v>1.57614874839783</c:v>
                </c:pt>
                <c:pt idx="59">
                  <c:v>1.58869969844818</c:v>
                </c:pt>
                <c:pt idx="60">
                  <c:v>1.6028256416320801</c:v>
                </c:pt>
                <c:pt idx="61">
                  <c:v>1.6203517913818399</c:v>
                </c:pt>
                <c:pt idx="62">
                  <c:v>1.62982130050659</c:v>
                </c:pt>
                <c:pt idx="63">
                  <c:v>1.64493012428284</c:v>
                </c:pt>
                <c:pt idx="64">
                  <c:v>1.6567574739456199</c:v>
                </c:pt>
                <c:pt idx="65">
                  <c:v>1.6564871072769201</c:v>
                </c:pt>
                <c:pt idx="66">
                  <c:v>1.6692693233489999</c:v>
                </c:pt>
                <c:pt idx="67">
                  <c:v>1.69770336151123</c:v>
                </c:pt>
                <c:pt idx="68">
                  <c:v>1.6793951988220199</c:v>
                </c:pt>
                <c:pt idx="69">
                  <c:v>1.7120263576507599</c:v>
                </c:pt>
                <c:pt idx="70">
                  <c:v>1.71104288101196</c:v>
                </c:pt>
                <c:pt idx="71">
                  <c:v>1.7206386327743499</c:v>
                </c:pt>
                <c:pt idx="72">
                  <c:v>1.7218558788299601</c:v>
                </c:pt>
                <c:pt idx="73">
                  <c:v>1.75114917755127</c:v>
                </c:pt>
                <c:pt idx="74">
                  <c:v>1.7707158327102701</c:v>
                </c:pt>
                <c:pt idx="75">
                  <c:v>1.81301689147949</c:v>
                </c:pt>
                <c:pt idx="76">
                  <c:v>1.81715106964111</c:v>
                </c:pt>
                <c:pt idx="77">
                  <c:v>1.8145655393600499</c:v>
                </c:pt>
                <c:pt idx="78">
                  <c:v>1.8062603473663299</c:v>
                </c:pt>
                <c:pt idx="79">
                  <c:v>1.83201575279236</c:v>
                </c:pt>
                <c:pt idx="80">
                  <c:v>1.82827436923981</c:v>
                </c:pt>
                <c:pt idx="81">
                  <c:v>1.84697294235229</c:v>
                </c:pt>
                <c:pt idx="82">
                  <c:v>1.8591839075088501</c:v>
                </c:pt>
                <c:pt idx="83">
                  <c:v>1.9047542810440099</c:v>
                </c:pt>
                <c:pt idx="84">
                  <c:v>1.8819996118545499</c:v>
                </c:pt>
                <c:pt idx="85">
                  <c:v>1.9016590118408201</c:v>
                </c:pt>
                <c:pt idx="86">
                  <c:v>1.93194115161896</c:v>
                </c:pt>
                <c:pt idx="87">
                  <c:v>1.9333595037460301</c:v>
                </c:pt>
                <c:pt idx="88">
                  <c:v>1.95142161846161</c:v>
                </c:pt>
                <c:pt idx="89">
                  <c:v>1.97755467891693</c:v>
                </c:pt>
                <c:pt idx="90">
                  <c:v>2.0239281654357901</c:v>
                </c:pt>
                <c:pt idx="91">
                  <c:v>2.0021932125091602</c:v>
                </c:pt>
                <c:pt idx="92">
                  <c:v>2.0159478187561</c:v>
                </c:pt>
                <c:pt idx="93">
                  <c:v>2.0315482616424601</c:v>
                </c:pt>
                <c:pt idx="94">
                  <c:v>2.03434133529663</c:v>
                </c:pt>
                <c:pt idx="95">
                  <c:v>2.0774114131927499</c:v>
                </c:pt>
                <c:pt idx="96">
                  <c:v>2.06810522079468</c:v>
                </c:pt>
                <c:pt idx="97">
                  <c:v>2.0685667991638201</c:v>
                </c:pt>
                <c:pt idx="98">
                  <c:v>2.07739210128784</c:v>
                </c:pt>
                <c:pt idx="99">
                  <c:v>2.1104376316070601</c:v>
                </c:pt>
                <c:pt idx="100">
                  <c:v>2.0932693481445299</c:v>
                </c:pt>
                <c:pt idx="101">
                  <c:v>2.11398482322693</c:v>
                </c:pt>
                <c:pt idx="102">
                  <c:v>2.0944843292236301</c:v>
                </c:pt>
                <c:pt idx="103">
                  <c:v>2.1011211872100799</c:v>
                </c:pt>
                <c:pt idx="104">
                  <c:v>2.1133768558502202</c:v>
                </c:pt>
                <c:pt idx="105">
                  <c:v>2.0990657806396502</c:v>
                </c:pt>
                <c:pt idx="106">
                  <c:v>2.1033890247345002</c:v>
                </c:pt>
                <c:pt idx="107">
                  <c:v>2.1246070861816402</c:v>
                </c:pt>
                <c:pt idx="108">
                  <c:v>2.1141281127929701</c:v>
                </c:pt>
                <c:pt idx="109">
                  <c:v>2.1122274398803702</c:v>
                </c:pt>
                <c:pt idx="110">
                  <c:v>2.0798707008361799</c:v>
                </c:pt>
                <c:pt idx="111">
                  <c:v>2.0890750885009801</c:v>
                </c:pt>
                <c:pt idx="112">
                  <c:v>2.0867977142334002</c:v>
                </c:pt>
                <c:pt idx="113">
                  <c:v>2.09447240829468</c:v>
                </c:pt>
                <c:pt idx="114">
                  <c:v>2.09049272537231</c:v>
                </c:pt>
                <c:pt idx="115">
                  <c:v>2.08997654914856</c:v>
                </c:pt>
                <c:pt idx="116">
                  <c:v>2.0875515937805198</c:v>
                </c:pt>
                <c:pt idx="117">
                  <c:v>2.08839058876038</c:v>
                </c:pt>
                <c:pt idx="118">
                  <c:v>2.0913460254669198</c:v>
                </c:pt>
                <c:pt idx="119">
                  <c:v>2.0862691402435298</c:v>
                </c:pt>
                <c:pt idx="120">
                  <c:v>2.0767052173614502</c:v>
                </c:pt>
                <c:pt idx="121">
                  <c:v>2.0946741104125999</c:v>
                </c:pt>
                <c:pt idx="122">
                  <c:v>2.1385974884033199</c:v>
                </c:pt>
                <c:pt idx="123">
                  <c:v>2.0496919155120898</c:v>
                </c:pt>
                <c:pt idx="124">
                  <c:v>2.0318748950958301</c:v>
                </c:pt>
                <c:pt idx="125">
                  <c:v>2.0376734733581499</c:v>
                </c:pt>
                <c:pt idx="126">
                  <c:v>2.0241317749023402</c:v>
                </c:pt>
                <c:pt idx="127">
                  <c:v>2.0329647064209002</c:v>
                </c:pt>
                <c:pt idx="128">
                  <c:v>2.0349292755127002</c:v>
                </c:pt>
                <c:pt idx="129">
                  <c:v>2.0350601673126198</c:v>
                </c:pt>
                <c:pt idx="130">
                  <c:v>2.0174307823181201</c:v>
                </c:pt>
                <c:pt idx="131">
                  <c:v>1.9995321035385101</c:v>
                </c:pt>
                <c:pt idx="132">
                  <c:v>1.98662650585175</c:v>
                </c:pt>
                <c:pt idx="133">
                  <c:v>1.93830502033234</c:v>
                </c:pt>
                <c:pt idx="134">
                  <c:v>1.9449360370636</c:v>
                </c:pt>
                <c:pt idx="135">
                  <c:v>1.9366638660430899</c:v>
                </c:pt>
                <c:pt idx="136">
                  <c:v>1.9052984714508101</c:v>
                </c:pt>
                <c:pt idx="137">
                  <c:v>1.8909637928009</c:v>
                </c:pt>
                <c:pt idx="138">
                  <c:v>1.86954092979431</c:v>
                </c:pt>
                <c:pt idx="139">
                  <c:v>1.8576179742813099</c:v>
                </c:pt>
                <c:pt idx="140">
                  <c:v>1.86193943023682</c:v>
                </c:pt>
                <c:pt idx="141">
                  <c:v>1.84550213813782</c:v>
                </c:pt>
                <c:pt idx="142">
                  <c:v>1.8225569725036601</c:v>
                </c:pt>
                <c:pt idx="143">
                  <c:v>1.8369830846786499</c:v>
                </c:pt>
                <c:pt idx="144">
                  <c:v>1.79398441314697</c:v>
                </c:pt>
                <c:pt idx="145">
                  <c:v>1.7713155746460001</c:v>
                </c:pt>
                <c:pt idx="146">
                  <c:v>1.76324903964996</c:v>
                </c:pt>
                <c:pt idx="147">
                  <c:v>1.78268694877625</c:v>
                </c:pt>
                <c:pt idx="148">
                  <c:v>1.7509337663650499</c:v>
                </c:pt>
                <c:pt idx="149">
                  <c:v>1.7607109546661399</c:v>
                </c:pt>
                <c:pt idx="150">
                  <c:v>1.72428810596466</c:v>
                </c:pt>
                <c:pt idx="151">
                  <c:v>1.69589567184448</c:v>
                </c:pt>
                <c:pt idx="152">
                  <c:v>1.7311205863952599</c:v>
                </c:pt>
                <c:pt idx="153">
                  <c:v>1.6780430078506501</c:v>
                </c:pt>
                <c:pt idx="154">
                  <c:v>1.6726334095001201</c:v>
                </c:pt>
                <c:pt idx="155">
                  <c:v>1.6574954986572299</c:v>
                </c:pt>
                <c:pt idx="156">
                  <c:v>1.617760181427</c:v>
                </c:pt>
                <c:pt idx="157">
                  <c:v>1.6155302524566699</c:v>
                </c:pt>
                <c:pt idx="158">
                  <c:v>1.60623323917389</c:v>
                </c:pt>
                <c:pt idx="159">
                  <c:v>1.5826501846313501</c:v>
                </c:pt>
                <c:pt idx="160">
                  <c:v>1.56307244300842</c:v>
                </c:pt>
                <c:pt idx="161">
                  <c:v>1.55847787857056</c:v>
                </c:pt>
                <c:pt idx="162">
                  <c:v>1.5284732580184901</c:v>
                </c:pt>
                <c:pt idx="163">
                  <c:v>1.5137315988540601</c:v>
                </c:pt>
                <c:pt idx="164">
                  <c:v>1.49177193641663</c:v>
                </c:pt>
                <c:pt idx="165">
                  <c:v>1.48148465156555</c:v>
                </c:pt>
                <c:pt idx="166">
                  <c:v>1.4686906337737999</c:v>
                </c:pt>
                <c:pt idx="167">
                  <c:v>1.43860471248627</c:v>
                </c:pt>
                <c:pt idx="168">
                  <c:v>1.41755867004395</c:v>
                </c:pt>
                <c:pt idx="169">
                  <c:v>1.4111459255218499</c:v>
                </c:pt>
                <c:pt idx="170">
                  <c:v>1.4151194095611599</c:v>
                </c:pt>
                <c:pt idx="171">
                  <c:v>1.37337386608124</c:v>
                </c:pt>
                <c:pt idx="172">
                  <c:v>1.35482430458069</c:v>
                </c:pt>
                <c:pt idx="173">
                  <c:v>1.3360846042633101</c:v>
                </c:pt>
                <c:pt idx="174">
                  <c:v>1.32382547855377</c:v>
                </c:pt>
                <c:pt idx="175">
                  <c:v>1.31389331817627</c:v>
                </c:pt>
                <c:pt idx="176">
                  <c:v>1.3171614408493</c:v>
                </c:pt>
                <c:pt idx="177">
                  <c:v>1.2735954523086499</c:v>
                </c:pt>
                <c:pt idx="178">
                  <c:v>1.2666836977005</c:v>
                </c:pt>
                <c:pt idx="179">
                  <c:v>1.25550377368927</c:v>
                </c:pt>
                <c:pt idx="180">
                  <c:v>1.24532306194305</c:v>
                </c:pt>
                <c:pt idx="181">
                  <c:v>1.24940073490143</c:v>
                </c:pt>
                <c:pt idx="182">
                  <c:v>1.23362696170807</c:v>
                </c:pt>
                <c:pt idx="183">
                  <c:v>1.2193454504013099</c:v>
                </c:pt>
                <c:pt idx="184">
                  <c:v>1.23455262184143</c:v>
                </c:pt>
                <c:pt idx="185">
                  <c:v>1.2430182695388801</c:v>
                </c:pt>
                <c:pt idx="186">
                  <c:v>1.2296452522277801</c:v>
                </c:pt>
                <c:pt idx="187">
                  <c:v>1.2414404153823899</c:v>
                </c:pt>
                <c:pt idx="188">
                  <c:v>1.24107241630554</c:v>
                </c:pt>
                <c:pt idx="189">
                  <c:v>1.25647974014282</c:v>
                </c:pt>
                <c:pt idx="190">
                  <c:v>1.27954602241516</c:v>
                </c:pt>
                <c:pt idx="191">
                  <c:v>1.25036013126373</c:v>
                </c:pt>
                <c:pt idx="192">
                  <c:v>1.25600433349609</c:v>
                </c:pt>
                <c:pt idx="193">
                  <c:v>1.2624374628067001</c:v>
                </c:pt>
                <c:pt idx="194">
                  <c:v>1.2827069759368901</c:v>
                </c:pt>
                <c:pt idx="195">
                  <c:v>1.2938660383224501</c:v>
                </c:pt>
                <c:pt idx="196">
                  <c:v>1.3076308965682999</c:v>
                </c:pt>
                <c:pt idx="197">
                  <c:v>1.33467781543732</c:v>
                </c:pt>
                <c:pt idx="198">
                  <c:v>1.32849586009979</c:v>
                </c:pt>
                <c:pt idx="199">
                  <c:v>1.3655754327773999</c:v>
                </c:pt>
                <c:pt idx="200">
                  <c:v>1.40012359619141</c:v>
                </c:pt>
                <c:pt idx="201">
                  <c:v>1.4163348674774201</c:v>
                </c:pt>
                <c:pt idx="202">
                  <c:v>1.4256942272186299</c:v>
                </c:pt>
                <c:pt idx="203">
                  <c:v>1.45704364776611</c:v>
                </c:pt>
                <c:pt idx="204">
                  <c:v>1.48851370811462</c:v>
                </c:pt>
                <c:pt idx="205">
                  <c:v>1.51844465732574</c:v>
                </c:pt>
                <c:pt idx="206">
                  <c:v>1.54617702960968</c:v>
                </c:pt>
                <c:pt idx="207">
                  <c:v>1.5832645893096899</c:v>
                </c:pt>
                <c:pt idx="208">
                  <c:v>1.62330198287964</c:v>
                </c:pt>
                <c:pt idx="209">
                  <c:v>1.6676310300827</c:v>
                </c:pt>
                <c:pt idx="210">
                  <c:v>1.7111283540725699</c:v>
                </c:pt>
                <c:pt idx="211">
                  <c:v>1.74588334560394</c:v>
                </c:pt>
                <c:pt idx="212">
                  <c:v>1.79664814472198</c:v>
                </c:pt>
                <c:pt idx="213">
                  <c:v>1.8287447690963701</c:v>
                </c:pt>
                <c:pt idx="214">
                  <c:v>1.88309991359711</c:v>
                </c:pt>
                <c:pt idx="215">
                  <c:v>1.94127976894379</c:v>
                </c:pt>
                <c:pt idx="216">
                  <c:v>2.0293054580688499</c:v>
                </c:pt>
                <c:pt idx="217">
                  <c:v>2.08469462394714</c:v>
                </c:pt>
                <c:pt idx="218">
                  <c:v>2.1634442806243901</c:v>
                </c:pt>
                <c:pt idx="219">
                  <c:v>2.2614076137542698</c:v>
                </c:pt>
                <c:pt idx="220">
                  <c:v>2.4055640697479199</c:v>
                </c:pt>
                <c:pt idx="221">
                  <c:v>2.5748443603515598</c:v>
                </c:pt>
                <c:pt idx="222">
                  <c:v>2.7889637947082502</c:v>
                </c:pt>
                <c:pt idx="223">
                  <c:v>3.05666851997375</c:v>
                </c:pt>
                <c:pt idx="224">
                  <c:v>3.3901054859161399</c:v>
                </c:pt>
                <c:pt idx="225">
                  <c:v>3.8850781917571999</c:v>
                </c:pt>
                <c:pt idx="226">
                  <c:v>4.5961031913757298</c:v>
                </c:pt>
                <c:pt idx="227">
                  <c:v>5.9079036712646502</c:v>
                </c:pt>
                <c:pt idx="228">
                  <c:v>8.5833005905151403</c:v>
                </c:pt>
                <c:pt idx="229">
                  <c:v>46.7868537902832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80EE-47BC-A5E8-B73B6403A5A8}"/>
            </c:ext>
          </c:extLst>
        </c:ser>
        <c:ser>
          <c:idx val="2"/>
          <c:order val="2"/>
          <c:tx>
            <c:v>10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Type_4_6_10___._3_thixotropy_rw!$F$2:$F$231</c:f>
              <c:numCache>
                <c:formatCode>General</c:formatCode>
                <c:ptCount val="230"/>
                <c:pt idx="0">
                  <c:v>0.92486441135406505</c:v>
                </c:pt>
                <c:pt idx="1">
                  <c:v>1.9248188734054601</c:v>
                </c:pt>
                <c:pt idx="2">
                  <c:v>2.9249007701873802</c:v>
                </c:pt>
                <c:pt idx="3">
                  <c:v>3.9248075485229501</c:v>
                </c:pt>
                <c:pt idx="4">
                  <c:v>4.9276652336120597</c:v>
                </c:pt>
                <c:pt idx="5">
                  <c:v>5.9275650978088397</c:v>
                </c:pt>
                <c:pt idx="6">
                  <c:v>6.9275803565979004</c:v>
                </c:pt>
                <c:pt idx="7">
                  <c:v>7.9274191856384304</c:v>
                </c:pt>
                <c:pt idx="8">
                  <c:v>8.9275312423706108</c:v>
                </c:pt>
                <c:pt idx="9">
                  <c:v>9.9248428344726598</c:v>
                </c:pt>
                <c:pt idx="10">
                  <c:v>10.9249153137207</c:v>
                </c:pt>
                <c:pt idx="11">
                  <c:v>11.925090789794901</c:v>
                </c:pt>
                <c:pt idx="12">
                  <c:v>12.925153732299799</c:v>
                </c:pt>
                <c:pt idx="13">
                  <c:v>13.9251384735107</c:v>
                </c:pt>
                <c:pt idx="14">
                  <c:v>14.9252843856812</c:v>
                </c:pt>
                <c:pt idx="15">
                  <c:v>15.9254817962646</c:v>
                </c:pt>
                <c:pt idx="16">
                  <c:v>16.925188064575199</c:v>
                </c:pt>
                <c:pt idx="17">
                  <c:v>17.9248867034912</c:v>
                </c:pt>
                <c:pt idx="18">
                  <c:v>18.9247531890869</c:v>
                </c:pt>
                <c:pt idx="19">
                  <c:v>19.9244289398193</c:v>
                </c:pt>
                <c:pt idx="20">
                  <c:v>20.924289703369102</c:v>
                </c:pt>
                <c:pt idx="21">
                  <c:v>21.923915863037099</c:v>
                </c:pt>
                <c:pt idx="22">
                  <c:v>22.9238471984863</c:v>
                </c:pt>
                <c:pt idx="23">
                  <c:v>23.923469543456999</c:v>
                </c:pt>
                <c:pt idx="24">
                  <c:v>24.923152923583999</c:v>
                </c:pt>
                <c:pt idx="25">
                  <c:v>25.922901153564499</c:v>
                </c:pt>
                <c:pt idx="26">
                  <c:v>26.922695159912099</c:v>
                </c:pt>
                <c:pt idx="27">
                  <c:v>27.9253234863281</c:v>
                </c:pt>
                <c:pt idx="28">
                  <c:v>28.925048828125</c:v>
                </c:pt>
                <c:pt idx="29">
                  <c:v>29.924789428710898</c:v>
                </c:pt>
                <c:pt idx="30">
                  <c:v>30.924369812011701</c:v>
                </c:pt>
                <c:pt idx="31">
                  <c:v>31.924188613891602</c:v>
                </c:pt>
                <c:pt idx="32">
                  <c:v>32.924121856689503</c:v>
                </c:pt>
                <c:pt idx="33">
                  <c:v>33.923896789550803</c:v>
                </c:pt>
                <c:pt idx="34">
                  <c:v>34.923652648925803</c:v>
                </c:pt>
                <c:pt idx="35">
                  <c:v>35.923332214355497</c:v>
                </c:pt>
                <c:pt idx="36">
                  <c:v>36.923274993896499</c:v>
                </c:pt>
                <c:pt idx="37">
                  <c:v>37.9229125976563</c:v>
                </c:pt>
                <c:pt idx="38">
                  <c:v>38.922767639160199</c:v>
                </c:pt>
                <c:pt idx="39">
                  <c:v>39.922203063964801</c:v>
                </c:pt>
                <c:pt idx="40">
                  <c:v>40.9219970703125</c:v>
                </c:pt>
                <c:pt idx="41">
                  <c:v>41.921695709228501</c:v>
                </c:pt>
                <c:pt idx="42">
                  <c:v>42.921630859375</c:v>
                </c:pt>
                <c:pt idx="43">
                  <c:v>43.921363830566399</c:v>
                </c:pt>
                <c:pt idx="44">
                  <c:v>44.921607971191399</c:v>
                </c:pt>
                <c:pt idx="45">
                  <c:v>45.920707702636697</c:v>
                </c:pt>
                <c:pt idx="46">
                  <c:v>46.920780181884801</c:v>
                </c:pt>
                <c:pt idx="47">
                  <c:v>47.920406341552699</c:v>
                </c:pt>
                <c:pt idx="48">
                  <c:v>48.920131683349602</c:v>
                </c:pt>
                <c:pt idx="49">
                  <c:v>49.919879913330099</c:v>
                </c:pt>
                <c:pt idx="50">
                  <c:v>50.919593811035199</c:v>
                </c:pt>
                <c:pt idx="51">
                  <c:v>51.919506072997997</c:v>
                </c:pt>
                <c:pt idx="52">
                  <c:v>52.919219970703097</c:v>
                </c:pt>
                <c:pt idx="53">
                  <c:v>53.918651580810497</c:v>
                </c:pt>
                <c:pt idx="54">
                  <c:v>54.918960571289098</c:v>
                </c:pt>
                <c:pt idx="55">
                  <c:v>55.918746948242202</c:v>
                </c:pt>
                <c:pt idx="56">
                  <c:v>56.917984008789098</c:v>
                </c:pt>
                <c:pt idx="57">
                  <c:v>57.918121337890597</c:v>
                </c:pt>
                <c:pt idx="58">
                  <c:v>58.917671203613303</c:v>
                </c:pt>
                <c:pt idx="59">
                  <c:v>59.917942047119098</c:v>
                </c:pt>
                <c:pt idx="60">
                  <c:v>60.917304992675803</c:v>
                </c:pt>
                <c:pt idx="61">
                  <c:v>61.916919708252003</c:v>
                </c:pt>
                <c:pt idx="62">
                  <c:v>62.916782379150398</c:v>
                </c:pt>
                <c:pt idx="63">
                  <c:v>63.916584014892599</c:v>
                </c:pt>
                <c:pt idx="64">
                  <c:v>64.916183471679702</c:v>
                </c:pt>
                <c:pt idx="65">
                  <c:v>65.915634155273395</c:v>
                </c:pt>
                <c:pt idx="66">
                  <c:v>66.915710449218807</c:v>
                </c:pt>
                <c:pt idx="67">
                  <c:v>67.915176391601605</c:v>
                </c:pt>
                <c:pt idx="68">
                  <c:v>68.914993286132798</c:v>
                </c:pt>
                <c:pt idx="69">
                  <c:v>69.914962768554702</c:v>
                </c:pt>
                <c:pt idx="70">
                  <c:v>70.915168762207003</c:v>
                </c:pt>
                <c:pt idx="71">
                  <c:v>71.914955139160199</c:v>
                </c:pt>
                <c:pt idx="72">
                  <c:v>72.914283752441406</c:v>
                </c:pt>
                <c:pt idx="73">
                  <c:v>73.913970947265597</c:v>
                </c:pt>
                <c:pt idx="74">
                  <c:v>74.913871765136705</c:v>
                </c:pt>
                <c:pt idx="75">
                  <c:v>75.913894653320298</c:v>
                </c:pt>
                <c:pt idx="76">
                  <c:v>76.912261962890597</c:v>
                </c:pt>
                <c:pt idx="77">
                  <c:v>77.913810729980497</c:v>
                </c:pt>
                <c:pt idx="78">
                  <c:v>78.912055969238295</c:v>
                </c:pt>
                <c:pt idx="79">
                  <c:v>79.913131713867202</c:v>
                </c:pt>
                <c:pt idx="80">
                  <c:v>80.912033081054702</c:v>
                </c:pt>
                <c:pt idx="81">
                  <c:v>81.912414550781307</c:v>
                </c:pt>
                <c:pt idx="82">
                  <c:v>82.912216186523395</c:v>
                </c:pt>
                <c:pt idx="83">
                  <c:v>83.909019470214801</c:v>
                </c:pt>
                <c:pt idx="84">
                  <c:v>84.910736083984403</c:v>
                </c:pt>
                <c:pt idx="85">
                  <c:v>85.910438537597699</c:v>
                </c:pt>
                <c:pt idx="86">
                  <c:v>86.910758972167997</c:v>
                </c:pt>
                <c:pt idx="87">
                  <c:v>87.909523010253906</c:v>
                </c:pt>
                <c:pt idx="88">
                  <c:v>88.912109375</c:v>
                </c:pt>
                <c:pt idx="89">
                  <c:v>89.911170959472699</c:v>
                </c:pt>
                <c:pt idx="90">
                  <c:v>90.909385681152301</c:v>
                </c:pt>
                <c:pt idx="91">
                  <c:v>91.908706665039105</c:v>
                </c:pt>
                <c:pt idx="92">
                  <c:v>92.908592224121094</c:v>
                </c:pt>
                <c:pt idx="93">
                  <c:v>93.910171508789105</c:v>
                </c:pt>
                <c:pt idx="94">
                  <c:v>94.907318115234403</c:v>
                </c:pt>
                <c:pt idx="95">
                  <c:v>95.908615112304702</c:v>
                </c:pt>
                <c:pt idx="96">
                  <c:v>96.909004211425795</c:v>
                </c:pt>
                <c:pt idx="97">
                  <c:v>97.907257080078097</c:v>
                </c:pt>
                <c:pt idx="98">
                  <c:v>98.908241271972699</c:v>
                </c:pt>
                <c:pt idx="99">
                  <c:v>99.907196044921903</c:v>
                </c:pt>
                <c:pt idx="100">
                  <c:v>100.00172424316401</c:v>
                </c:pt>
                <c:pt idx="101">
                  <c:v>100.001815795898</c:v>
                </c:pt>
                <c:pt idx="102">
                  <c:v>99.999504089355497</c:v>
                </c:pt>
                <c:pt idx="103">
                  <c:v>99.999374389648395</c:v>
                </c:pt>
                <c:pt idx="104">
                  <c:v>100.002090454102</c:v>
                </c:pt>
                <c:pt idx="105">
                  <c:v>100.000053405762</c:v>
                </c:pt>
                <c:pt idx="106">
                  <c:v>99.999656677246094</c:v>
                </c:pt>
                <c:pt idx="107">
                  <c:v>99.999137878417997</c:v>
                </c:pt>
                <c:pt idx="108">
                  <c:v>100.000785827637</c:v>
                </c:pt>
                <c:pt idx="109">
                  <c:v>99.998771667480497</c:v>
                </c:pt>
                <c:pt idx="110">
                  <c:v>99.998466491699205</c:v>
                </c:pt>
                <c:pt idx="111">
                  <c:v>99.998031616210895</c:v>
                </c:pt>
                <c:pt idx="112">
                  <c:v>99.999099731445298</c:v>
                </c:pt>
                <c:pt idx="113">
                  <c:v>100.00070953369099</c:v>
                </c:pt>
                <c:pt idx="114">
                  <c:v>99.999366760253906</c:v>
                </c:pt>
                <c:pt idx="115">
                  <c:v>100.001007080078</c:v>
                </c:pt>
                <c:pt idx="116">
                  <c:v>100.00080871582</c:v>
                </c:pt>
                <c:pt idx="117">
                  <c:v>99.999885559082003</c:v>
                </c:pt>
                <c:pt idx="118">
                  <c:v>100.000053405762</c:v>
                </c:pt>
                <c:pt idx="119">
                  <c:v>100.00160980224599</c:v>
                </c:pt>
                <c:pt idx="120">
                  <c:v>100.000297546387</c:v>
                </c:pt>
                <c:pt idx="121">
                  <c:v>100.001022338867</c:v>
                </c:pt>
                <c:pt idx="122">
                  <c:v>99.994888305664105</c:v>
                </c:pt>
                <c:pt idx="123">
                  <c:v>100.00009155273401</c:v>
                </c:pt>
                <c:pt idx="124">
                  <c:v>99.9986572265625</c:v>
                </c:pt>
                <c:pt idx="125">
                  <c:v>99.999206542968807</c:v>
                </c:pt>
                <c:pt idx="126">
                  <c:v>99.999977111816406</c:v>
                </c:pt>
                <c:pt idx="127">
                  <c:v>100.00188446044901</c:v>
                </c:pt>
                <c:pt idx="128">
                  <c:v>100.000648498535</c:v>
                </c:pt>
                <c:pt idx="129">
                  <c:v>99.99853515625</c:v>
                </c:pt>
                <c:pt idx="130">
                  <c:v>99.076087951660199</c:v>
                </c:pt>
                <c:pt idx="131">
                  <c:v>98.074348449707003</c:v>
                </c:pt>
                <c:pt idx="132">
                  <c:v>97.073493957519503</c:v>
                </c:pt>
                <c:pt idx="133">
                  <c:v>96.072227478027301</c:v>
                </c:pt>
                <c:pt idx="134">
                  <c:v>95.076683044433594</c:v>
                </c:pt>
                <c:pt idx="135">
                  <c:v>94.077056884765597</c:v>
                </c:pt>
                <c:pt idx="136">
                  <c:v>93.076690673828097</c:v>
                </c:pt>
                <c:pt idx="137">
                  <c:v>92.075950622558594</c:v>
                </c:pt>
                <c:pt idx="138">
                  <c:v>91.076347351074205</c:v>
                </c:pt>
                <c:pt idx="139">
                  <c:v>90.078414916992202</c:v>
                </c:pt>
                <c:pt idx="140">
                  <c:v>89.079437255859403</c:v>
                </c:pt>
                <c:pt idx="141">
                  <c:v>88.075538635253906</c:v>
                </c:pt>
                <c:pt idx="142">
                  <c:v>87.073600769042997</c:v>
                </c:pt>
                <c:pt idx="143">
                  <c:v>86.078964233398395</c:v>
                </c:pt>
                <c:pt idx="144">
                  <c:v>85.079856872558594</c:v>
                </c:pt>
                <c:pt idx="145">
                  <c:v>84.079933166503906</c:v>
                </c:pt>
                <c:pt idx="146">
                  <c:v>83.078163146972699</c:v>
                </c:pt>
                <c:pt idx="147">
                  <c:v>82.079849243164105</c:v>
                </c:pt>
                <c:pt idx="148">
                  <c:v>81.079002380371094</c:v>
                </c:pt>
                <c:pt idx="149">
                  <c:v>80.081077575683594</c:v>
                </c:pt>
                <c:pt idx="150">
                  <c:v>79.080505371093807</c:v>
                </c:pt>
                <c:pt idx="151">
                  <c:v>78.081436157226605</c:v>
                </c:pt>
                <c:pt idx="152">
                  <c:v>77.080673217773395</c:v>
                </c:pt>
                <c:pt idx="153">
                  <c:v>76.081100463867202</c:v>
                </c:pt>
                <c:pt idx="154">
                  <c:v>75.080825805664105</c:v>
                </c:pt>
                <c:pt idx="155">
                  <c:v>74.081672668457003</c:v>
                </c:pt>
                <c:pt idx="156">
                  <c:v>73.081642150878906</c:v>
                </c:pt>
                <c:pt idx="157">
                  <c:v>72.081588745117202</c:v>
                </c:pt>
                <c:pt idx="158">
                  <c:v>71.082466125488295</c:v>
                </c:pt>
                <c:pt idx="159">
                  <c:v>70.082290649414105</c:v>
                </c:pt>
                <c:pt idx="160">
                  <c:v>69.079879760742202</c:v>
                </c:pt>
                <c:pt idx="161">
                  <c:v>68.080131530761705</c:v>
                </c:pt>
                <c:pt idx="162">
                  <c:v>67.080299377441406</c:v>
                </c:pt>
                <c:pt idx="163">
                  <c:v>66.081237792968807</c:v>
                </c:pt>
                <c:pt idx="164">
                  <c:v>65.080825805664105</c:v>
                </c:pt>
                <c:pt idx="165">
                  <c:v>64.081260681152301</c:v>
                </c:pt>
                <c:pt idx="166">
                  <c:v>63.081367492675803</c:v>
                </c:pt>
                <c:pt idx="167">
                  <c:v>62.081802368164098</c:v>
                </c:pt>
                <c:pt idx="168">
                  <c:v>61.082435607910199</c:v>
                </c:pt>
                <c:pt idx="169">
                  <c:v>60.081771850585902</c:v>
                </c:pt>
                <c:pt idx="170">
                  <c:v>59.081844329833999</c:v>
                </c:pt>
                <c:pt idx="171">
                  <c:v>58.082611083984403</c:v>
                </c:pt>
                <c:pt idx="172">
                  <c:v>57.082771301269503</c:v>
                </c:pt>
                <c:pt idx="173">
                  <c:v>56.083217620849602</c:v>
                </c:pt>
                <c:pt idx="174">
                  <c:v>55.0829467773438</c:v>
                </c:pt>
                <c:pt idx="175">
                  <c:v>54.083446502685497</c:v>
                </c:pt>
                <c:pt idx="176">
                  <c:v>53.083480834960902</c:v>
                </c:pt>
                <c:pt idx="177">
                  <c:v>52.083812713622997</c:v>
                </c:pt>
                <c:pt idx="178">
                  <c:v>51.083885192871101</c:v>
                </c:pt>
                <c:pt idx="179">
                  <c:v>50.084392547607401</c:v>
                </c:pt>
                <c:pt idx="180">
                  <c:v>49.084529876708999</c:v>
                </c:pt>
                <c:pt idx="181">
                  <c:v>48.0851860046387</c:v>
                </c:pt>
                <c:pt idx="182">
                  <c:v>47.084896087646499</c:v>
                </c:pt>
                <c:pt idx="183">
                  <c:v>46.085247039794901</c:v>
                </c:pt>
                <c:pt idx="184">
                  <c:v>45.086009979247997</c:v>
                </c:pt>
                <c:pt idx="185">
                  <c:v>44.0864067077637</c:v>
                </c:pt>
                <c:pt idx="186">
                  <c:v>43.086082458496101</c:v>
                </c:pt>
                <c:pt idx="187">
                  <c:v>42.086380004882798</c:v>
                </c:pt>
                <c:pt idx="188">
                  <c:v>41.086708068847699</c:v>
                </c:pt>
                <c:pt idx="189">
                  <c:v>40.086978912353501</c:v>
                </c:pt>
                <c:pt idx="190">
                  <c:v>39.087146759033203</c:v>
                </c:pt>
                <c:pt idx="191">
                  <c:v>38.087471008300803</c:v>
                </c:pt>
                <c:pt idx="192">
                  <c:v>37.087677001953097</c:v>
                </c:pt>
                <c:pt idx="193">
                  <c:v>36.087936401367202</c:v>
                </c:pt>
                <c:pt idx="194">
                  <c:v>35.087882995605497</c:v>
                </c:pt>
                <c:pt idx="195">
                  <c:v>34.088573455810497</c:v>
                </c:pt>
                <c:pt idx="196">
                  <c:v>33.088798522949197</c:v>
                </c:pt>
                <c:pt idx="197">
                  <c:v>32.088977813720703</c:v>
                </c:pt>
                <c:pt idx="198">
                  <c:v>31.089309692382798</c:v>
                </c:pt>
                <c:pt idx="199">
                  <c:v>30.089452743530298</c:v>
                </c:pt>
                <c:pt idx="200">
                  <c:v>29.089626312255898</c:v>
                </c:pt>
                <c:pt idx="201">
                  <c:v>28.089838027954102</c:v>
                </c:pt>
                <c:pt idx="202">
                  <c:v>27.09010887146</c:v>
                </c:pt>
                <c:pt idx="203">
                  <c:v>26.090391159057599</c:v>
                </c:pt>
                <c:pt idx="204">
                  <c:v>25.090511322021499</c:v>
                </c:pt>
                <c:pt idx="205">
                  <c:v>24.090892791748001</c:v>
                </c:pt>
                <c:pt idx="206">
                  <c:v>23.091114044189499</c:v>
                </c:pt>
                <c:pt idx="207">
                  <c:v>22.0914707183838</c:v>
                </c:pt>
                <c:pt idx="208">
                  <c:v>21.091758728027301</c:v>
                </c:pt>
                <c:pt idx="209">
                  <c:v>20.091953277587901</c:v>
                </c:pt>
                <c:pt idx="210">
                  <c:v>19.0921535491943</c:v>
                </c:pt>
                <c:pt idx="211">
                  <c:v>18.092290878295898</c:v>
                </c:pt>
                <c:pt idx="212">
                  <c:v>17.092487335205099</c:v>
                </c:pt>
                <c:pt idx="213">
                  <c:v>16.092889785766602</c:v>
                </c:pt>
                <c:pt idx="214">
                  <c:v>15.0927333831787</c:v>
                </c:pt>
                <c:pt idx="215">
                  <c:v>14.0925893783569</c:v>
                </c:pt>
                <c:pt idx="216">
                  <c:v>13.09255027771</c:v>
                </c:pt>
                <c:pt idx="217">
                  <c:v>12.092485427856399</c:v>
                </c:pt>
                <c:pt idx="218">
                  <c:v>11.092383384704601</c:v>
                </c:pt>
                <c:pt idx="219">
                  <c:v>10.0923109054565</c:v>
                </c:pt>
                <c:pt idx="220">
                  <c:v>9.0923280715942401</c:v>
                </c:pt>
                <c:pt idx="221">
                  <c:v>8.0921049118041992</c:v>
                </c:pt>
                <c:pt idx="222">
                  <c:v>7.0921268463134801</c:v>
                </c:pt>
                <c:pt idx="223">
                  <c:v>6.0923194885253897</c:v>
                </c:pt>
                <c:pt idx="224">
                  <c:v>5.0923147201538104</c:v>
                </c:pt>
                <c:pt idx="225">
                  <c:v>4.0924139022827104</c:v>
                </c:pt>
                <c:pt idx="226">
                  <c:v>3.09244656562805</c:v>
                </c:pt>
                <c:pt idx="227">
                  <c:v>2.0922799110412602</c:v>
                </c:pt>
                <c:pt idx="228">
                  <c:v>1.0923725366592401</c:v>
                </c:pt>
                <c:pt idx="229">
                  <c:v>9.2405728995800004E-2</c:v>
                </c:pt>
              </c:numCache>
            </c:numRef>
          </c:xVal>
          <c:yVal>
            <c:numRef>
              <c:f>Type_4_6_10___._3_thixotropy_rw!$G$2:$G$231</c:f>
              <c:numCache>
                <c:formatCode>General</c:formatCode>
                <c:ptCount val="230"/>
                <c:pt idx="0">
                  <c:v>3.9687805175781299</c:v>
                </c:pt>
                <c:pt idx="1">
                  <c:v>2.3425667285919198</c:v>
                </c:pt>
                <c:pt idx="2">
                  <c:v>2.0031445026397701</c:v>
                </c:pt>
                <c:pt idx="3">
                  <c:v>1.6165726184845</c:v>
                </c:pt>
                <c:pt idx="4">
                  <c:v>1.29582548141479</c:v>
                </c:pt>
                <c:pt idx="5">
                  <c:v>1.11747109889984</c:v>
                </c:pt>
                <c:pt idx="6">
                  <c:v>1.1045675277710001</c:v>
                </c:pt>
                <c:pt idx="7">
                  <c:v>0.98784148693084695</c:v>
                </c:pt>
                <c:pt idx="8">
                  <c:v>0.86897820234298695</c:v>
                </c:pt>
                <c:pt idx="9">
                  <c:v>0.80472218990325906</c:v>
                </c:pt>
                <c:pt idx="10">
                  <c:v>0.76806914806366</c:v>
                </c:pt>
                <c:pt idx="11">
                  <c:v>0.73775267601013195</c:v>
                </c:pt>
                <c:pt idx="12">
                  <c:v>0.71931356191635099</c:v>
                </c:pt>
                <c:pt idx="13">
                  <c:v>0.72078728675842296</c:v>
                </c:pt>
                <c:pt idx="14">
                  <c:v>0.667014300823212</c:v>
                </c:pt>
                <c:pt idx="15">
                  <c:v>0.662703156471252</c:v>
                </c:pt>
                <c:pt idx="16">
                  <c:v>0.65668249130249001</c:v>
                </c:pt>
                <c:pt idx="17">
                  <c:v>0.64664328098297097</c:v>
                </c:pt>
                <c:pt idx="18">
                  <c:v>0.66295778751373302</c:v>
                </c:pt>
                <c:pt idx="19">
                  <c:v>0.63896292448043801</c:v>
                </c:pt>
                <c:pt idx="20">
                  <c:v>0.63944613933563199</c:v>
                </c:pt>
                <c:pt idx="21">
                  <c:v>0.65131056308746305</c:v>
                </c:pt>
                <c:pt idx="22">
                  <c:v>0.69215553998947099</c:v>
                </c:pt>
                <c:pt idx="23">
                  <c:v>0.73228967189788796</c:v>
                </c:pt>
                <c:pt idx="24">
                  <c:v>0.71075761318206798</c:v>
                </c:pt>
                <c:pt idx="25">
                  <c:v>0.70873600244522095</c:v>
                </c:pt>
                <c:pt idx="26">
                  <c:v>0.72445756196975697</c:v>
                </c:pt>
                <c:pt idx="27">
                  <c:v>0.746479451656342</c:v>
                </c:pt>
                <c:pt idx="28">
                  <c:v>0.74808740615844704</c:v>
                </c:pt>
                <c:pt idx="29">
                  <c:v>0.75775074958801303</c:v>
                </c:pt>
                <c:pt idx="30">
                  <c:v>0.790846288204193</c:v>
                </c:pt>
                <c:pt idx="31">
                  <c:v>0.80276465415954601</c:v>
                </c:pt>
                <c:pt idx="32">
                  <c:v>0.85465365648269698</c:v>
                </c:pt>
                <c:pt idx="33">
                  <c:v>0.82218408584594704</c:v>
                </c:pt>
                <c:pt idx="34">
                  <c:v>0.80184602737426802</c:v>
                </c:pt>
                <c:pt idx="35">
                  <c:v>0.82515209913253795</c:v>
                </c:pt>
                <c:pt idx="36">
                  <c:v>0.83690369129180897</c:v>
                </c:pt>
                <c:pt idx="37">
                  <c:v>0.841979920864105</c:v>
                </c:pt>
                <c:pt idx="38">
                  <c:v>0.82963764667510997</c:v>
                </c:pt>
                <c:pt idx="39">
                  <c:v>0.84111690521240201</c:v>
                </c:pt>
                <c:pt idx="40">
                  <c:v>0.84586566686630205</c:v>
                </c:pt>
                <c:pt idx="41">
                  <c:v>0.85896289348602295</c:v>
                </c:pt>
                <c:pt idx="42">
                  <c:v>0.86684876680374101</c:v>
                </c:pt>
                <c:pt idx="43">
                  <c:v>0.88474100828170799</c:v>
                </c:pt>
                <c:pt idx="44">
                  <c:v>0.912067770957947</c:v>
                </c:pt>
                <c:pt idx="45">
                  <c:v>0.92024189233779896</c:v>
                </c:pt>
                <c:pt idx="46">
                  <c:v>0.92316019535064697</c:v>
                </c:pt>
                <c:pt idx="47">
                  <c:v>0.92266809940338101</c:v>
                </c:pt>
                <c:pt idx="48">
                  <c:v>0.94635695219039895</c:v>
                </c:pt>
                <c:pt idx="49">
                  <c:v>0.94210380315780595</c:v>
                </c:pt>
                <c:pt idx="50">
                  <c:v>0.97109723091125499</c:v>
                </c:pt>
                <c:pt idx="51">
                  <c:v>0.95250296592712402</c:v>
                </c:pt>
                <c:pt idx="52">
                  <c:v>0.96732819080352805</c:v>
                </c:pt>
                <c:pt idx="53">
                  <c:v>0.954825639724731</c:v>
                </c:pt>
                <c:pt idx="54">
                  <c:v>0.95095139741897605</c:v>
                </c:pt>
                <c:pt idx="55">
                  <c:v>0.96348607540130604</c:v>
                </c:pt>
                <c:pt idx="56">
                  <c:v>0.97141629457473799</c:v>
                </c:pt>
                <c:pt idx="57">
                  <c:v>1.0576546192169201</c:v>
                </c:pt>
                <c:pt idx="58">
                  <c:v>1.02153313159943</c:v>
                </c:pt>
                <c:pt idx="59">
                  <c:v>1.0217444896698</c:v>
                </c:pt>
                <c:pt idx="60">
                  <c:v>1.0079541206359901</c:v>
                </c:pt>
                <c:pt idx="61">
                  <c:v>1.0006293058395399</c:v>
                </c:pt>
                <c:pt idx="62">
                  <c:v>0.99081474542617798</c:v>
                </c:pt>
                <c:pt idx="63">
                  <c:v>0.99820375442504905</c:v>
                </c:pt>
                <c:pt idx="64">
                  <c:v>1.02682876586914</c:v>
                </c:pt>
                <c:pt idx="65">
                  <c:v>0.93921291828155495</c:v>
                </c:pt>
                <c:pt idx="66">
                  <c:v>0.94180351495742798</c:v>
                </c:pt>
                <c:pt idx="67">
                  <c:v>0.92371356487274203</c:v>
                </c:pt>
                <c:pt idx="68">
                  <c:v>0.98538452386856101</c:v>
                </c:pt>
                <c:pt idx="69">
                  <c:v>0.984341681003571</c:v>
                </c:pt>
                <c:pt idx="70">
                  <c:v>1.036980509758</c:v>
                </c:pt>
                <c:pt idx="71">
                  <c:v>1.01416659355164</c:v>
                </c:pt>
                <c:pt idx="72">
                  <c:v>1.0554949045181301</c:v>
                </c:pt>
                <c:pt idx="73">
                  <c:v>1.0100517272949201</c:v>
                </c:pt>
                <c:pt idx="74">
                  <c:v>1.03060185909271</c:v>
                </c:pt>
                <c:pt idx="75">
                  <c:v>1.01976323127747</c:v>
                </c:pt>
                <c:pt idx="76">
                  <c:v>1.03590512275696</c:v>
                </c:pt>
                <c:pt idx="77">
                  <c:v>1.0147790908813501</c:v>
                </c:pt>
                <c:pt idx="78">
                  <c:v>1.00009918212891</c:v>
                </c:pt>
                <c:pt idx="79">
                  <c:v>0.99612599611282304</c:v>
                </c:pt>
                <c:pt idx="80">
                  <c:v>0.99833893775939897</c:v>
                </c:pt>
                <c:pt idx="81">
                  <c:v>0.99801826477050803</c:v>
                </c:pt>
                <c:pt idx="82">
                  <c:v>1.0121488571167001</c:v>
                </c:pt>
                <c:pt idx="83">
                  <c:v>0.95696854591369596</c:v>
                </c:pt>
                <c:pt idx="84">
                  <c:v>1.0017828941345199</c:v>
                </c:pt>
                <c:pt idx="85">
                  <c:v>0.98606669902801503</c:v>
                </c:pt>
                <c:pt idx="86">
                  <c:v>0.99156314134597801</c:v>
                </c:pt>
                <c:pt idx="87">
                  <c:v>0.98071873188018799</c:v>
                </c:pt>
                <c:pt idx="88">
                  <c:v>0.963747918605804</c:v>
                </c:pt>
                <c:pt idx="89">
                  <c:v>0.94140583276748702</c:v>
                </c:pt>
                <c:pt idx="90">
                  <c:v>0.93315076828002896</c:v>
                </c:pt>
                <c:pt idx="91">
                  <c:v>0.95582008361816395</c:v>
                </c:pt>
                <c:pt idx="92">
                  <c:v>0.98153579235076904</c:v>
                </c:pt>
                <c:pt idx="93">
                  <c:v>0.90262794494628895</c:v>
                </c:pt>
                <c:pt idx="94">
                  <c:v>0.91488021612167403</c:v>
                </c:pt>
                <c:pt idx="95">
                  <c:v>0.94666409492492698</c:v>
                </c:pt>
                <c:pt idx="96">
                  <c:v>0.95955151319503795</c:v>
                </c:pt>
                <c:pt idx="97">
                  <c:v>0.94112235307693504</c:v>
                </c:pt>
                <c:pt idx="98">
                  <c:v>0.94531512260437001</c:v>
                </c:pt>
                <c:pt idx="99">
                  <c:v>0.94637709856033303</c:v>
                </c:pt>
                <c:pt idx="100">
                  <c:v>0.89077496528625499</c:v>
                </c:pt>
                <c:pt idx="101">
                  <c:v>0.88887578248977706</c:v>
                </c:pt>
                <c:pt idx="102">
                  <c:v>0.90956103801727295</c:v>
                </c:pt>
                <c:pt idx="103">
                  <c:v>0.96111351251602195</c:v>
                </c:pt>
                <c:pt idx="104">
                  <c:v>0.92911112308502197</c:v>
                </c:pt>
                <c:pt idx="105">
                  <c:v>0.95785921812057495</c:v>
                </c:pt>
                <c:pt idx="106">
                  <c:v>0.91642916202545199</c:v>
                </c:pt>
                <c:pt idx="107">
                  <c:v>0.94250226020812999</c:v>
                </c:pt>
                <c:pt idx="108">
                  <c:v>0.924643814563751</c:v>
                </c:pt>
                <c:pt idx="109">
                  <c:v>0.91103416681289695</c:v>
                </c:pt>
                <c:pt idx="110">
                  <c:v>0.93102693557739302</c:v>
                </c:pt>
                <c:pt idx="111">
                  <c:v>0.92593395709991499</c:v>
                </c:pt>
                <c:pt idx="112">
                  <c:v>0.93177789449691795</c:v>
                </c:pt>
                <c:pt idx="113">
                  <c:v>0.93868261575698897</c:v>
                </c:pt>
                <c:pt idx="114">
                  <c:v>0.95836377143859897</c:v>
                </c:pt>
                <c:pt idx="115">
                  <c:v>0.920521259307861</c:v>
                </c:pt>
                <c:pt idx="116">
                  <c:v>0.91869330406188998</c:v>
                </c:pt>
                <c:pt idx="117">
                  <c:v>0.94071191549301103</c:v>
                </c:pt>
                <c:pt idx="118">
                  <c:v>0.96153986454009999</c:v>
                </c:pt>
                <c:pt idx="119">
                  <c:v>0.94746702909469604</c:v>
                </c:pt>
                <c:pt idx="120">
                  <c:v>0.91797941923141502</c:v>
                </c:pt>
                <c:pt idx="121">
                  <c:v>0.92762744426727295</c:v>
                </c:pt>
                <c:pt idx="122">
                  <c:v>0.94435781240463301</c:v>
                </c:pt>
                <c:pt idx="123">
                  <c:v>0.89341747760772705</c:v>
                </c:pt>
                <c:pt idx="124">
                  <c:v>0.91112291812896695</c:v>
                </c:pt>
                <c:pt idx="125">
                  <c:v>0.92905604839324996</c:v>
                </c:pt>
                <c:pt idx="126">
                  <c:v>0.94955146312713601</c:v>
                </c:pt>
                <c:pt idx="127">
                  <c:v>0.93018978834152199</c:v>
                </c:pt>
                <c:pt idx="128">
                  <c:v>0.90449327230453502</c:v>
                </c:pt>
                <c:pt idx="129">
                  <c:v>0.94372385740280196</c:v>
                </c:pt>
                <c:pt idx="130">
                  <c:v>0.96939343214035001</c:v>
                </c:pt>
                <c:pt idx="131">
                  <c:v>0.92305475473403897</c:v>
                </c:pt>
                <c:pt idx="132">
                  <c:v>0.95930999517440796</c:v>
                </c:pt>
                <c:pt idx="133">
                  <c:v>0.94094938039779696</c:v>
                </c:pt>
                <c:pt idx="134">
                  <c:v>0.96301782131195102</c:v>
                </c:pt>
                <c:pt idx="135">
                  <c:v>0.92892646789550803</c:v>
                </c:pt>
                <c:pt idx="136">
                  <c:v>0.91758149862289395</c:v>
                </c:pt>
                <c:pt idx="137">
                  <c:v>0.98077440261840798</c:v>
                </c:pt>
                <c:pt idx="138">
                  <c:v>0.96507626771926902</c:v>
                </c:pt>
                <c:pt idx="139">
                  <c:v>0.97409152984619096</c:v>
                </c:pt>
                <c:pt idx="140">
                  <c:v>0.96245825290679898</c:v>
                </c:pt>
                <c:pt idx="141">
                  <c:v>0.99633061885833696</c:v>
                </c:pt>
                <c:pt idx="142">
                  <c:v>0.93855220079421997</c:v>
                </c:pt>
                <c:pt idx="143">
                  <c:v>0.98833650350570701</c:v>
                </c:pt>
                <c:pt idx="144">
                  <c:v>0.99593615531921398</c:v>
                </c:pt>
                <c:pt idx="145">
                  <c:v>1.0226292610168499</c:v>
                </c:pt>
                <c:pt idx="146">
                  <c:v>1.0270203351974501</c:v>
                </c:pt>
                <c:pt idx="147">
                  <c:v>1.00173759460449</c:v>
                </c:pt>
                <c:pt idx="148">
                  <c:v>0.98183387517929099</c:v>
                </c:pt>
                <c:pt idx="149">
                  <c:v>0.91910737752914395</c:v>
                </c:pt>
                <c:pt idx="150">
                  <c:v>0.97486293315887496</c:v>
                </c:pt>
                <c:pt idx="151">
                  <c:v>1.0169866085052499</c:v>
                </c:pt>
                <c:pt idx="152">
                  <c:v>1.0082799196243299</c:v>
                </c:pt>
                <c:pt idx="153">
                  <c:v>1.0380938053131099</c:v>
                </c:pt>
                <c:pt idx="154">
                  <c:v>1.0292992591857899</c:v>
                </c:pt>
                <c:pt idx="155">
                  <c:v>1.00413978099823</c:v>
                </c:pt>
                <c:pt idx="156">
                  <c:v>1.0138342380523699</c:v>
                </c:pt>
                <c:pt idx="157">
                  <c:v>0.98836117982864402</c:v>
                </c:pt>
                <c:pt idx="158">
                  <c:v>1.01028692722321</c:v>
                </c:pt>
                <c:pt idx="159">
                  <c:v>1.0058940649032599</c:v>
                </c:pt>
                <c:pt idx="160">
                  <c:v>0.98409938812255904</c:v>
                </c:pt>
                <c:pt idx="161">
                  <c:v>0.99155521392822299</c:v>
                </c:pt>
                <c:pt idx="162">
                  <c:v>0.97086638212204002</c:v>
                </c:pt>
                <c:pt idx="163">
                  <c:v>1.0349528789520299</c:v>
                </c:pt>
                <c:pt idx="164">
                  <c:v>0.96705174446106001</c:v>
                </c:pt>
                <c:pt idx="165">
                  <c:v>0.956087946891785</c:v>
                </c:pt>
                <c:pt idx="166">
                  <c:v>0.97342187166214</c:v>
                </c:pt>
                <c:pt idx="167">
                  <c:v>0.94745916128158603</c:v>
                </c:pt>
                <c:pt idx="168">
                  <c:v>0.90736192464828502</c:v>
                </c:pt>
                <c:pt idx="169">
                  <c:v>0.91863542795181297</c:v>
                </c:pt>
                <c:pt idx="170">
                  <c:v>0.87442994117736805</c:v>
                </c:pt>
                <c:pt idx="171">
                  <c:v>0.84553486108779896</c:v>
                </c:pt>
                <c:pt idx="172">
                  <c:v>0.86546605825424205</c:v>
                </c:pt>
                <c:pt idx="173">
                  <c:v>0.88581758737564098</c:v>
                </c:pt>
                <c:pt idx="174">
                  <c:v>0.86079043149948098</c:v>
                </c:pt>
                <c:pt idx="175">
                  <c:v>0.85685610771179199</c:v>
                </c:pt>
                <c:pt idx="176">
                  <c:v>0.84952837228775002</c:v>
                </c:pt>
                <c:pt idx="177">
                  <c:v>0.82418721914291404</c:v>
                </c:pt>
                <c:pt idx="178">
                  <c:v>0.80358624458312999</c:v>
                </c:pt>
                <c:pt idx="179">
                  <c:v>0.78510999679565396</c:v>
                </c:pt>
                <c:pt idx="180">
                  <c:v>0.78726810216903698</c:v>
                </c:pt>
                <c:pt idx="181">
                  <c:v>0.74929660558700595</c:v>
                </c:pt>
                <c:pt idx="182">
                  <c:v>0.79287648200988803</c:v>
                </c:pt>
                <c:pt idx="183">
                  <c:v>0.74391222000122104</c:v>
                </c:pt>
                <c:pt idx="184">
                  <c:v>0.82375717163085904</c:v>
                </c:pt>
                <c:pt idx="185">
                  <c:v>0.78127419948577903</c:v>
                </c:pt>
                <c:pt idx="186">
                  <c:v>0.79856759309768699</c:v>
                </c:pt>
                <c:pt idx="187">
                  <c:v>0.81653052568435702</c:v>
                </c:pt>
                <c:pt idx="188">
                  <c:v>0.80644279718399003</c:v>
                </c:pt>
                <c:pt idx="189">
                  <c:v>0.79685646295547496</c:v>
                </c:pt>
                <c:pt idx="190">
                  <c:v>0.79420250654220603</c:v>
                </c:pt>
                <c:pt idx="191">
                  <c:v>0.85515928268432595</c:v>
                </c:pt>
                <c:pt idx="192">
                  <c:v>0.80841171741485596</c:v>
                </c:pt>
                <c:pt idx="193">
                  <c:v>0.80649018287658703</c:v>
                </c:pt>
                <c:pt idx="194">
                  <c:v>0.84088551998138406</c:v>
                </c:pt>
                <c:pt idx="195">
                  <c:v>0.78568023443222001</c:v>
                </c:pt>
                <c:pt idx="196">
                  <c:v>0.77503132820129395</c:v>
                </c:pt>
                <c:pt idx="197">
                  <c:v>0.78407937288284302</c:v>
                </c:pt>
                <c:pt idx="198">
                  <c:v>0.79485225677490201</c:v>
                </c:pt>
                <c:pt idx="199">
                  <c:v>0.80419558286666903</c:v>
                </c:pt>
                <c:pt idx="200">
                  <c:v>0.81079918146133401</c:v>
                </c:pt>
                <c:pt idx="201">
                  <c:v>0.78059542179107699</c:v>
                </c:pt>
                <c:pt idx="202">
                  <c:v>0.73392903804779097</c:v>
                </c:pt>
                <c:pt idx="203">
                  <c:v>0.73244929313659701</c:v>
                </c:pt>
                <c:pt idx="204">
                  <c:v>0.72699904441833496</c:v>
                </c:pt>
                <c:pt idx="205">
                  <c:v>0.72125369310378995</c:v>
                </c:pt>
                <c:pt idx="206">
                  <c:v>0.70445615053176902</c:v>
                </c:pt>
                <c:pt idx="207">
                  <c:v>0.73199510574340798</c:v>
                </c:pt>
                <c:pt idx="208">
                  <c:v>0.72608089447021495</c:v>
                </c:pt>
                <c:pt idx="209">
                  <c:v>0.70058226585388195</c:v>
                </c:pt>
                <c:pt idx="210">
                  <c:v>0.69257527589797996</c:v>
                </c:pt>
                <c:pt idx="211">
                  <c:v>0.69837874174117998</c:v>
                </c:pt>
                <c:pt idx="212">
                  <c:v>0.68888300657272294</c:v>
                </c:pt>
                <c:pt idx="213">
                  <c:v>0.65484768152236905</c:v>
                </c:pt>
                <c:pt idx="214">
                  <c:v>0.671081483364105</c:v>
                </c:pt>
                <c:pt idx="215">
                  <c:v>0.67481368780136097</c:v>
                </c:pt>
                <c:pt idx="216">
                  <c:v>0.69034326076507602</c:v>
                </c:pt>
                <c:pt idx="217">
                  <c:v>0.72997856140136697</c:v>
                </c:pt>
                <c:pt idx="218">
                  <c:v>0.75362223386764504</c:v>
                </c:pt>
                <c:pt idx="219">
                  <c:v>0.776028692722321</c:v>
                </c:pt>
                <c:pt idx="220">
                  <c:v>0.83038640022277799</c:v>
                </c:pt>
                <c:pt idx="221">
                  <c:v>0.85073089599609397</c:v>
                </c:pt>
                <c:pt idx="222">
                  <c:v>0.90760833024978604</c:v>
                </c:pt>
                <c:pt idx="223">
                  <c:v>1.0066009759903001</c:v>
                </c:pt>
                <c:pt idx="224">
                  <c:v>1.0947905778884901</c:v>
                </c:pt>
                <c:pt idx="225">
                  <c:v>1.36204981803894</c:v>
                </c:pt>
                <c:pt idx="226">
                  <c:v>1.65300488471985</c:v>
                </c:pt>
                <c:pt idx="227">
                  <c:v>1.85199642181396</c:v>
                </c:pt>
                <c:pt idx="228">
                  <c:v>2.92242383956909</c:v>
                </c:pt>
                <c:pt idx="229">
                  <c:v>16.9805316925049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80EE-47BC-A5E8-B73B6403A5A8}"/>
            </c:ext>
          </c:extLst>
        </c:ser>
        <c:ser>
          <c:idx val="3"/>
          <c:order val="3"/>
          <c:tx>
            <c:v>1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Type_1_3__1___.2_thixotropy_rwd!$F$2:$F$231</c:f>
              <c:numCache>
                <c:formatCode>General</c:formatCode>
                <c:ptCount val="230"/>
                <c:pt idx="0">
                  <c:v>0.92490476369857799</c:v>
                </c:pt>
                <c:pt idx="1">
                  <c:v>1.92495369911194</c:v>
                </c:pt>
                <c:pt idx="2">
                  <c:v>2.92492651939392</c:v>
                </c:pt>
                <c:pt idx="3">
                  <c:v>3.9249544143676798</c:v>
                </c:pt>
                <c:pt idx="4">
                  <c:v>4.9248962402343803</c:v>
                </c:pt>
                <c:pt idx="5">
                  <c:v>5.9247632026672399</c:v>
                </c:pt>
                <c:pt idx="6">
                  <c:v>6.9247312545776403</c:v>
                </c:pt>
                <c:pt idx="7">
                  <c:v>7.9246501922607404</c:v>
                </c:pt>
                <c:pt idx="8">
                  <c:v>8.9275312423706108</c:v>
                </c:pt>
                <c:pt idx="9">
                  <c:v>9.9276075363159197</c:v>
                </c:pt>
                <c:pt idx="10">
                  <c:v>10.9249410629272</c:v>
                </c:pt>
                <c:pt idx="11">
                  <c:v>11.925031661987299</c:v>
                </c:pt>
                <c:pt idx="12">
                  <c:v>12.925139427185099</c:v>
                </c:pt>
                <c:pt idx="13">
                  <c:v>13.925220489501999</c:v>
                </c:pt>
                <c:pt idx="14">
                  <c:v>14.9253282546997</c:v>
                </c:pt>
                <c:pt idx="15">
                  <c:v>15.9253749847412</c:v>
                </c:pt>
                <c:pt idx="16">
                  <c:v>16.9251918792725</c:v>
                </c:pt>
                <c:pt idx="17">
                  <c:v>17.924968719482401</c:v>
                </c:pt>
                <c:pt idx="18">
                  <c:v>18.924720764160199</c:v>
                </c:pt>
                <c:pt idx="19">
                  <c:v>19.9244995117188</c:v>
                </c:pt>
                <c:pt idx="20">
                  <c:v>20.924221038818398</c:v>
                </c:pt>
                <c:pt idx="21">
                  <c:v>21.924057006835898</c:v>
                </c:pt>
                <c:pt idx="22">
                  <c:v>22.923768997192401</c:v>
                </c:pt>
                <c:pt idx="23">
                  <c:v>23.923446655273398</c:v>
                </c:pt>
                <c:pt idx="24">
                  <c:v>24.923297882080099</c:v>
                </c:pt>
                <c:pt idx="25">
                  <c:v>25.922979354858398</c:v>
                </c:pt>
                <c:pt idx="26">
                  <c:v>26.922700881958001</c:v>
                </c:pt>
                <c:pt idx="27">
                  <c:v>27.925256729126001</c:v>
                </c:pt>
                <c:pt idx="28">
                  <c:v>28.925024032592798</c:v>
                </c:pt>
                <c:pt idx="29">
                  <c:v>29.9247722625732</c:v>
                </c:pt>
                <c:pt idx="30">
                  <c:v>30.924522399902301</c:v>
                </c:pt>
                <c:pt idx="31">
                  <c:v>31.924242019653299</c:v>
                </c:pt>
                <c:pt idx="32">
                  <c:v>32.924041748046903</c:v>
                </c:pt>
                <c:pt idx="33">
                  <c:v>33.923999786377003</c:v>
                </c:pt>
                <c:pt idx="34">
                  <c:v>34.923782348632798</c:v>
                </c:pt>
                <c:pt idx="35">
                  <c:v>35.923305511474602</c:v>
                </c:pt>
                <c:pt idx="36">
                  <c:v>36.922931671142599</c:v>
                </c:pt>
                <c:pt idx="37">
                  <c:v>37.922981262207003</c:v>
                </c:pt>
                <c:pt idx="38">
                  <c:v>38.9224662780762</c:v>
                </c:pt>
                <c:pt idx="39">
                  <c:v>39.92236328125</c:v>
                </c:pt>
                <c:pt idx="40">
                  <c:v>40.922248840332003</c:v>
                </c:pt>
                <c:pt idx="41">
                  <c:v>41.922027587890597</c:v>
                </c:pt>
                <c:pt idx="42">
                  <c:v>42.921482086181598</c:v>
                </c:pt>
                <c:pt idx="43">
                  <c:v>43.921428680419901</c:v>
                </c:pt>
                <c:pt idx="44">
                  <c:v>44.921253204345703</c:v>
                </c:pt>
                <c:pt idx="45">
                  <c:v>45.920761108398402</c:v>
                </c:pt>
                <c:pt idx="46">
                  <c:v>46.9209175109863</c:v>
                </c:pt>
                <c:pt idx="47">
                  <c:v>47.920436859130902</c:v>
                </c:pt>
                <c:pt idx="48">
                  <c:v>48.920234680175803</c:v>
                </c:pt>
                <c:pt idx="49">
                  <c:v>49.920032501220703</c:v>
                </c:pt>
                <c:pt idx="50">
                  <c:v>50.919429779052699</c:v>
                </c:pt>
                <c:pt idx="51">
                  <c:v>51.919548034667997</c:v>
                </c:pt>
                <c:pt idx="52">
                  <c:v>52.919437408447301</c:v>
                </c:pt>
                <c:pt idx="53">
                  <c:v>53.918922424316399</c:v>
                </c:pt>
                <c:pt idx="54">
                  <c:v>54.918903350830099</c:v>
                </c:pt>
                <c:pt idx="55">
                  <c:v>55.9179878234863</c:v>
                </c:pt>
                <c:pt idx="56">
                  <c:v>56.9183540344238</c:v>
                </c:pt>
                <c:pt idx="57">
                  <c:v>57.917762756347699</c:v>
                </c:pt>
                <c:pt idx="58">
                  <c:v>58.917713165283203</c:v>
                </c:pt>
                <c:pt idx="59">
                  <c:v>59.917308807372997</c:v>
                </c:pt>
                <c:pt idx="60">
                  <c:v>60.917457580566399</c:v>
                </c:pt>
                <c:pt idx="61">
                  <c:v>61.916206359863303</c:v>
                </c:pt>
                <c:pt idx="62">
                  <c:v>62.916492462158203</c:v>
                </c:pt>
                <c:pt idx="63">
                  <c:v>63.916671752929702</c:v>
                </c:pt>
                <c:pt idx="64">
                  <c:v>64.916191101074205</c:v>
                </c:pt>
                <c:pt idx="65">
                  <c:v>65.916145324707003</c:v>
                </c:pt>
                <c:pt idx="66">
                  <c:v>66.915863037109403</c:v>
                </c:pt>
                <c:pt idx="67">
                  <c:v>67.915237426757798</c:v>
                </c:pt>
                <c:pt idx="68">
                  <c:v>68.915206909179702</c:v>
                </c:pt>
                <c:pt idx="69">
                  <c:v>69.915122985839801</c:v>
                </c:pt>
                <c:pt idx="70">
                  <c:v>70.914566040039105</c:v>
                </c:pt>
                <c:pt idx="71">
                  <c:v>71.914588928222699</c:v>
                </c:pt>
                <c:pt idx="72">
                  <c:v>72.913955688476605</c:v>
                </c:pt>
                <c:pt idx="73">
                  <c:v>73.914115905761705</c:v>
                </c:pt>
                <c:pt idx="74">
                  <c:v>74.913230895996094</c:v>
                </c:pt>
                <c:pt idx="75">
                  <c:v>75.913322448730497</c:v>
                </c:pt>
                <c:pt idx="76">
                  <c:v>76.912986755371094</c:v>
                </c:pt>
                <c:pt idx="77">
                  <c:v>77.912918090820298</c:v>
                </c:pt>
                <c:pt idx="78">
                  <c:v>78.912956237792997</c:v>
                </c:pt>
                <c:pt idx="79">
                  <c:v>79.912658691406307</c:v>
                </c:pt>
                <c:pt idx="80">
                  <c:v>80.912216186523395</c:v>
                </c:pt>
                <c:pt idx="81">
                  <c:v>81.911819458007798</c:v>
                </c:pt>
                <c:pt idx="82">
                  <c:v>82.91162109375</c:v>
                </c:pt>
                <c:pt idx="83">
                  <c:v>83.911407470703097</c:v>
                </c:pt>
                <c:pt idx="84">
                  <c:v>84.911689758300795</c:v>
                </c:pt>
                <c:pt idx="85">
                  <c:v>85.910484313964801</c:v>
                </c:pt>
                <c:pt idx="86">
                  <c:v>86.910995483398395</c:v>
                </c:pt>
                <c:pt idx="87">
                  <c:v>87.910232543945298</c:v>
                </c:pt>
                <c:pt idx="88">
                  <c:v>88.909797668457003</c:v>
                </c:pt>
                <c:pt idx="89">
                  <c:v>89.909736633300795</c:v>
                </c:pt>
                <c:pt idx="90">
                  <c:v>90.90966796875</c:v>
                </c:pt>
                <c:pt idx="91">
                  <c:v>91.909896850585895</c:v>
                </c:pt>
                <c:pt idx="92">
                  <c:v>92.908714294433594</c:v>
                </c:pt>
                <c:pt idx="93">
                  <c:v>93.908973693847699</c:v>
                </c:pt>
                <c:pt idx="94">
                  <c:v>94.909782409667997</c:v>
                </c:pt>
                <c:pt idx="95">
                  <c:v>95.908737182617202</c:v>
                </c:pt>
                <c:pt idx="96">
                  <c:v>96.909065246582003</c:v>
                </c:pt>
                <c:pt idx="97">
                  <c:v>97.90869140625</c:v>
                </c:pt>
                <c:pt idx="98">
                  <c:v>98.908515930175795</c:v>
                </c:pt>
                <c:pt idx="99">
                  <c:v>99.907569885253906</c:v>
                </c:pt>
                <c:pt idx="100">
                  <c:v>100.000701904297</c:v>
                </c:pt>
                <c:pt idx="101">
                  <c:v>99.999954223632798</c:v>
                </c:pt>
                <c:pt idx="102">
                  <c:v>100.000289916992</c:v>
                </c:pt>
                <c:pt idx="103">
                  <c:v>100.001029968262</c:v>
                </c:pt>
                <c:pt idx="104">
                  <c:v>99.998710632324205</c:v>
                </c:pt>
                <c:pt idx="105">
                  <c:v>100.002403259277</c:v>
                </c:pt>
                <c:pt idx="106">
                  <c:v>99.998847961425795</c:v>
                </c:pt>
                <c:pt idx="107">
                  <c:v>100.000434875488</c:v>
                </c:pt>
                <c:pt idx="108">
                  <c:v>100.00032043457</c:v>
                </c:pt>
                <c:pt idx="109">
                  <c:v>99.999092102050795</c:v>
                </c:pt>
                <c:pt idx="110">
                  <c:v>100.000816345215</c:v>
                </c:pt>
                <c:pt idx="111">
                  <c:v>100.000053405762</c:v>
                </c:pt>
                <c:pt idx="112">
                  <c:v>100.000045776367</c:v>
                </c:pt>
                <c:pt idx="113">
                  <c:v>99.999664306640597</c:v>
                </c:pt>
                <c:pt idx="114">
                  <c:v>99.999923706054702</c:v>
                </c:pt>
                <c:pt idx="115">
                  <c:v>99.998405456542997</c:v>
                </c:pt>
                <c:pt idx="116">
                  <c:v>99.999107360839801</c:v>
                </c:pt>
                <c:pt idx="117">
                  <c:v>100.00099182128901</c:v>
                </c:pt>
                <c:pt idx="118">
                  <c:v>99.999130249023395</c:v>
                </c:pt>
                <c:pt idx="119">
                  <c:v>99.999603271484403</c:v>
                </c:pt>
                <c:pt idx="120">
                  <c:v>99.999259948730497</c:v>
                </c:pt>
                <c:pt idx="121">
                  <c:v>100.00057983398401</c:v>
                </c:pt>
                <c:pt idx="122">
                  <c:v>100.000038146973</c:v>
                </c:pt>
                <c:pt idx="123">
                  <c:v>99.999137878417997</c:v>
                </c:pt>
                <c:pt idx="124">
                  <c:v>99.998809814453097</c:v>
                </c:pt>
                <c:pt idx="125">
                  <c:v>99.999671936035199</c:v>
                </c:pt>
                <c:pt idx="126">
                  <c:v>99.999748229980497</c:v>
                </c:pt>
                <c:pt idx="127">
                  <c:v>99.998954772949205</c:v>
                </c:pt>
                <c:pt idx="128">
                  <c:v>99.999794006347699</c:v>
                </c:pt>
                <c:pt idx="129">
                  <c:v>100.00025177002</c:v>
                </c:pt>
                <c:pt idx="130">
                  <c:v>99.075462341308594</c:v>
                </c:pt>
                <c:pt idx="131">
                  <c:v>98.073127746582003</c:v>
                </c:pt>
                <c:pt idx="132">
                  <c:v>97.073280334472699</c:v>
                </c:pt>
                <c:pt idx="133">
                  <c:v>96.073081970214801</c:v>
                </c:pt>
                <c:pt idx="134">
                  <c:v>95.076454162597699</c:v>
                </c:pt>
                <c:pt idx="135">
                  <c:v>94.076057434082003</c:v>
                </c:pt>
                <c:pt idx="136">
                  <c:v>93.073966979980497</c:v>
                </c:pt>
                <c:pt idx="137">
                  <c:v>92.074821472167997</c:v>
                </c:pt>
                <c:pt idx="138">
                  <c:v>91.074012756347699</c:v>
                </c:pt>
                <c:pt idx="139">
                  <c:v>90.077453613281307</c:v>
                </c:pt>
                <c:pt idx="140">
                  <c:v>89.077644348144503</c:v>
                </c:pt>
                <c:pt idx="141">
                  <c:v>88.075714111328097</c:v>
                </c:pt>
                <c:pt idx="142">
                  <c:v>87.075607299804702</c:v>
                </c:pt>
                <c:pt idx="143">
                  <c:v>86.078849792480497</c:v>
                </c:pt>
                <c:pt idx="144">
                  <c:v>85.079116821289105</c:v>
                </c:pt>
                <c:pt idx="145">
                  <c:v>84.079513549804702</c:v>
                </c:pt>
                <c:pt idx="146">
                  <c:v>83.076484680175795</c:v>
                </c:pt>
                <c:pt idx="147">
                  <c:v>82.079521179199205</c:v>
                </c:pt>
                <c:pt idx="148">
                  <c:v>81.079879760742202</c:v>
                </c:pt>
                <c:pt idx="149">
                  <c:v>80.079765319824205</c:v>
                </c:pt>
                <c:pt idx="150">
                  <c:v>79.079917907714801</c:v>
                </c:pt>
                <c:pt idx="151">
                  <c:v>78.079849243164105</c:v>
                </c:pt>
                <c:pt idx="152">
                  <c:v>77.080718994140597</c:v>
                </c:pt>
                <c:pt idx="153">
                  <c:v>76.081039428710895</c:v>
                </c:pt>
                <c:pt idx="154">
                  <c:v>75.080596923828097</c:v>
                </c:pt>
                <c:pt idx="155">
                  <c:v>74.082122802734403</c:v>
                </c:pt>
                <c:pt idx="156">
                  <c:v>73.082580566406307</c:v>
                </c:pt>
                <c:pt idx="157">
                  <c:v>72.081809997558594</c:v>
                </c:pt>
                <c:pt idx="158">
                  <c:v>71.082603454589801</c:v>
                </c:pt>
                <c:pt idx="159">
                  <c:v>70.079986572265597</c:v>
                </c:pt>
                <c:pt idx="160">
                  <c:v>69.079811096191406</c:v>
                </c:pt>
                <c:pt idx="161">
                  <c:v>68.079826354980497</c:v>
                </c:pt>
                <c:pt idx="162">
                  <c:v>67.080284118652301</c:v>
                </c:pt>
                <c:pt idx="163">
                  <c:v>66.080917358398395</c:v>
                </c:pt>
                <c:pt idx="164">
                  <c:v>65.080612182617202</c:v>
                </c:pt>
                <c:pt idx="165">
                  <c:v>64.081230163574205</c:v>
                </c:pt>
                <c:pt idx="166">
                  <c:v>63.080726623535199</c:v>
                </c:pt>
                <c:pt idx="167">
                  <c:v>62.081470489502003</c:v>
                </c:pt>
                <c:pt idx="168">
                  <c:v>61.081626892089801</c:v>
                </c:pt>
                <c:pt idx="169">
                  <c:v>60.0822944641113</c:v>
                </c:pt>
                <c:pt idx="170">
                  <c:v>59.082592010497997</c:v>
                </c:pt>
                <c:pt idx="171">
                  <c:v>58.082736968994098</c:v>
                </c:pt>
                <c:pt idx="172">
                  <c:v>57.082916259765597</c:v>
                </c:pt>
                <c:pt idx="173">
                  <c:v>56.082954406738303</c:v>
                </c:pt>
                <c:pt idx="174">
                  <c:v>55.083492279052699</c:v>
                </c:pt>
                <c:pt idx="175">
                  <c:v>54.083587646484403</c:v>
                </c:pt>
                <c:pt idx="176">
                  <c:v>53.084133148193402</c:v>
                </c:pt>
                <c:pt idx="177">
                  <c:v>52.0838432312012</c:v>
                </c:pt>
                <c:pt idx="178">
                  <c:v>51.084587097167997</c:v>
                </c:pt>
                <c:pt idx="179">
                  <c:v>50.084674835205099</c:v>
                </c:pt>
                <c:pt idx="180">
                  <c:v>49.084854125976598</c:v>
                </c:pt>
                <c:pt idx="181">
                  <c:v>48.085132598877003</c:v>
                </c:pt>
                <c:pt idx="182">
                  <c:v>47.085361480712898</c:v>
                </c:pt>
                <c:pt idx="183">
                  <c:v>46.0853080749512</c:v>
                </c:pt>
                <c:pt idx="184">
                  <c:v>45.0857124328613</c:v>
                </c:pt>
                <c:pt idx="185">
                  <c:v>44.086132049560497</c:v>
                </c:pt>
                <c:pt idx="186">
                  <c:v>43.086246490478501</c:v>
                </c:pt>
                <c:pt idx="187">
                  <c:v>42.086677551269503</c:v>
                </c:pt>
                <c:pt idx="188">
                  <c:v>41.086849212646499</c:v>
                </c:pt>
                <c:pt idx="189">
                  <c:v>40.087051391601598</c:v>
                </c:pt>
                <c:pt idx="190">
                  <c:v>39.0869750976563</c:v>
                </c:pt>
                <c:pt idx="191">
                  <c:v>38.087615966796903</c:v>
                </c:pt>
                <c:pt idx="192">
                  <c:v>37.087753295898402</c:v>
                </c:pt>
                <c:pt idx="193">
                  <c:v>36.087928771972699</c:v>
                </c:pt>
                <c:pt idx="194">
                  <c:v>35.088214874267599</c:v>
                </c:pt>
                <c:pt idx="195">
                  <c:v>34.088523864746101</c:v>
                </c:pt>
                <c:pt idx="196">
                  <c:v>33.088672637939503</c:v>
                </c:pt>
                <c:pt idx="197">
                  <c:v>32.088981628417997</c:v>
                </c:pt>
                <c:pt idx="198">
                  <c:v>31.0892734527588</c:v>
                </c:pt>
                <c:pt idx="199">
                  <c:v>30.0894660949707</c:v>
                </c:pt>
                <c:pt idx="200">
                  <c:v>29.089698791503899</c:v>
                </c:pt>
                <c:pt idx="201">
                  <c:v>28.0898838043213</c:v>
                </c:pt>
                <c:pt idx="202">
                  <c:v>27.090087890625</c:v>
                </c:pt>
                <c:pt idx="203">
                  <c:v>26.090345382690401</c:v>
                </c:pt>
                <c:pt idx="204">
                  <c:v>25.090591430664102</c:v>
                </c:pt>
                <c:pt idx="205">
                  <c:v>24.0909729003906</c:v>
                </c:pt>
                <c:pt idx="206">
                  <c:v>23.091102600097699</c:v>
                </c:pt>
                <c:pt idx="207">
                  <c:v>22.091363906860401</c:v>
                </c:pt>
                <c:pt idx="208">
                  <c:v>21.091535568237301</c:v>
                </c:pt>
                <c:pt idx="209">
                  <c:v>20.091871261596701</c:v>
                </c:pt>
                <c:pt idx="210">
                  <c:v>19.092016220092798</c:v>
                </c:pt>
                <c:pt idx="211">
                  <c:v>18.0923042297363</c:v>
                </c:pt>
                <c:pt idx="212">
                  <c:v>17.092573165893601</c:v>
                </c:pt>
                <c:pt idx="213">
                  <c:v>16.092802047729499</c:v>
                </c:pt>
                <c:pt idx="214">
                  <c:v>15.092675209045399</c:v>
                </c:pt>
                <c:pt idx="215">
                  <c:v>14.092612266540501</c:v>
                </c:pt>
                <c:pt idx="216">
                  <c:v>13.092521667480501</c:v>
                </c:pt>
                <c:pt idx="217">
                  <c:v>12.0924520492554</c:v>
                </c:pt>
                <c:pt idx="218">
                  <c:v>11.092327117919901</c:v>
                </c:pt>
                <c:pt idx="219">
                  <c:v>10.092267990112299</c:v>
                </c:pt>
                <c:pt idx="220">
                  <c:v>9.0921697616577095</c:v>
                </c:pt>
                <c:pt idx="221">
                  <c:v>8.0920572280883807</c:v>
                </c:pt>
                <c:pt idx="222">
                  <c:v>7.0921053886413601</c:v>
                </c:pt>
                <c:pt idx="223">
                  <c:v>6.0921726226806596</c:v>
                </c:pt>
                <c:pt idx="224">
                  <c:v>5.0922269821167001</c:v>
                </c:pt>
                <c:pt idx="225">
                  <c:v>4.0922865867614702</c:v>
                </c:pt>
                <c:pt idx="226">
                  <c:v>3.0923111438751198</c:v>
                </c:pt>
                <c:pt idx="227">
                  <c:v>2.0922796726226802</c:v>
                </c:pt>
                <c:pt idx="228">
                  <c:v>1.0922648906707799</c:v>
                </c:pt>
                <c:pt idx="229">
                  <c:v>9.2277839779853807E-2</c:v>
                </c:pt>
              </c:numCache>
            </c:numRef>
          </c:xVal>
          <c:yVal>
            <c:numRef>
              <c:f>Type_1_3__1___.2_thixotropy_rwd!$G$2:$G$231</c:f>
              <c:numCache>
                <c:formatCode>General</c:formatCode>
                <c:ptCount val="230"/>
                <c:pt idx="0">
                  <c:v>0.1103186160326</c:v>
                </c:pt>
                <c:pt idx="1">
                  <c:v>4.4920634478330598E-2</c:v>
                </c:pt>
                <c:pt idx="2">
                  <c:v>2.2245656698942198E-2</c:v>
                </c:pt>
                <c:pt idx="3">
                  <c:v>4.5875951647758498E-2</c:v>
                </c:pt>
                <c:pt idx="4">
                  <c:v>4.9450382590293898E-2</c:v>
                </c:pt>
                <c:pt idx="5">
                  <c:v>3.8059674203395802E-2</c:v>
                </c:pt>
                <c:pt idx="6">
                  <c:v>4.5011792331934003E-2</c:v>
                </c:pt>
                <c:pt idx="7">
                  <c:v>3.4855268895626103E-2</c:v>
                </c:pt>
                <c:pt idx="8">
                  <c:v>4.5947231352329303E-2</c:v>
                </c:pt>
                <c:pt idx="9">
                  <c:v>3.4872259944677401E-2</c:v>
                </c:pt>
                <c:pt idx="10">
                  <c:v>5.5301237851381302E-2</c:v>
                </c:pt>
                <c:pt idx="11">
                  <c:v>5.0416078418493299E-2</c:v>
                </c:pt>
                <c:pt idx="12">
                  <c:v>6.4209900796413394E-2</c:v>
                </c:pt>
                <c:pt idx="13">
                  <c:v>7.2402179241180406E-2</c:v>
                </c:pt>
                <c:pt idx="14">
                  <c:v>6.6647782921791104E-2</c:v>
                </c:pt>
                <c:pt idx="15">
                  <c:v>7.0031128823757199E-2</c:v>
                </c:pt>
                <c:pt idx="16">
                  <c:v>6.6846169531345395E-2</c:v>
                </c:pt>
                <c:pt idx="17">
                  <c:v>6.7742161452770205E-2</c:v>
                </c:pt>
                <c:pt idx="18">
                  <c:v>6.9565512239933E-2</c:v>
                </c:pt>
                <c:pt idx="19">
                  <c:v>7.2107292711734799E-2</c:v>
                </c:pt>
                <c:pt idx="20">
                  <c:v>7.4939250946044894E-2</c:v>
                </c:pt>
                <c:pt idx="21">
                  <c:v>8.82252082228661E-2</c:v>
                </c:pt>
                <c:pt idx="22">
                  <c:v>7.8675068914890303E-2</c:v>
                </c:pt>
                <c:pt idx="23">
                  <c:v>9.1405153274536105E-2</c:v>
                </c:pt>
                <c:pt idx="24">
                  <c:v>9.3201093375682803E-2</c:v>
                </c:pt>
                <c:pt idx="25">
                  <c:v>9.6184015274047893E-2</c:v>
                </c:pt>
                <c:pt idx="26">
                  <c:v>0.10006143897771801</c:v>
                </c:pt>
                <c:pt idx="27">
                  <c:v>0.103999800980091</c:v>
                </c:pt>
                <c:pt idx="28">
                  <c:v>0.10918477177619899</c:v>
                </c:pt>
                <c:pt idx="29">
                  <c:v>0.123876675963402</c:v>
                </c:pt>
                <c:pt idx="30">
                  <c:v>0.13451784849166901</c:v>
                </c:pt>
                <c:pt idx="31">
                  <c:v>0.13657201826572399</c:v>
                </c:pt>
                <c:pt idx="32">
                  <c:v>0.15657855570316301</c:v>
                </c:pt>
                <c:pt idx="33">
                  <c:v>0.16780024766922</c:v>
                </c:pt>
                <c:pt idx="34">
                  <c:v>0.176017642021179</c:v>
                </c:pt>
                <c:pt idx="35">
                  <c:v>0.179011955857277</c:v>
                </c:pt>
                <c:pt idx="36">
                  <c:v>0.199123680591583</c:v>
                </c:pt>
                <c:pt idx="37">
                  <c:v>0.19988998770713801</c:v>
                </c:pt>
                <c:pt idx="38">
                  <c:v>0.19991604983806599</c:v>
                </c:pt>
                <c:pt idx="39">
                  <c:v>0.20128756761550901</c:v>
                </c:pt>
                <c:pt idx="40">
                  <c:v>0.20670205354690599</c:v>
                </c:pt>
                <c:pt idx="41">
                  <c:v>0.19897633790969799</c:v>
                </c:pt>
                <c:pt idx="42">
                  <c:v>0.19627833366394001</c:v>
                </c:pt>
                <c:pt idx="43">
                  <c:v>0.19971854984760301</c:v>
                </c:pt>
                <c:pt idx="44">
                  <c:v>0.194249987602234</c:v>
                </c:pt>
                <c:pt idx="45">
                  <c:v>0.20256821811199199</c:v>
                </c:pt>
                <c:pt idx="46">
                  <c:v>0.20252116024494199</c:v>
                </c:pt>
                <c:pt idx="47">
                  <c:v>0.19006153941154499</c:v>
                </c:pt>
                <c:pt idx="48">
                  <c:v>0.19086678326129899</c:v>
                </c:pt>
                <c:pt idx="49">
                  <c:v>0.194446310400963</c:v>
                </c:pt>
                <c:pt idx="50">
                  <c:v>0.185307532548904</c:v>
                </c:pt>
                <c:pt idx="51">
                  <c:v>0.205707833170891</c:v>
                </c:pt>
                <c:pt idx="52">
                  <c:v>0.21225972473621399</c:v>
                </c:pt>
                <c:pt idx="53">
                  <c:v>0.190669044852257</c:v>
                </c:pt>
                <c:pt idx="54">
                  <c:v>0.199269503355026</c:v>
                </c:pt>
                <c:pt idx="55">
                  <c:v>0.19211111962795299</c:v>
                </c:pt>
                <c:pt idx="56">
                  <c:v>0.191636547446251</c:v>
                </c:pt>
                <c:pt idx="57">
                  <c:v>0.20719049870967901</c:v>
                </c:pt>
                <c:pt idx="58">
                  <c:v>0.22958913445472701</c:v>
                </c:pt>
                <c:pt idx="59">
                  <c:v>0.21213826537132299</c:v>
                </c:pt>
                <c:pt idx="60">
                  <c:v>0.20744013786315901</c:v>
                </c:pt>
                <c:pt idx="61">
                  <c:v>0.218929752707481</c:v>
                </c:pt>
                <c:pt idx="62">
                  <c:v>0.20579630136489899</c:v>
                </c:pt>
                <c:pt idx="63">
                  <c:v>0.24175252020359</c:v>
                </c:pt>
                <c:pt idx="64">
                  <c:v>0.24128276109695401</c:v>
                </c:pt>
                <c:pt idx="65">
                  <c:v>0.28452467918396002</c:v>
                </c:pt>
                <c:pt idx="66">
                  <c:v>0.26042056083679199</c:v>
                </c:pt>
                <c:pt idx="67">
                  <c:v>0.26090356707572898</c:v>
                </c:pt>
                <c:pt idx="68">
                  <c:v>0.284158945083618</c:v>
                </c:pt>
                <c:pt idx="69">
                  <c:v>0.27575176954269398</c:v>
                </c:pt>
                <c:pt idx="70">
                  <c:v>0.285514026880264</c:v>
                </c:pt>
                <c:pt idx="71">
                  <c:v>0.26850727200508101</c:v>
                </c:pt>
                <c:pt idx="72">
                  <c:v>0.29499140381812999</c:v>
                </c:pt>
                <c:pt idx="73">
                  <c:v>0.28540062904357899</c:v>
                </c:pt>
                <c:pt idx="74">
                  <c:v>0.28167203068733199</c:v>
                </c:pt>
                <c:pt idx="75">
                  <c:v>0.28547742962837203</c:v>
                </c:pt>
                <c:pt idx="76">
                  <c:v>0.28051090240478499</c:v>
                </c:pt>
                <c:pt idx="77">
                  <c:v>0.29826426506042503</c:v>
                </c:pt>
                <c:pt idx="78">
                  <c:v>0.292094707489014</c:v>
                </c:pt>
                <c:pt idx="79">
                  <c:v>0.292968720197678</c:v>
                </c:pt>
                <c:pt idx="80">
                  <c:v>0.29878053069114702</c:v>
                </c:pt>
                <c:pt idx="81">
                  <c:v>0.290671557188034</c:v>
                </c:pt>
                <c:pt idx="82">
                  <c:v>0.29769453406333901</c:v>
                </c:pt>
                <c:pt idx="83">
                  <c:v>0.31810101866722101</c:v>
                </c:pt>
                <c:pt idx="84">
                  <c:v>0.291097581386566</c:v>
                </c:pt>
                <c:pt idx="85">
                  <c:v>0.29219800233840898</c:v>
                </c:pt>
                <c:pt idx="86">
                  <c:v>0.29027694463729897</c:v>
                </c:pt>
                <c:pt idx="87">
                  <c:v>0.29500770568847701</c:v>
                </c:pt>
                <c:pt idx="88">
                  <c:v>0.287352055311203</c:v>
                </c:pt>
                <c:pt idx="89">
                  <c:v>0.282886892557144</c:v>
                </c:pt>
                <c:pt idx="90">
                  <c:v>0.28843519091606101</c:v>
                </c:pt>
                <c:pt idx="91">
                  <c:v>0.28997966647148099</c:v>
                </c:pt>
                <c:pt idx="92">
                  <c:v>0.29165425896644598</c:v>
                </c:pt>
                <c:pt idx="93">
                  <c:v>0.286904156208038</c:v>
                </c:pt>
                <c:pt idx="94">
                  <c:v>0.28326117992401101</c:v>
                </c:pt>
                <c:pt idx="95">
                  <c:v>0.27567598223686202</c:v>
                </c:pt>
                <c:pt idx="96">
                  <c:v>0.28239378333091703</c:v>
                </c:pt>
                <c:pt idx="97">
                  <c:v>0.270879566669464</c:v>
                </c:pt>
                <c:pt idx="98">
                  <c:v>0.284197807312012</c:v>
                </c:pt>
                <c:pt idx="99">
                  <c:v>0.28404960036277799</c:v>
                </c:pt>
                <c:pt idx="100">
                  <c:v>0.27607333660125699</c:v>
                </c:pt>
                <c:pt idx="101">
                  <c:v>0.264222681522369</c:v>
                </c:pt>
                <c:pt idx="102">
                  <c:v>0.28486374020576499</c:v>
                </c:pt>
                <c:pt idx="103">
                  <c:v>0.27744922041893</c:v>
                </c:pt>
                <c:pt idx="104">
                  <c:v>0.28523021936416598</c:v>
                </c:pt>
                <c:pt idx="105">
                  <c:v>0.284235090017319</c:v>
                </c:pt>
                <c:pt idx="106">
                  <c:v>0.27374914288520802</c:v>
                </c:pt>
                <c:pt idx="107">
                  <c:v>0.27707439661026001</c:v>
                </c:pt>
                <c:pt idx="108">
                  <c:v>0.25566193461418202</c:v>
                </c:pt>
                <c:pt idx="109">
                  <c:v>0.27376279234886203</c:v>
                </c:pt>
                <c:pt idx="110">
                  <c:v>0.280613303184509</c:v>
                </c:pt>
                <c:pt idx="111">
                  <c:v>0.26908206939697299</c:v>
                </c:pt>
                <c:pt idx="112">
                  <c:v>0.275981515645981</c:v>
                </c:pt>
                <c:pt idx="113">
                  <c:v>0.26045274734497098</c:v>
                </c:pt>
                <c:pt idx="114">
                  <c:v>0.27427634596824602</c:v>
                </c:pt>
                <c:pt idx="115">
                  <c:v>0.27977192401885997</c:v>
                </c:pt>
                <c:pt idx="116">
                  <c:v>0.277121782302856</c:v>
                </c:pt>
                <c:pt idx="117">
                  <c:v>0.30110096931457497</c:v>
                </c:pt>
                <c:pt idx="118">
                  <c:v>0.27908775210380599</c:v>
                </c:pt>
                <c:pt idx="119">
                  <c:v>0.27419427037239102</c:v>
                </c:pt>
                <c:pt idx="120">
                  <c:v>0.27510309219360402</c:v>
                </c:pt>
                <c:pt idx="121">
                  <c:v>0.30118826031684898</c:v>
                </c:pt>
                <c:pt idx="122">
                  <c:v>0.27414408326148998</c:v>
                </c:pt>
                <c:pt idx="123">
                  <c:v>0.27694174647331199</c:v>
                </c:pt>
                <c:pt idx="124">
                  <c:v>0.26831457018852201</c:v>
                </c:pt>
                <c:pt idx="125">
                  <c:v>0.28313753008842502</c:v>
                </c:pt>
                <c:pt idx="126">
                  <c:v>0.26852375268936202</c:v>
                </c:pt>
                <c:pt idx="127">
                  <c:v>0.27417993545532199</c:v>
                </c:pt>
                <c:pt idx="128">
                  <c:v>0.284042418003082</c:v>
                </c:pt>
                <c:pt idx="129">
                  <c:v>0.29773104190826399</c:v>
                </c:pt>
                <c:pt idx="130">
                  <c:v>0.28772607445716902</c:v>
                </c:pt>
                <c:pt idx="131">
                  <c:v>0.283648520708084</c:v>
                </c:pt>
                <c:pt idx="132">
                  <c:v>0.28704488277435303</c:v>
                </c:pt>
                <c:pt idx="133">
                  <c:v>0.28278908133506803</c:v>
                </c:pt>
                <c:pt idx="134">
                  <c:v>0.28329873085022</c:v>
                </c:pt>
                <c:pt idx="135">
                  <c:v>0.27496689558029203</c:v>
                </c:pt>
                <c:pt idx="136">
                  <c:v>0.28837332129478499</c:v>
                </c:pt>
                <c:pt idx="137">
                  <c:v>0.28617948293685902</c:v>
                </c:pt>
                <c:pt idx="138">
                  <c:v>0.277845799922943</c:v>
                </c:pt>
                <c:pt idx="139">
                  <c:v>0.28032913804054299</c:v>
                </c:pt>
                <c:pt idx="140">
                  <c:v>0.28793695569038402</c:v>
                </c:pt>
                <c:pt idx="141">
                  <c:v>0.28061664104461698</c:v>
                </c:pt>
                <c:pt idx="142">
                  <c:v>0.28638416528701799</c:v>
                </c:pt>
                <c:pt idx="143">
                  <c:v>0.29290872812271102</c:v>
                </c:pt>
                <c:pt idx="144">
                  <c:v>0.292698293924332</c:v>
                </c:pt>
                <c:pt idx="145">
                  <c:v>0.29955261945724498</c:v>
                </c:pt>
                <c:pt idx="146">
                  <c:v>0.28715172410011303</c:v>
                </c:pt>
                <c:pt idx="147">
                  <c:v>0.29018706083297702</c:v>
                </c:pt>
                <c:pt idx="148">
                  <c:v>0.29150232672691301</c:v>
                </c:pt>
                <c:pt idx="149">
                  <c:v>0.28144371509552002</c:v>
                </c:pt>
                <c:pt idx="150">
                  <c:v>0.27823957800865201</c:v>
                </c:pt>
                <c:pt idx="151">
                  <c:v>0.280477434396744</c:v>
                </c:pt>
                <c:pt idx="152">
                  <c:v>0.28645893931388899</c:v>
                </c:pt>
                <c:pt idx="153">
                  <c:v>0.28776565194129899</c:v>
                </c:pt>
                <c:pt idx="154">
                  <c:v>0.27736848592758201</c:v>
                </c:pt>
                <c:pt idx="155">
                  <c:v>0.280534327030182</c:v>
                </c:pt>
                <c:pt idx="156">
                  <c:v>0.28813225030898998</c:v>
                </c:pt>
                <c:pt idx="157">
                  <c:v>0.27309781312942499</c:v>
                </c:pt>
                <c:pt idx="158">
                  <c:v>0.280830949544907</c:v>
                </c:pt>
                <c:pt idx="159">
                  <c:v>0.27570298314094499</c:v>
                </c:pt>
                <c:pt idx="160">
                  <c:v>0.28107729554176297</c:v>
                </c:pt>
                <c:pt idx="161">
                  <c:v>0.25839155912399298</c:v>
                </c:pt>
                <c:pt idx="162">
                  <c:v>0.27047881484031699</c:v>
                </c:pt>
                <c:pt idx="163">
                  <c:v>0.26463913917541498</c:v>
                </c:pt>
                <c:pt idx="164">
                  <c:v>0.25935590267181402</c:v>
                </c:pt>
                <c:pt idx="165">
                  <c:v>0.24360287189483601</c:v>
                </c:pt>
                <c:pt idx="166">
                  <c:v>0.22700761258602101</c:v>
                </c:pt>
                <c:pt idx="167">
                  <c:v>0.23461239039897899</c:v>
                </c:pt>
                <c:pt idx="168">
                  <c:v>0.22470831871032701</c:v>
                </c:pt>
                <c:pt idx="169">
                  <c:v>0.221150577068329</c:v>
                </c:pt>
                <c:pt idx="170">
                  <c:v>0.22060103714466101</c:v>
                </c:pt>
                <c:pt idx="171">
                  <c:v>0.219551756978035</c:v>
                </c:pt>
                <c:pt idx="172">
                  <c:v>0.215897172689438</c:v>
                </c:pt>
                <c:pt idx="173">
                  <c:v>0.22543096542358401</c:v>
                </c:pt>
                <c:pt idx="174">
                  <c:v>0.22293353080749501</c:v>
                </c:pt>
                <c:pt idx="175">
                  <c:v>0.223279014229774</c:v>
                </c:pt>
                <c:pt idx="176">
                  <c:v>0.21919652819633501</c:v>
                </c:pt>
                <c:pt idx="177">
                  <c:v>0.22886627912521401</c:v>
                </c:pt>
                <c:pt idx="178">
                  <c:v>0.220797374844551</c:v>
                </c:pt>
                <c:pt idx="179">
                  <c:v>0.213836595416069</c:v>
                </c:pt>
                <c:pt idx="180">
                  <c:v>0.22503890097141299</c:v>
                </c:pt>
                <c:pt idx="181">
                  <c:v>0.174818575382233</c:v>
                </c:pt>
                <c:pt idx="182">
                  <c:v>0.18038487434387199</c:v>
                </c:pt>
                <c:pt idx="183">
                  <c:v>0.17535980045795399</c:v>
                </c:pt>
                <c:pt idx="184">
                  <c:v>0.186210006475449</c:v>
                </c:pt>
                <c:pt idx="185">
                  <c:v>0.184964299201965</c:v>
                </c:pt>
                <c:pt idx="186">
                  <c:v>0.19778317213058499</c:v>
                </c:pt>
                <c:pt idx="187">
                  <c:v>0.197475746273994</c:v>
                </c:pt>
                <c:pt idx="188">
                  <c:v>0.19406078755855599</c:v>
                </c:pt>
                <c:pt idx="189">
                  <c:v>0.19559565186500499</c:v>
                </c:pt>
                <c:pt idx="190">
                  <c:v>0.197920963168144</c:v>
                </c:pt>
                <c:pt idx="191">
                  <c:v>0.18437564373016399</c:v>
                </c:pt>
                <c:pt idx="192">
                  <c:v>0.18608760833740201</c:v>
                </c:pt>
                <c:pt idx="193">
                  <c:v>0.189438506960869</c:v>
                </c:pt>
                <c:pt idx="194">
                  <c:v>0.163485482335091</c:v>
                </c:pt>
                <c:pt idx="195">
                  <c:v>0.166816592216492</c:v>
                </c:pt>
                <c:pt idx="196">
                  <c:v>0.14978525042533899</c:v>
                </c:pt>
                <c:pt idx="197">
                  <c:v>0.14974533021450001</c:v>
                </c:pt>
                <c:pt idx="198">
                  <c:v>0.133743315935135</c:v>
                </c:pt>
                <c:pt idx="199">
                  <c:v>0.128667712211609</c:v>
                </c:pt>
                <c:pt idx="200">
                  <c:v>0.110346741974354</c:v>
                </c:pt>
                <c:pt idx="201">
                  <c:v>0.104647904634476</c:v>
                </c:pt>
                <c:pt idx="202">
                  <c:v>9.3152239918708801E-2</c:v>
                </c:pt>
                <c:pt idx="203">
                  <c:v>8.8264815509319305E-2</c:v>
                </c:pt>
                <c:pt idx="204">
                  <c:v>8.2986734807491302E-2</c:v>
                </c:pt>
                <c:pt idx="205">
                  <c:v>7.7463835477828993E-2</c:v>
                </c:pt>
                <c:pt idx="206">
                  <c:v>7.3516093194484697E-2</c:v>
                </c:pt>
                <c:pt idx="207">
                  <c:v>6.9151900708675398E-2</c:v>
                </c:pt>
                <c:pt idx="208">
                  <c:v>6.6523365676403004E-2</c:v>
                </c:pt>
                <c:pt idx="209">
                  <c:v>6.1228245496749899E-2</c:v>
                </c:pt>
                <c:pt idx="210">
                  <c:v>6.11909590661526E-2</c:v>
                </c:pt>
                <c:pt idx="211">
                  <c:v>5.51710203289986E-2</c:v>
                </c:pt>
                <c:pt idx="212">
                  <c:v>4.32574562728405E-2</c:v>
                </c:pt>
                <c:pt idx="213">
                  <c:v>4.4363178312778501E-2</c:v>
                </c:pt>
                <c:pt idx="214">
                  <c:v>4.4308908283710501E-2</c:v>
                </c:pt>
                <c:pt idx="215">
                  <c:v>4.5605380088090897E-2</c:v>
                </c:pt>
                <c:pt idx="216">
                  <c:v>3.4929811954498298E-2</c:v>
                </c:pt>
                <c:pt idx="217">
                  <c:v>3.0190799385309199E-2</c:v>
                </c:pt>
                <c:pt idx="218">
                  <c:v>2.4295387789606999E-2</c:v>
                </c:pt>
                <c:pt idx="219">
                  <c:v>2.1799445152282701E-2</c:v>
                </c:pt>
                <c:pt idx="220">
                  <c:v>1.48025853559375E-2</c:v>
                </c:pt>
                <c:pt idx="221">
                  <c:v>1.6682747751474401E-2</c:v>
                </c:pt>
                <c:pt idx="222">
                  <c:v>3.88905196450651E-3</c:v>
                </c:pt>
                <c:pt idx="223">
                  <c:v>1.01856915280223E-2</c:v>
                </c:pt>
                <c:pt idx="224">
                  <c:v>7.7251420589163899E-4</c:v>
                </c:pt>
                <c:pt idx="225">
                  <c:v>9.4012677436694503E-4</c:v>
                </c:pt>
                <c:pt idx="226">
                  <c:v>3.7967352545820198E-4</c:v>
                </c:pt>
                <c:pt idx="227">
                  <c:v>4.4083846732974096E-3</c:v>
                </c:pt>
                <c:pt idx="228">
                  <c:v>0</c:v>
                </c:pt>
                <c:pt idx="229">
                  <c:v>0.271168947219849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80EE-47BC-A5E8-B73B6403A5A8}"/>
            </c:ext>
          </c:extLst>
        </c:ser>
        <c:ser>
          <c:idx val="4"/>
          <c:order val="4"/>
          <c:tx>
            <c:v>1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Type_4_6__1___._2_thixotropy_rw!$F$2:$F$231</c:f>
              <c:numCache>
                <c:formatCode>General</c:formatCode>
                <c:ptCount val="230"/>
                <c:pt idx="0">
                  <c:v>0.92626893520355202</c:v>
                </c:pt>
                <c:pt idx="1">
                  <c:v>1.92630386352539</c:v>
                </c:pt>
                <c:pt idx="2">
                  <c:v>2.9263260364532502</c:v>
                </c:pt>
                <c:pt idx="3">
                  <c:v>3.9263260364532502</c:v>
                </c:pt>
                <c:pt idx="4">
                  <c:v>4.9262723922729501</c:v>
                </c:pt>
                <c:pt idx="5">
                  <c:v>5.9289836883544904</c:v>
                </c:pt>
                <c:pt idx="6">
                  <c:v>6.9289107322692898</c:v>
                </c:pt>
                <c:pt idx="7">
                  <c:v>7.9288258552551296</c:v>
                </c:pt>
                <c:pt idx="8">
                  <c:v>8.9288921356201207</c:v>
                </c:pt>
                <c:pt idx="9">
                  <c:v>9.9262228012084996</c:v>
                </c:pt>
                <c:pt idx="10">
                  <c:v>10.9263353347778</c:v>
                </c:pt>
                <c:pt idx="11">
                  <c:v>11.926438331604</c:v>
                </c:pt>
                <c:pt idx="12">
                  <c:v>12.9265432357788</c:v>
                </c:pt>
                <c:pt idx="13">
                  <c:v>13.9266004562378</c:v>
                </c:pt>
                <c:pt idx="14">
                  <c:v>14.926714897155801</c:v>
                </c:pt>
                <c:pt idx="15">
                  <c:v>15.9267387390137</c:v>
                </c:pt>
                <c:pt idx="16">
                  <c:v>16.926578521728501</c:v>
                </c:pt>
                <c:pt idx="17">
                  <c:v>17.926345825195298</c:v>
                </c:pt>
                <c:pt idx="18">
                  <c:v>18.9261474609375</c:v>
                </c:pt>
                <c:pt idx="19">
                  <c:v>19.925796508789102</c:v>
                </c:pt>
                <c:pt idx="20">
                  <c:v>20.925657272338899</c:v>
                </c:pt>
                <c:pt idx="21">
                  <c:v>21.925378799438501</c:v>
                </c:pt>
                <c:pt idx="22">
                  <c:v>22.925144195556602</c:v>
                </c:pt>
                <c:pt idx="23">
                  <c:v>23.924888610839801</c:v>
                </c:pt>
                <c:pt idx="24">
                  <c:v>24.9246425628662</c:v>
                </c:pt>
                <c:pt idx="25">
                  <c:v>25.924333572387699</c:v>
                </c:pt>
                <c:pt idx="26">
                  <c:v>26.924066543579102</c:v>
                </c:pt>
                <c:pt idx="27">
                  <c:v>27.923885345458999</c:v>
                </c:pt>
                <c:pt idx="28">
                  <c:v>28.923652648925799</c:v>
                </c:pt>
                <c:pt idx="29">
                  <c:v>29.9233798980713</c:v>
                </c:pt>
                <c:pt idx="30">
                  <c:v>30.923093795776399</c:v>
                </c:pt>
                <c:pt idx="31">
                  <c:v>31.922967910766602</c:v>
                </c:pt>
                <c:pt idx="32">
                  <c:v>32.922771453857401</c:v>
                </c:pt>
                <c:pt idx="33">
                  <c:v>33.922534942627003</c:v>
                </c:pt>
                <c:pt idx="34">
                  <c:v>34.9225044250488</c:v>
                </c:pt>
                <c:pt idx="35">
                  <c:v>35.9218559265137</c:v>
                </c:pt>
                <c:pt idx="36">
                  <c:v>36.9217338562012</c:v>
                </c:pt>
                <c:pt idx="37">
                  <c:v>37.921531677246101</c:v>
                </c:pt>
                <c:pt idx="38">
                  <c:v>38.921318054199197</c:v>
                </c:pt>
                <c:pt idx="39">
                  <c:v>39.921298980712898</c:v>
                </c:pt>
                <c:pt idx="40">
                  <c:v>40.920730590820298</c:v>
                </c:pt>
                <c:pt idx="41">
                  <c:v>41.923580169677699</c:v>
                </c:pt>
                <c:pt idx="42">
                  <c:v>42.923274993896499</c:v>
                </c:pt>
                <c:pt idx="43">
                  <c:v>43.922767639160199</c:v>
                </c:pt>
                <c:pt idx="44">
                  <c:v>44.922660827636697</c:v>
                </c:pt>
                <c:pt idx="45">
                  <c:v>45.922172546386697</c:v>
                </c:pt>
                <c:pt idx="46">
                  <c:v>46.921989440917997</c:v>
                </c:pt>
                <c:pt idx="47">
                  <c:v>47.921955108642599</c:v>
                </c:pt>
                <c:pt idx="48">
                  <c:v>48.921459197997997</c:v>
                </c:pt>
                <c:pt idx="49">
                  <c:v>49.921432495117202</c:v>
                </c:pt>
                <c:pt idx="50">
                  <c:v>50.920974731445298</c:v>
                </c:pt>
                <c:pt idx="51">
                  <c:v>51.920944213867202</c:v>
                </c:pt>
                <c:pt idx="52">
                  <c:v>52.9206352233887</c:v>
                </c:pt>
                <c:pt idx="53">
                  <c:v>53.92041015625</c:v>
                </c:pt>
                <c:pt idx="54">
                  <c:v>54.920108795166001</c:v>
                </c:pt>
                <c:pt idx="55">
                  <c:v>55.9198188781738</c:v>
                </c:pt>
                <c:pt idx="56">
                  <c:v>56.919479370117202</c:v>
                </c:pt>
                <c:pt idx="57">
                  <c:v>57.919563293457003</c:v>
                </c:pt>
                <c:pt idx="58">
                  <c:v>58.918827056884801</c:v>
                </c:pt>
                <c:pt idx="59">
                  <c:v>59.9188041687012</c:v>
                </c:pt>
                <c:pt idx="60">
                  <c:v>60.918498992919901</c:v>
                </c:pt>
                <c:pt idx="61">
                  <c:v>61.918636322021499</c:v>
                </c:pt>
                <c:pt idx="62">
                  <c:v>62.917766571044901</c:v>
                </c:pt>
                <c:pt idx="63">
                  <c:v>63.917881011962898</c:v>
                </c:pt>
                <c:pt idx="64">
                  <c:v>64.917785644531307</c:v>
                </c:pt>
                <c:pt idx="65">
                  <c:v>65.917686462402301</c:v>
                </c:pt>
                <c:pt idx="66">
                  <c:v>66.917259216308594</c:v>
                </c:pt>
                <c:pt idx="67">
                  <c:v>67.916755676269503</c:v>
                </c:pt>
                <c:pt idx="68">
                  <c:v>68.916877746582003</c:v>
                </c:pt>
                <c:pt idx="69">
                  <c:v>69.916168212890597</c:v>
                </c:pt>
                <c:pt idx="70">
                  <c:v>70.916961669921903</c:v>
                </c:pt>
                <c:pt idx="71">
                  <c:v>71.915626525878906</c:v>
                </c:pt>
                <c:pt idx="72">
                  <c:v>72.915756225585895</c:v>
                </c:pt>
                <c:pt idx="73">
                  <c:v>73.915847778320298</c:v>
                </c:pt>
                <c:pt idx="74">
                  <c:v>74.914619445800795</c:v>
                </c:pt>
                <c:pt idx="75">
                  <c:v>75.915168762207003</c:v>
                </c:pt>
                <c:pt idx="76">
                  <c:v>76.914871215820298</c:v>
                </c:pt>
                <c:pt idx="77">
                  <c:v>77.914489746093807</c:v>
                </c:pt>
                <c:pt idx="78">
                  <c:v>78.9149169921875</c:v>
                </c:pt>
                <c:pt idx="79">
                  <c:v>79.913276672363295</c:v>
                </c:pt>
                <c:pt idx="80">
                  <c:v>80.913566589355497</c:v>
                </c:pt>
                <c:pt idx="81">
                  <c:v>81.9127197265625</c:v>
                </c:pt>
                <c:pt idx="82">
                  <c:v>82.912857055664105</c:v>
                </c:pt>
                <c:pt idx="83">
                  <c:v>83.912895202636705</c:v>
                </c:pt>
                <c:pt idx="84">
                  <c:v>84.912513732910199</c:v>
                </c:pt>
                <c:pt idx="85">
                  <c:v>85.9114990234375</c:v>
                </c:pt>
                <c:pt idx="86">
                  <c:v>86.913093566894503</c:v>
                </c:pt>
                <c:pt idx="87">
                  <c:v>87.911354064941406</c:v>
                </c:pt>
                <c:pt idx="88">
                  <c:v>88.912826538085895</c:v>
                </c:pt>
                <c:pt idx="89">
                  <c:v>89.9111328125</c:v>
                </c:pt>
                <c:pt idx="90">
                  <c:v>90.911193847656307</c:v>
                </c:pt>
                <c:pt idx="91">
                  <c:v>91.909370422363295</c:v>
                </c:pt>
                <c:pt idx="92">
                  <c:v>92.911392211914105</c:v>
                </c:pt>
                <c:pt idx="93">
                  <c:v>93.912338256835895</c:v>
                </c:pt>
                <c:pt idx="94">
                  <c:v>94.908874511718807</c:v>
                </c:pt>
                <c:pt idx="95">
                  <c:v>95.911018371582003</c:v>
                </c:pt>
                <c:pt idx="96">
                  <c:v>96.908073425292997</c:v>
                </c:pt>
                <c:pt idx="97">
                  <c:v>97.909896850585895</c:v>
                </c:pt>
                <c:pt idx="98">
                  <c:v>98.910110473632798</c:v>
                </c:pt>
                <c:pt idx="99">
                  <c:v>99.907936096191406</c:v>
                </c:pt>
                <c:pt idx="100">
                  <c:v>100.00155639648401</c:v>
                </c:pt>
                <c:pt idx="101">
                  <c:v>100.003860473633</c:v>
                </c:pt>
                <c:pt idx="102">
                  <c:v>100.00033569335901</c:v>
                </c:pt>
                <c:pt idx="103">
                  <c:v>99.997627258300795</c:v>
                </c:pt>
                <c:pt idx="104">
                  <c:v>99.9971923828125</c:v>
                </c:pt>
                <c:pt idx="105">
                  <c:v>99.999099731445298</c:v>
                </c:pt>
                <c:pt idx="106">
                  <c:v>99.998870849609403</c:v>
                </c:pt>
                <c:pt idx="107">
                  <c:v>99.998497009277301</c:v>
                </c:pt>
                <c:pt idx="108">
                  <c:v>99.999320983886705</c:v>
                </c:pt>
                <c:pt idx="109">
                  <c:v>100.00042724609401</c:v>
                </c:pt>
                <c:pt idx="110">
                  <c:v>99.997711181640597</c:v>
                </c:pt>
                <c:pt idx="111">
                  <c:v>99.998611450195298</c:v>
                </c:pt>
                <c:pt idx="112">
                  <c:v>99.999450683593807</c:v>
                </c:pt>
                <c:pt idx="113">
                  <c:v>99.999107360839801</c:v>
                </c:pt>
                <c:pt idx="114">
                  <c:v>99.999603271484403</c:v>
                </c:pt>
                <c:pt idx="115">
                  <c:v>100.000244140625</c:v>
                </c:pt>
                <c:pt idx="116">
                  <c:v>99.999458312988295</c:v>
                </c:pt>
                <c:pt idx="117">
                  <c:v>100.00063323974599</c:v>
                </c:pt>
                <c:pt idx="118">
                  <c:v>100.00057983398401</c:v>
                </c:pt>
                <c:pt idx="119">
                  <c:v>100.00022125244099</c:v>
                </c:pt>
                <c:pt idx="120">
                  <c:v>99.998466491699205</c:v>
                </c:pt>
                <c:pt idx="121">
                  <c:v>99.996772766113295</c:v>
                </c:pt>
                <c:pt idx="122">
                  <c:v>99.999107360839801</c:v>
                </c:pt>
                <c:pt idx="123">
                  <c:v>100.001792907715</c:v>
                </c:pt>
                <c:pt idx="124">
                  <c:v>100.001304626465</c:v>
                </c:pt>
                <c:pt idx="125">
                  <c:v>100.00234985351599</c:v>
                </c:pt>
                <c:pt idx="126">
                  <c:v>100.00178527832</c:v>
                </c:pt>
                <c:pt idx="127">
                  <c:v>99.999900817871094</c:v>
                </c:pt>
                <c:pt idx="128">
                  <c:v>99.997627258300795</c:v>
                </c:pt>
                <c:pt idx="129">
                  <c:v>99.999076843261705</c:v>
                </c:pt>
                <c:pt idx="130">
                  <c:v>99.075309753417997</c:v>
                </c:pt>
                <c:pt idx="131">
                  <c:v>98.070663452148395</c:v>
                </c:pt>
                <c:pt idx="132">
                  <c:v>97.077011108398395</c:v>
                </c:pt>
                <c:pt idx="133">
                  <c:v>96.069519042968807</c:v>
                </c:pt>
                <c:pt idx="134">
                  <c:v>95.075546264648395</c:v>
                </c:pt>
                <c:pt idx="135">
                  <c:v>94.074890136718807</c:v>
                </c:pt>
                <c:pt idx="136">
                  <c:v>93.074790954589801</c:v>
                </c:pt>
                <c:pt idx="137">
                  <c:v>92.077011108398395</c:v>
                </c:pt>
                <c:pt idx="138">
                  <c:v>91.073410034179702</c:v>
                </c:pt>
                <c:pt idx="139">
                  <c:v>90.076461791992202</c:v>
                </c:pt>
                <c:pt idx="140">
                  <c:v>89.076469421386705</c:v>
                </c:pt>
                <c:pt idx="141">
                  <c:v>88.078201293945298</c:v>
                </c:pt>
                <c:pt idx="142">
                  <c:v>87.077049255371094</c:v>
                </c:pt>
                <c:pt idx="143">
                  <c:v>86.076210021972699</c:v>
                </c:pt>
                <c:pt idx="144">
                  <c:v>85.077835083007798</c:v>
                </c:pt>
                <c:pt idx="145">
                  <c:v>84.077835083007798</c:v>
                </c:pt>
                <c:pt idx="146">
                  <c:v>83.077865600585895</c:v>
                </c:pt>
                <c:pt idx="147">
                  <c:v>82.078018188476605</c:v>
                </c:pt>
                <c:pt idx="148">
                  <c:v>81.0782470703125</c:v>
                </c:pt>
                <c:pt idx="149">
                  <c:v>80.078903198242202</c:v>
                </c:pt>
                <c:pt idx="150">
                  <c:v>79.078109741210895</c:v>
                </c:pt>
                <c:pt idx="151">
                  <c:v>78.078880310058594</c:v>
                </c:pt>
                <c:pt idx="152">
                  <c:v>77.079216003417997</c:v>
                </c:pt>
                <c:pt idx="153">
                  <c:v>76.079994201660199</c:v>
                </c:pt>
                <c:pt idx="154">
                  <c:v>75.079650878906307</c:v>
                </c:pt>
                <c:pt idx="155">
                  <c:v>74.079437255859403</c:v>
                </c:pt>
                <c:pt idx="156">
                  <c:v>73.080078125</c:v>
                </c:pt>
                <c:pt idx="157">
                  <c:v>72.080337524414105</c:v>
                </c:pt>
                <c:pt idx="158">
                  <c:v>71.080528259277301</c:v>
                </c:pt>
                <c:pt idx="159">
                  <c:v>70.081306457519503</c:v>
                </c:pt>
                <c:pt idx="160">
                  <c:v>69.081527709960895</c:v>
                </c:pt>
                <c:pt idx="161">
                  <c:v>68.081306457519503</c:v>
                </c:pt>
                <c:pt idx="162">
                  <c:v>67.082214355468807</c:v>
                </c:pt>
                <c:pt idx="163">
                  <c:v>66.082534790039105</c:v>
                </c:pt>
                <c:pt idx="164">
                  <c:v>65.082527160644503</c:v>
                </c:pt>
                <c:pt idx="165">
                  <c:v>64.082229614257798</c:v>
                </c:pt>
                <c:pt idx="166">
                  <c:v>63.082550048828097</c:v>
                </c:pt>
                <c:pt idx="167">
                  <c:v>62.0828857421875</c:v>
                </c:pt>
                <c:pt idx="168">
                  <c:v>61.083183288574197</c:v>
                </c:pt>
                <c:pt idx="169">
                  <c:v>60.083442687988303</c:v>
                </c:pt>
                <c:pt idx="170">
                  <c:v>59.083389282226598</c:v>
                </c:pt>
                <c:pt idx="171">
                  <c:v>58.081504821777301</c:v>
                </c:pt>
                <c:pt idx="172">
                  <c:v>57.083915710449197</c:v>
                </c:pt>
                <c:pt idx="173">
                  <c:v>56.081501007080099</c:v>
                </c:pt>
                <c:pt idx="174">
                  <c:v>55.084934234619098</c:v>
                </c:pt>
                <c:pt idx="175">
                  <c:v>54.081993103027301</c:v>
                </c:pt>
                <c:pt idx="176">
                  <c:v>53.082595825195298</c:v>
                </c:pt>
                <c:pt idx="177">
                  <c:v>52.0827026367188</c:v>
                </c:pt>
                <c:pt idx="178">
                  <c:v>51.082832336425803</c:v>
                </c:pt>
                <c:pt idx="179">
                  <c:v>50.082859039306598</c:v>
                </c:pt>
                <c:pt idx="180">
                  <c:v>49.083538055419901</c:v>
                </c:pt>
                <c:pt idx="181">
                  <c:v>48.083660125732401</c:v>
                </c:pt>
                <c:pt idx="182">
                  <c:v>47.0840034484863</c:v>
                </c:pt>
                <c:pt idx="183">
                  <c:v>46.084133148193402</c:v>
                </c:pt>
                <c:pt idx="184">
                  <c:v>45.084465026855497</c:v>
                </c:pt>
                <c:pt idx="185">
                  <c:v>44.084659576416001</c:v>
                </c:pt>
                <c:pt idx="186">
                  <c:v>43.0848197937012</c:v>
                </c:pt>
                <c:pt idx="187">
                  <c:v>42.085243225097699</c:v>
                </c:pt>
                <c:pt idx="188">
                  <c:v>41.085079193115199</c:v>
                </c:pt>
                <c:pt idx="189">
                  <c:v>40.085494995117202</c:v>
                </c:pt>
                <c:pt idx="190">
                  <c:v>39.085865020752003</c:v>
                </c:pt>
                <c:pt idx="191">
                  <c:v>38.085830688476598</c:v>
                </c:pt>
                <c:pt idx="192">
                  <c:v>37.0863037109375</c:v>
                </c:pt>
                <c:pt idx="193">
                  <c:v>36.086711883544901</c:v>
                </c:pt>
                <c:pt idx="194">
                  <c:v>35.086738586425803</c:v>
                </c:pt>
                <c:pt idx="195">
                  <c:v>34.087062835693402</c:v>
                </c:pt>
                <c:pt idx="196">
                  <c:v>33.0871772766113</c:v>
                </c:pt>
                <c:pt idx="197">
                  <c:v>32.087566375732401</c:v>
                </c:pt>
                <c:pt idx="198">
                  <c:v>31.087863922119102</c:v>
                </c:pt>
                <c:pt idx="199">
                  <c:v>30.087984085083001</c:v>
                </c:pt>
                <c:pt idx="200">
                  <c:v>29.088253021240199</c:v>
                </c:pt>
                <c:pt idx="201">
                  <c:v>28.088516235351602</c:v>
                </c:pt>
                <c:pt idx="202">
                  <c:v>27.088752746581999</c:v>
                </c:pt>
                <c:pt idx="203">
                  <c:v>26.089031219482401</c:v>
                </c:pt>
                <c:pt idx="204">
                  <c:v>25.0891933441162</c:v>
                </c:pt>
                <c:pt idx="205">
                  <c:v>24.0894660949707</c:v>
                </c:pt>
                <c:pt idx="206">
                  <c:v>23.0896911621094</c:v>
                </c:pt>
                <c:pt idx="207">
                  <c:v>22.0899562835693</c:v>
                </c:pt>
                <c:pt idx="208">
                  <c:v>21.090110778808601</c:v>
                </c:pt>
                <c:pt idx="209">
                  <c:v>20.0904750823975</c:v>
                </c:pt>
                <c:pt idx="210">
                  <c:v>19.090631484985401</c:v>
                </c:pt>
                <c:pt idx="211">
                  <c:v>18.090913772583001</c:v>
                </c:pt>
                <c:pt idx="212">
                  <c:v>17.091190338134801</c:v>
                </c:pt>
                <c:pt idx="213">
                  <c:v>16.091350555419901</c:v>
                </c:pt>
                <c:pt idx="214">
                  <c:v>15.091340065002401</c:v>
                </c:pt>
                <c:pt idx="215">
                  <c:v>14.0912475585938</c:v>
                </c:pt>
                <c:pt idx="216">
                  <c:v>13.0911045074463</c:v>
                </c:pt>
                <c:pt idx="217">
                  <c:v>12.091001510620099</c:v>
                </c:pt>
                <c:pt idx="218">
                  <c:v>11.090938568115201</c:v>
                </c:pt>
                <c:pt idx="219">
                  <c:v>10.0907936096191</c:v>
                </c:pt>
                <c:pt idx="220">
                  <c:v>9.0907239913940394</c:v>
                </c:pt>
                <c:pt idx="221">
                  <c:v>8.0906438827514595</c:v>
                </c:pt>
                <c:pt idx="222">
                  <c:v>7.0906696319580096</c:v>
                </c:pt>
                <c:pt idx="223">
                  <c:v>6.0907416343689</c:v>
                </c:pt>
                <c:pt idx="224">
                  <c:v>5.0908346176147496</c:v>
                </c:pt>
                <c:pt idx="225">
                  <c:v>4.0909299850463903</c:v>
                </c:pt>
                <c:pt idx="226">
                  <c:v>3.0909454822540301</c:v>
                </c:pt>
                <c:pt idx="227">
                  <c:v>2.0909590721130402</c:v>
                </c:pt>
                <c:pt idx="228">
                  <c:v>1.0908886194229099</c:v>
                </c:pt>
                <c:pt idx="229">
                  <c:v>9.0864457190036801E-2</c:v>
                </c:pt>
              </c:numCache>
            </c:numRef>
          </c:xVal>
          <c:yVal>
            <c:numRef>
              <c:f>Type_4_6__1___._2_thixotropy_rw!$G$2:$G$231</c:f>
              <c:numCache>
                <c:formatCode>General</c:formatCode>
                <c:ptCount val="230"/>
                <c:pt idx="0">
                  <c:v>4.7103065997362102E-2</c:v>
                </c:pt>
                <c:pt idx="1">
                  <c:v>1.9638285040855401E-2</c:v>
                </c:pt>
                <c:pt idx="2">
                  <c:v>3.3769495785236402E-3</c:v>
                </c:pt>
                <c:pt idx="3">
                  <c:v>2.18872707337141E-2</c:v>
                </c:pt>
                <c:pt idx="4">
                  <c:v>4.8497915267944301E-2</c:v>
                </c:pt>
                <c:pt idx="5">
                  <c:v>5.79525716602802E-2</c:v>
                </c:pt>
                <c:pt idx="6">
                  <c:v>3.7467610090971E-2</c:v>
                </c:pt>
                <c:pt idx="7">
                  <c:v>6.1947803944349303E-2</c:v>
                </c:pt>
                <c:pt idx="8">
                  <c:v>4.8648141324520097E-2</c:v>
                </c:pt>
                <c:pt idx="9">
                  <c:v>5.2862238138914101E-2</c:v>
                </c:pt>
                <c:pt idx="10">
                  <c:v>4.62979152798653E-2</c:v>
                </c:pt>
                <c:pt idx="11">
                  <c:v>4.7802489250898403E-2</c:v>
                </c:pt>
                <c:pt idx="12">
                  <c:v>6.0215968638658503E-2</c:v>
                </c:pt>
                <c:pt idx="13">
                  <c:v>6.3497468829154996E-2</c:v>
                </c:pt>
                <c:pt idx="14">
                  <c:v>7.3021031916141496E-2</c:v>
                </c:pt>
                <c:pt idx="15">
                  <c:v>7.6150611042976393E-2</c:v>
                </c:pt>
                <c:pt idx="16">
                  <c:v>6.50658309459686E-2</c:v>
                </c:pt>
                <c:pt idx="17">
                  <c:v>7.4993930757045704E-2</c:v>
                </c:pt>
                <c:pt idx="18">
                  <c:v>7.4682563543319702E-2</c:v>
                </c:pt>
                <c:pt idx="19">
                  <c:v>7.8237853944301605E-2</c:v>
                </c:pt>
                <c:pt idx="20">
                  <c:v>8.1456288695335402E-2</c:v>
                </c:pt>
                <c:pt idx="21">
                  <c:v>8.5039064288139302E-2</c:v>
                </c:pt>
                <c:pt idx="22">
                  <c:v>9.4267241656780201E-2</c:v>
                </c:pt>
                <c:pt idx="23">
                  <c:v>9.8321914672851604E-2</c:v>
                </c:pt>
                <c:pt idx="24">
                  <c:v>0.106680028140545</c:v>
                </c:pt>
                <c:pt idx="25">
                  <c:v>0.105300322175026</c:v>
                </c:pt>
                <c:pt idx="26">
                  <c:v>0.102509468793869</c:v>
                </c:pt>
                <c:pt idx="27">
                  <c:v>0.11719914525747301</c:v>
                </c:pt>
                <c:pt idx="28">
                  <c:v>0.11590592563152299</c:v>
                </c:pt>
                <c:pt idx="29">
                  <c:v>0.12653189897537201</c:v>
                </c:pt>
                <c:pt idx="30">
                  <c:v>0.124609157443047</c:v>
                </c:pt>
                <c:pt idx="31">
                  <c:v>0.13862790167331701</c:v>
                </c:pt>
                <c:pt idx="32">
                  <c:v>0.148226007819176</c:v>
                </c:pt>
                <c:pt idx="33">
                  <c:v>0.16647772490978199</c:v>
                </c:pt>
                <c:pt idx="34">
                  <c:v>0.18084004521369901</c:v>
                </c:pt>
                <c:pt idx="35">
                  <c:v>0.166944339871407</c:v>
                </c:pt>
                <c:pt idx="36">
                  <c:v>0.18557898700237299</c:v>
                </c:pt>
                <c:pt idx="37">
                  <c:v>0.177905693650246</c:v>
                </c:pt>
                <c:pt idx="38">
                  <c:v>0.208374723792076</c:v>
                </c:pt>
                <c:pt idx="39">
                  <c:v>0.182645559310913</c:v>
                </c:pt>
                <c:pt idx="40">
                  <c:v>0.18201054632663699</c:v>
                </c:pt>
                <c:pt idx="41">
                  <c:v>0.18836808204650901</c:v>
                </c:pt>
                <c:pt idx="42">
                  <c:v>0.17725421488285101</c:v>
                </c:pt>
                <c:pt idx="43">
                  <c:v>0.16926763951778401</c:v>
                </c:pt>
                <c:pt idx="44">
                  <c:v>0.18829885125160201</c:v>
                </c:pt>
                <c:pt idx="45">
                  <c:v>0.17683741450309801</c:v>
                </c:pt>
                <c:pt idx="46">
                  <c:v>0.189443320035934</c:v>
                </c:pt>
                <c:pt idx="47">
                  <c:v>0.18643212318420399</c:v>
                </c:pt>
                <c:pt idx="48">
                  <c:v>0.18319587409496299</c:v>
                </c:pt>
                <c:pt idx="49">
                  <c:v>0.18239650130271901</c:v>
                </c:pt>
                <c:pt idx="50">
                  <c:v>0.17012423276901201</c:v>
                </c:pt>
                <c:pt idx="51">
                  <c:v>0.19300822913646701</c:v>
                </c:pt>
                <c:pt idx="52">
                  <c:v>0.19052094221115101</c:v>
                </c:pt>
                <c:pt idx="53">
                  <c:v>0.19319327175617201</c:v>
                </c:pt>
                <c:pt idx="54">
                  <c:v>0.21222312748432201</c:v>
                </c:pt>
                <c:pt idx="55">
                  <c:v>0.19063943624496499</c:v>
                </c:pt>
                <c:pt idx="56">
                  <c:v>0.19898828864097601</c:v>
                </c:pt>
                <c:pt idx="57">
                  <c:v>0.21904847025871299</c:v>
                </c:pt>
                <c:pt idx="58">
                  <c:v>0.209347173571587</c:v>
                </c:pt>
                <c:pt idx="59">
                  <c:v>0.23126344382762901</c:v>
                </c:pt>
                <c:pt idx="60">
                  <c:v>0.20933157205581701</c:v>
                </c:pt>
                <c:pt idx="61">
                  <c:v>0.23835159838199599</c:v>
                </c:pt>
                <c:pt idx="62">
                  <c:v>0.227818489074707</c:v>
                </c:pt>
                <c:pt idx="63">
                  <c:v>0.243512898683548</c:v>
                </c:pt>
                <c:pt idx="64">
                  <c:v>0.245156079530716</c:v>
                </c:pt>
                <c:pt idx="65">
                  <c:v>0.25951248407363903</c:v>
                </c:pt>
                <c:pt idx="66">
                  <c:v>0.27317351102829002</c:v>
                </c:pt>
                <c:pt idx="67">
                  <c:v>0.27851948142051702</c:v>
                </c:pt>
                <c:pt idx="68">
                  <c:v>0.29024752974510198</c:v>
                </c:pt>
                <c:pt idx="69">
                  <c:v>0.28197452425956698</c:v>
                </c:pt>
                <c:pt idx="70">
                  <c:v>0.29218819737434398</c:v>
                </c:pt>
                <c:pt idx="71">
                  <c:v>0.28736129403114302</c:v>
                </c:pt>
                <c:pt idx="72">
                  <c:v>0.29629355669021601</c:v>
                </c:pt>
                <c:pt idx="73">
                  <c:v>0.27771323919296298</c:v>
                </c:pt>
                <c:pt idx="74">
                  <c:v>0.27478948235511802</c:v>
                </c:pt>
                <c:pt idx="75">
                  <c:v>0.29077753424644498</c:v>
                </c:pt>
                <c:pt idx="76">
                  <c:v>0.301675945520401</c:v>
                </c:pt>
                <c:pt idx="77">
                  <c:v>0.29633194208145103</c:v>
                </c:pt>
                <c:pt idx="78">
                  <c:v>0.35606074333190901</c:v>
                </c:pt>
                <c:pt idx="79">
                  <c:v>0.34827578067779502</c:v>
                </c:pt>
                <c:pt idx="80">
                  <c:v>0.3453009724617</c:v>
                </c:pt>
                <c:pt idx="81">
                  <c:v>0.33847200870513899</c:v>
                </c:pt>
                <c:pt idx="82">
                  <c:v>0.34041082859039301</c:v>
                </c:pt>
                <c:pt idx="83">
                  <c:v>0.32879725098609902</c:v>
                </c:pt>
                <c:pt idx="84">
                  <c:v>0.33688116073608398</c:v>
                </c:pt>
                <c:pt idx="85">
                  <c:v>0.34151354432106001</c:v>
                </c:pt>
                <c:pt idx="86">
                  <c:v>0.329138994216919</c:v>
                </c:pt>
                <c:pt idx="87">
                  <c:v>0.321932762861252</c:v>
                </c:pt>
                <c:pt idx="88">
                  <c:v>0.32258844375610402</c:v>
                </c:pt>
                <c:pt idx="89">
                  <c:v>0.298360764980316</c:v>
                </c:pt>
                <c:pt idx="90">
                  <c:v>0.334013491868973</c:v>
                </c:pt>
                <c:pt idx="91">
                  <c:v>0.32161292433738697</c:v>
                </c:pt>
                <c:pt idx="92">
                  <c:v>0.34212163090705899</c:v>
                </c:pt>
                <c:pt idx="93">
                  <c:v>0.308428555727005</c:v>
                </c:pt>
                <c:pt idx="94">
                  <c:v>0.33566728234291099</c:v>
                </c:pt>
                <c:pt idx="95">
                  <c:v>0.31095087528228799</c:v>
                </c:pt>
                <c:pt idx="96">
                  <c:v>0.34262758493423501</c:v>
                </c:pt>
                <c:pt idx="97">
                  <c:v>0.31282702088356001</c:v>
                </c:pt>
                <c:pt idx="98">
                  <c:v>0.32109647989273099</c:v>
                </c:pt>
                <c:pt idx="99">
                  <c:v>0.322649747133255</c:v>
                </c:pt>
                <c:pt idx="100">
                  <c:v>0.33620074391365101</c:v>
                </c:pt>
                <c:pt idx="101">
                  <c:v>0.31542068719863903</c:v>
                </c:pt>
                <c:pt idx="102">
                  <c:v>0.27253279089927701</c:v>
                </c:pt>
                <c:pt idx="103">
                  <c:v>0.29692807793617199</c:v>
                </c:pt>
                <c:pt idx="104">
                  <c:v>0.32710635662078902</c:v>
                </c:pt>
                <c:pt idx="105">
                  <c:v>0.33953696489334101</c:v>
                </c:pt>
                <c:pt idx="106">
                  <c:v>0.318736553192139</c:v>
                </c:pt>
                <c:pt idx="107">
                  <c:v>0.31562128663062999</c:v>
                </c:pt>
                <c:pt idx="108">
                  <c:v>0.32137864828109702</c:v>
                </c:pt>
                <c:pt idx="109">
                  <c:v>0.33317476511001598</c:v>
                </c:pt>
                <c:pt idx="110">
                  <c:v>0.33477181196212802</c:v>
                </c:pt>
                <c:pt idx="111">
                  <c:v>0.33348253369331399</c:v>
                </c:pt>
                <c:pt idx="112">
                  <c:v>0.32892933487892201</c:v>
                </c:pt>
                <c:pt idx="113">
                  <c:v>0.31954425573348999</c:v>
                </c:pt>
                <c:pt idx="114">
                  <c:v>0.3250412940979</c:v>
                </c:pt>
                <c:pt idx="115">
                  <c:v>0.33606210350990301</c:v>
                </c:pt>
                <c:pt idx="116">
                  <c:v>0.31419754028320301</c:v>
                </c:pt>
                <c:pt idx="117">
                  <c:v>0.33417287468910201</c:v>
                </c:pt>
                <c:pt idx="118">
                  <c:v>0.30914258956909202</c:v>
                </c:pt>
                <c:pt idx="119">
                  <c:v>0.30829647183418302</c:v>
                </c:pt>
                <c:pt idx="120">
                  <c:v>0.306518495082855</c:v>
                </c:pt>
                <c:pt idx="121">
                  <c:v>0.35310205817222601</c:v>
                </c:pt>
                <c:pt idx="122">
                  <c:v>0.34522491693496699</c:v>
                </c:pt>
                <c:pt idx="123">
                  <c:v>0.34742248058319097</c:v>
                </c:pt>
                <c:pt idx="124">
                  <c:v>0.33682280778884899</c:v>
                </c:pt>
                <c:pt idx="125">
                  <c:v>0.32731646299362199</c:v>
                </c:pt>
                <c:pt idx="126">
                  <c:v>0.30836424231529203</c:v>
                </c:pt>
                <c:pt idx="127">
                  <c:v>0.29591849446296697</c:v>
                </c:pt>
                <c:pt idx="128">
                  <c:v>0.30465966463089</c:v>
                </c:pt>
                <c:pt idx="129">
                  <c:v>0.31430006027221702</c:v>
                </c:pt>
                <c:pt idx="130">
                  <c:v>0.32270219922065702</c:v>
                </c:pt>
                <c:pt idx="131">
                  <c:v>0.32370755076408397</c:v>
                </c:pt>
                <c:pt idx="132">
                  <c:v>0.29258269071579002</c:v>
                </c:pt>
                <c:pt idx="133">
                  <c:v>0.33585950732231101</c:v>
                </c:pt>
                <c:pt idx="134">
                  <c:v>0.28350102901458701</c:v>
                </c:pt>
                <c:pt idx="135">
                  <c:v>0.33881512284278897</c:v>
                </c:pt>
                <c:pt idx="136">
                  <c:v>0.27945527434349099</c:v>
                </c:pt>
                <c:pt idx="137">
                  <c:v>0.32397112250328097</c:v>
                </c:pt>
                <c:pt idx="138">
                  <c:v>0.28679412603378301</c:v>
                </c:pt>
                <c:pt idx="139">
                  <c:v>0.29887786507606501</c:v>
                </c:pt>
                <c:pt idx="140">
                  <c:v>0.29149895906448398</c:v>
                </c:pt>
                <c:pt idx="141">
                  <c:v>0.31060755252838101</c:v>
                </c:pt>
                <c:pt idx="142">
                  <c:v>0.30495262145996099</c:v>
                </c:pt>
                <c:pt idx="143">
                  <c:v>0.30307200551032998</c:v>
                </c:pt>
                <c:pt idx="144">
                  <c:v>0.294429421424866</c:v>
                </c:pt>
                <c:pt idx="145">
                  <c:v>0.30405110120773299</c:v>
                </c:pt>
                <c:pt idx="146">
                  <c:v>0.30295988917350802</c:v>
                </c:pt>
                <c:pt idx="147">
                  <c:v>0.30810296535491899</c:v>
                </c:pt>
                <c:pt idx="148">
                  <c:v>0.310545444488525</c:v>
                </c:pt>
                <c:pt idx="149">
                  <c:v>0.30624786019325301</c:v>
                </c:pt>
                <c:pt idx="150">
                  <c:v>0.29297173023223899</c:v>
                </c:pt>
                <c:pt idx="151">
                  <c:v>0.30025586485862699</c:v>
                </c:pt>
                <c:pt idx="152">
                  <c:v>0.30160757899284402</c:v>
                </c:pt>
                <c:pt idx="153">
                  <c:v>0.305483609437943</c:v>
                </c:pt>
                <c:pt idx="154">
                  <c:v>0.291207164525986</c:v>
                </c:pt>
                <c:pt idx="155">
                  <c:v>0.28718605637550398</c:v>
                </c:pt>
                <c:pt idx="156">
                  <c:v>0.28745520114898698</c:v>
                </c:pt>
                <c:pt idx="157">
                  <c:v>0.274075567722321</c:v>
                </c:pt>
                <c:pt idx="158">
                  <c:v>0.28239139914512601</c:v>
                </c:pt>
                <c:pt idx="159">
                  <c:v>0.27442023158073398</c:v>
                </c:pt>
                <c:pt idx="160">
                  <c:v>0.267526805400848</c:v>
                </c:pt>
                <c:pt idx="161">
                  <c:v>0.26283660531044001</c:v>
                </c:pt>
                <c:pt idx="162">
                  <c:v>0.26189249753951999</c:v>
                </c:pt>
                <c:pt idx="163">
                  <c:v>0.243555322289467</c:v>
                </c:pt>
                <c:pt idx="164">
                  <c:v>0.23127719759941101</c:v>
                </c:pt>
                <c:pt idx="165">
                  <c:v>0.199299916625023</c:v>
                </c:pt>
                <c:pt idx="166">
                  <c:v>0.22794915735721599</c:v>
                </c:pt>
                <c:pt idx="167">
                  <c:v>0.19184441864490501</c:v>
                </c:pt>
                <c:pt idx="168">
                  <c:v>0.21019272506236999</c:v>
                </c:pt>
                <c:pt idx="169">
                  <c:v>0.20153827965259599</c:v>
                </c:pt>
                <c:pt idx="170">
                  <c:v>0.18971586227417001</c:v>
                </c:pt>
                <c:pt idx="171">
                  <c:v>0.212618619203568</c:v>
                </c:pt>
                <c:pt idx="172">
                  <c:v>0.18005830049514801</c:v>
                </c:pt>
                <c:pt idx="173">
                  <c:v>0.180819541215897</c:v>
                </c:pt>
                <c:pt idx="174">
                  <c:v>0.174389883875847</c:v>
                </c:pt>
                <c:pt idx="175">
                  <c:v>0.19325913488864899</c:v>
                </c:pt>
                <c:pt idx="176">
                  <c:v>0.17282629013061501</c:v>
                </c:pt>
                <c:pt idx="177">
                  <c:v>0.182603970170021</c:v>
                </c:pt>
                <c:pt idx="178">
                  <c:v>0.168085873126984</c:v>
                </c:pt>
                <c:pt idx="179">
                  <c:v>0.18130043148994399</c:v>
                </c:pt>
                <c:pt idx="180">
                  <c:v>0.16568960249424</c:v>
                </c:pt>
                <c:pt idx="181">
                  <c:v>0.16429442167282099</c:v>
                </c:pt>
                <c:pt idx="182">
                  <c:v>0.15647305548191101</c:v>
                </c:pt>
                <c:pt idx="183">
                  <c:v>0.17088547348976099</c:v>
                </c:pt>
                <c:pt idx="184">
                  <c:v>0.163174644112587</c:v>
                </c:pt>
                <c:pt idx="185">
                  <c:v>0.17287822067737599</c:v>
                </c:pt>
                <c:pt idx="186">
                  <c:v>0.164913609623909</c:v>
                </c:pt>
                <c:pt idx="187">
                  <c:v>0.17431198060512501</c:v>
                </c:pt>
                <c:pt idx="188">
                  <c:v>0.18365530669689201</c:v>
                </c:pt>
                <c:pt idx="189">
                  <c:v>0.15595205128192899</c:v>
                </c:pt>
                <c:pt idx="190">
                  <c:v>0.17359741032123599</c:v>
                </c:pt>
                <c:pt idx="191">
                  <c:v>0.17987425625324199</c:v>
                </c:pt>
                <c:pt idx="192">
                  <c:v>0.169201880693436</c:v>
                </c:pt>
                <c:pt idx="193">
                  <c:v>0.166923657059669</c:v>
                </c:pt>
                <c:pt idx="194">
                  <c:v>0.16092763841152199</c:v>
                </c:pt>
                <c:pt idx="195">
                  <c:v>0.16722486913204199</c:v>
                </c:pt>
                <c:pt idx="196">
                  <c:v>0.16356082260608701</c:v>
                </c:pt>
                <c:pt idx="197">
                  <c:v>0.14732405543327301</c:v>
                </c:pt>
                <c:pt idx="198">
                  <c:v>0.124234661459923</c:v>
                </c:pt>
                <c:pt idx="199">
                  <c:v>0.111740827560425</c:v>
                </c:pt>
                <c:pt idx="200">
                  <c:v>0.10394924879074099</c:v>
                </c:pt>
                <c:pt idx="201">
                  <c:v>0.11045644432306299</c:v>
                </c:pt>
                <c:pt idx="202">
                  <c:v>9.5432840287685394E-2</c:v>
                </c:pt>
                <c:pt idx="203">
                  <c:v>9.30052250623703E-2</c:v>
                </c:pt>
                <c:pt idx="204">
                  <c:v>8.1818133592605605E-2</c:v>
                </c:pt>
                <c:pt idx="205">
                  <c:v>8.5513465106487302E-2</c:v>
                </c:pt>
                <c:pt idx="206">
                  <c:v>7.7021151781082195E-2</c:v>
                </c:pt>
                <c:pt idx="207">
                  <c:v>8.0143444240093203E-2</c:v>
                </c:pt>
                <c:pt idx="208">
                  <c:v>7.0921011269092601E-2</c:v>
                </c:pt>
                <c:pt idx="209">
                  <c:v>6.1203252524137497E-2</c:v>
                </c:pt>
                <c:pt idx="210">
                  <c:v>7.0958338677883107E-2</c:v>
                </c:pt>
                <c:pt idx="211">
                  <c:v>6.1780594289302798E-2</c:v>
                </c:pt>
                <c:pt idx="212">
                  <c:v>6.0169227421283701E-2</c:v>
                </c:pt>
                <c:pt idx="213">
                  <c:v>5.8245692402124398E-2</c:v>
                </c:pt>
                <c:pt idx="214">
                  <c:v>4.86375615000725E-2</c:v>
                </c:pt>
                <c:pt idx="215">
                  <c:v>4.7396730631589903E-2</c:v>
                </c:pt>
                <c:pt idx="216">
                  <c:v>4.4554315507411998E-2</c:v>
                </c:pt>
                <c:pt idx="217">
                  <c:v>3.7213951349258402E-2</c:v>
                </c:pt>
                <c:pt idx="218">
                  <c:v>3.6308851093053797E-2</c:v>
                </c:pt>
                <c:pt idx="219">
                  <c:v>3.3483084291219697E-2</c:v>
                </c:pt>
                <c:pt idx="220">
                  <c:v>2.5306668132543599E-2</c:v>
                </c:pt>
                <c:pt idx="221">
                  <c:v>2.5480287149548499E-2</c:v>
                </c:pt>
                <c:pt idx="222">
                  <c:v>5.01553807407618E-3</c:v>
                </c:pt>
                <c:pt idx="223">
                  <c:v>9.8733045160770399E-3</c:v>
                </c:pt>
                <c:pt idx="224">
                  <c:v>1.8778218654915699E-3</c:v>
                </c:pt>
                <c:pt idx="225">
                  <c:v>3.00970650278032E-3</c:v>
                </c:pt>
                <c:pt idx="226">
                  <c:v>2.27091880515218E-3</c:v>
                </c:pt>
                <c:pt idx="227">
                  <c:v>1.8048211932182302E-2</c:v>
                </c:pt>
                <c:pt idx="228">
                  <c:v>4.8991754651069599E-2</c:v>
                </c:pt>
                <c:pt idx="229">
                  <c:v>1.858409121632580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80EE-47BC-A5E8-B73B6403A5A8}"/>
            </c:ext>
          </c:extLst>
        </c:ser>
        <c:ser>
          <c:idx val="5"/>
          <c:order val="5"/>
          <c:tx>
            <c:v>5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_27_01_bss_1_3_thixotropy_5_1_r!$F$2:$F$231</c:f>
              <c:numCache>
                <c:formatCode>General</c:formatCode>
                <c:ptCount val="230"/>
                <c:pt idx="0">
                  <c:v>0.92746990919113204</c:v>
                </c:pt>
                <c:pt idx="1">
                  <c:v>1.9263508319854701</c:v>
                </c:pt>
                <c:pt idx="2">
                  <c:v>2.9294867515564</c:v>
                </c:pt>
                <c:pt idx="3">
                  <c:v>3.9254999160766602</c:v>
                </c:pt>
                <c:pt idx="4">
                  <c:v>4.9271521568298304</c:v>
                </c:pt>
                <c:pt idx="5">
                  <c:v>5.9281988143920898</c:v>
                </c:pt>
                <c:pt idx="6">
                  <c:v>6.9261608123779297</c:v>
                </c:pt>
                <c:pt idx="7">
                  <c:v>7.9247994422912598</c:v>
                </c:pt>
                <c:pt idx="8">
                  <c:v>8.9291582107543892</c:v>
                </c:pt>
                <c:pt idx="9">
                  <c:v>9.9269618988037092</c:v>
                </c:pt>
                <c:pt idx="10">
                  <c:v>10.9275369644165</c:v>
                </c:pt>
                <c:pt idx="11">
                  <c:v>11.9258527755737</c:v>
                </c:pt>
                <c:pt idx="12">
                  <c:v>12.9248647689819</c:v>
                </c:pt>
                <c:pt idx="13">
                  <c:v>13.927141189575201</c:v>
                </c:pt>
                <c:pt idx="14">
                  <c:v>14.9267492294312</c:v>
                </c:pt>
                <c:pt idx="15">
                  <c:v>15.929573059081999</c:v>
                </c:pt>
                <c:pt idx="16">
                  <c:v>16.929315567016602</c:v>
                </c:pt>
                <c:pt idx="17">
                  <c:v>17.928138732910199</c:v>
                </c:pt>
                <c:pt idx="18">
                  <c:v>18.929069519043001</c:v>
                </c:pt>
                <c:pt idx="19">
                  <c:v>19.928846359252901</c:v>
                </c:pt>
                <c:pt idx="20">
                  <c:v>20.928342819213899</c:v>
                </c:pt>
                <c:pt idx="21">
                  <c:v>21.927986145019499</c:v>
                </c:pt>
                <c:pt idx="22">
                  <c:v>22.927978515625</c:v>
                </c:pt>
                <c:pt idx="23">
                  <c:v>23.9278678894043</c:v>
                </c:pt>
                <c:pt idx="24">
                  <c:v>24.927385330200199</c:v>
                </c:pt>
                <c:pt idx="25">
                  <c:v>25.927171707153299</c:v>
                </c:pt>
                <c:pt idx="26">
                  <c:v>26.926836013793899</c:v>
                </c:pt>
                <c:pt idx="27">
                  <c:v>27.9267063140869</c:v>
                </c:pt>
                <c:pt idx="28">
                  <c:v>28.926446914672901</c:v>
                </c:pt>
                <c:pt idx="29">
                  <c:v>29.9261074066162</c:v>
                </c:pt>
                <c:pt idx="30">
                  <c:v>30.925786972045898</c:v>
                </c:pt>
                <c:pt idx="31">
                  <c:v>31.9256896972656</c:v>
                </c:pt>
                <c:pt idx="32">
                  <c:v>32.925548553466797</c:v>
                </c:pt>
                <c:pt idx="33">
                  <c:v>33.925224304199197</c:v>
                </c:pt>
                <c:pt idx="34">
                  <c:v>34.924922943115199</c:v>
                </c:pt>
                <c:pt idx="35">
                  <c:v>35.924758911132798</c:v>
                </c:pt>
                <c:pt idx="36">
                  <c:v>36.924514770507798</c:v>
                </c:pt>
                <c:pt idx="37">
                  <c:v>37.923812866210902</c:v>
                </c:pt>
                <c:pt idx="38">
                  <c:v>38.924076080322301</c:v>
                </c:pt>
                <c:pt idx="39">
                  <c:v>39.923618316650398</c:v>
                </c:pt>
                <c:pt idx="40">
                  <c:v>40.923313140869098</c:v>
                </c:pt>
                <c:pt idx="41">
                  <c:v>41.923255920410199</c:v>
                </c:pt>
                <c:pt idx="42">
                  <c:v>42.922985076904297</c:v>
                </c:pt>
                <c:pt idx="43">
                  <c:v>43.922679901122997</c:v>
                </c:pt>
                <c:pt idx="44">
                  <c:v>44.922519683837898</c:v>
                </c:pt>
                <c:pt idx="45">
                  <c:v>45.921962738037102</c:v>
                </c:pt>
                <c:pt idx="46">
                  <c:v>46.921974182128899</c:v>
                </c:pt>
                <c:pt idx="47">
                  <c:v>47.921848297119098</c:v>
                </c:pt>
                <c:pt idx="48">
                  <c:v>48.921581268310497</c:v>
                </c:pt>
                <c:pt idx="49">
                  <c:v>49.921382904052699</c:v>
                </c:pt>
                <c:pt idx="50">
                  <c:v>50.9210205078125</c:v>
                </c:pt>
                <c:pt idx="51">
                  <c:v>51.920719146728501</c:v>
                </c:pt>
                <c:pt idx="52">
                  <c:v>52.920608520507798</c:v>
                </c:pt>
                <c:pt idx="53">
                  <c:v>53.920452117919901</c:v>
                </c:pt>
                <c:pt idx="54">
                  <c:v>54.920120239257798</c:v>
                </c:pt>
                <c:pt idx="55">
                  <c:v>55.920120239257798</c:v>
                </c:pt>
                <c:pt idx="56">
                  <c:v>56.919620513916001</c:v>
                </c:pt>
                <c:pt idx="57">
                  <c:v>57.919296264648402</c:v>
                </c:pt>
                <c:pt idx="58">
                  <c:v>58.9191703796387</c:v>
                </c:pt>
                <c:pt idx="59">
                  <c:v>59.918872833252003</c:v>
                </c:pt>
                <c:pt idx="60">
                  <c:v>60.918567657470703</c:v>
                </c:pt>
                <c:pt idx="61">
                  <c:v>61.918384552002003</c:v>
                </c:pt>
                <c:pt idx="62">
                  <c:v>62.918167114257798</c:v>
                </c:pt>
                <c:pt idx="63">
                  <c:v>63.917877197265597</c:v>
                </c:pt>
                <c:pt idx="64">
                  <c:v>64.917755126953097</c:v>
                </c:pt>
                <c:pt idx="65">
                  <c:v>65.917419433593807</c:v>
                </c:pt>
                <c:pt idx="66">
                  <c:v>66.917121887207003</c:v>
                </c:pt>
                <c:pt idx="67">
                  <c:v>67.916976928710895</c:v>
                </c:pt>
                <c:pt idx="68">
                  <c:v>68.916755676269503</c:v>
                </c:pt>
                <c:pt idx="69">
                  <c:v>69.916564941406307</c:v>
                </c:pt>
                <c:pt idx="70">
                  <c:v>70.915954589843807</c:v>
                </c:pt>
                <c:pt idx="71">
                  <c:v>71.915885925292997</c:v>
                </c:pt>
                <c:pt idx="72">
                  <c:v>72.915954589843807</c:v>
                </c:pt>
                <c:pt idx="73">
                  <c:v>73.915519714355497</c:v>
                </c:pt>
                <c:pt idx="74">
                  <c:v>74.915328979492202</c:v>
                </c:pt>
                <c:pt idx="75">
                  <c:v>75.914932250976605</c:v>
                </c:pt>
                <c:pt idx="76">
                  <c:v>76.914642333984403</c:v>
                </c:pt>
                <c:pt idx="77">
                  <c:v>77.914482116699205</c:v>
                </c:pt>
                <c:pt idx="78">
                  <c:v>78.914199829101605</c:v>
                </c:pt>
                <c:pt idx="79">
                  <c:v>79.914016723632798</c:v>
                </c:pt>
                <c:pt idx="80">
                  <c:v>80.913711547851605</c:v>
                </c:pt>
                <c:pt idx="81">
                  <c:v>81.913436889648395</c:v>
                </c:pt>
                <c:pt idx="82">
                  <c:v>82.913307189941406</c:v>
                </c:pt>
                <c:pt idx="83">
                  <c:v>83.913040161132798</c:v>
                </c:pt>
                <c:pt idx="84">
                  <c:v>84.912704467773395</c:v>
                </c:pt>
                <c:pt idx="85">
                  <c:v>85.912490844726605</c:v>
                </c:pt>
                <c:pt idx="86">
                  <c:v>86.912300109863295</c:v>
                </c:pt>
                <c:pt idx="87">
                  <c:v>87.911956787109403</c:v>
                </c:pt>
                <c:pt idx="88">
                  <c:v>88.911720275878906</c:v>
                </c:pt>
                <c:pt idx="89">
                  <c:v>89.911590576171903</c:v>
                </c:pt>
                <c:pt idx="90">
                  <c:v>90.911033630371094</c:v>
                </c:pt>
                <c:pt idx="91">
                  <c:v>91.911392211914105</c:v>
                </c:pt>
                <c:pt idx="92">
                  <c:v>92.910713195800795</c:v>
                </c:pt>
                <c:pt idx="93">
                  <c:v>93.910774230957003</c:v>
                </c:pt>
                <c:pt idx="94">
                  <c:v>94.910606384277301</c:v>
                </c:pt>
                <c:pt idx="95">
                  <c:v>95.9100341796875</c:v>
                </c:pt>
                <c:pt idx="96">
                  <c:v>96.909957885742202</c:v>
                </c:pt>
                <c:pt idx="97">
                  <c:v>97.909599304199205</c:v>
                </c:pt>
                <c:pt idx="98">
                  <c:v>98.909469604492202</c:v>
                </c:pt>
                <c:pt idx="99">
                  <c:v>99.909149169921903</c:v>
                </c:pt>
                <c:pt idx="100">
                  <c:v>9.9998235702514595</c:v>
                </c:pt>
                <c:pt idx="101">
                  <c:v>10.0002136230469</c:v>
                </c:pt>
                <c:pt idx="102">
                  <c:v>10.0000553131104</c:v>
                </c:pt>
                <c:pt idx="103">
                  <c:v>9.9998998641967791</c:v>
                </c:pt>
                <c:pt idx="104">
                  <c:v>9.9998989105224592</c:v>
                </c:pt>
                <c:pt idx="105">
                  <c:v>9.9999074935913104</c:v>
                </c:pt>
                <c:pt idx="106">
                  <c:v>10.000013351440399</c:v>
                </c:pt>
                <c:pt idx="107">
                  <c:v>9.9998493194580096</c:v>
                </c:pt>
                <c:pt idx="108">
                  <c:v>10.0000953674316</c:v>
                </c:pt>
                <c:pt idx="109">
                  <c:v>10.000080108642599</c:v>
                </c:pt>
                <c:pt idx="110">
                  <c:v>9.9999790191650408</c:v>
                </c:pt>
                <c:pt idx="111">
                  <c:v>10.0000057220459</c:v>
                </c:pt>
                <c:pt idx="112">
                  <c:v>9.99993991851807</c:v>
                </c:pt>
                <c:pt idx="113">
                  <c:v>10.0002098083496</c:v>
                </c:pt>
                <c:pt idx="114">
                  <c:v>10.000036239624</c:v>
                </c:pt>
                <c:pt idx="115">
                  <c:v>9.9998569488525408</c:v>
                </c:pt>
                <c:pt idx="116">
                  <c:v>9.9999561309814506</c:v>
                </c:pt>
                <c:pt idx="117">
                  <c:v>9.9996814727783203</c:v>
                </c:pt>
                <c:pt idx="118">
                  <c:v>9.9998846054077095</c:v>
                </c:pt>
                <c:pt idx="119">
                  <c:v>10.0004940032959</c:v>
                </c:pt>
                <c:pt idx="120">
                  <c:v>9.9999217987060494</c:v>
                </c:pt>
                <c:pt idx="121">
                  <c:v>10.000313758850099</c:v>
                </c:pt>
                <c:pt idx="122">
                  <c:v>10.0003757476807</c:v>
                </c:pt>
                <c:pt idx="123">
                  <c:v>9.9995050430297905</c:v>
                </c:pt>
                <c:pt idx="124">
                  <c:v>9.9999094009399396</c:v>
                </c:pt>
                <c:pt idx="125">
                  <c:v>10.000500679016101</c:v>
                </c:pt>
                <c:pt idx="126">
                  <c:v>10.000328063964799</c:v>
                </c:pt>
                <c:pt idx="127">
                  <c:v>9.9997653961181605</c:v>
                </c:pt>
                <c:pt idx="128">
                  <c:v>10.0007619857788</c:v>
                </c:pt>
                <c:pt idx="129">
                  <c:v>9.9990234375</c:v>
                </c:pt>
                <c:pt idx="130">
                  <c:v>99.074867248535199</c:v>
                </c:pt>
                <c:pt idx="131">
                  <c:v>98.072578430175795</c:v>
                </c:pt>
                <c:pt idx="132">
                  <c:v>97.073051452636705</c:v>
                </c:pt>
                <c:pt idx="133">
                  <c:v>96.0731201171875</c:v>
                </c:pt>
                <c:pt idx="134">
                  <c:v>95.076057434082003</c:v>
                </c:pt>
                <c:pt idx="135">
                  <c:v>94.076972961425795</c:v>
                </c:pt>
                <c:pt idx="136">
                  <c:v>93.074447631835895</c:v>
                </c:pt>
                <c:pt idx="137">
                  <c:v>92.0750732421875</c:v>
                </c:pt>
                <c:pt idx="138">
                  <c:v>91.074562072753906</c:v>
                </c:pt>
                <c:pt idx="139">
                  <c:v>90.078018188476605</c:v>
                </c:pt>
                <c:pt idx="140">
                  <c:v>89.078697204589801</c:v>
                </c:pt>
                <c:pt idx="141">
                  <c:v>88.075027465820298</c:v>
                </c:pt>
                <c:pt idx="142">
                  <c:v>87.074714660644503</c:v>
                </c:pt>
                <c:pt idx="143">
                  <c:v>86.078292846679702</c:v>
                </c:pt>
                <c:pt idx="144">
                  <c:v>85.078483581542997</c:v>
                </c:pt>
                <c:pt idx="145">
                  <c:v>84.079132080078097</c:v>
                </c:pt>
                <c:pt idx="146">
                  <c:v>83.076843261718807</c:v>
                </c:pt>
                <c:pt idx="147">
                  <c:v>82.079277038574205</c:v>
                </c:pt>
                <c:pt idx="148">
                  <c:v>81.076095581054702</c:v>
                </c:pt>
                <c:pt idx="149">
                  <c:v>80.077354431152301</c:v>
                </c:pt>
                <c:pt idx="150">
                  <c:v>79.077590942382798</c:v>
                </c:pt>
                <c:pt idx="151">
                  <c:v>78.077598571777301</c:v>
                </c:pt>
                <c:pt idx="152">
                  <c:v>77.078056335449205</c:v>
                </c:pt>
                <c:pt idx="153">
                  <c:v>76.077659606933594</c:v>
                </c:pt>
                <c:pt idx="154">
                  <c:v>75.078338623046903</c:v>
                </c:pt>
                <c:pt idx="155">
                  <c:v>74.079093933105497</c:v>
                </c:pt>
                <c:pt idx="156">
                  <c:v>73.07470703125</c:v>
                </c:pt>
                <c:pt idx="157">
                  <c:v>72.079795837402301</c:v>
                </c:pt>
                <c:pt idx="158">
                  <c:v>71.079750061035199</c:v>
                </c:pt>
                <c:pt idx="159">
                  <c:v>70.079742431640597</c:v>
                </c:pt>
                <c:pt idx="160">
                  <c:v>69.079978942871094</c:v>
                </c:pt>
                <c:pt idx="161">
                  <c:v>68.080215454101605</c:v>
                </c:pt>
                <c:pt idx="162">
                  <c:v>67.080322265625</c:v>
                </c:pt>
                <c:pt idx="163">
                  <c:v>66.080650329589801</c:v>
                </c:pt>
                <c:pt idx="164">
                  <c:v>65.080894470214801</c:v>
                </c:pt>
                <c:pt idx="165">
                  <c:v>64.081130981445298</c:v>
                </c:pt>
                <c:pt idx="166">
                  <c:v>63.081325531005902</c:v>
                </c:pt>
                <c:pt idx="167">
                  <c:v>62.081703186035199</c:v>
                </c:pt>
                <c:pt idx="168">
                  <c:v>61.082004547119098</c:v>
                </c:pt>
                <c:pt idx="169">
                  <c:v>60.082073211669901</c:v>
                </c:pt>
                <c:pt idx="170">
                  <c:v>59.082374572753899</c:v>
                </c:pt>
                <c:pt idx="171">
                  <c:v>58.082557678222699</c:v>
                </c:pt>
                <c:pt idx="172">
                  <c:v>57.082790374755902</c:v>
                </c:pt>
                <c:pt idx="173">
                  <c:v>56.083118438720703</c:v>
                </c:pt>
                <c:pt idx="174">
                  <c:v>55.083263397216797</c:v>
                </c:pt>
                <c:pt idx="175">
                  <c:v>54.0837211608887</c:v>
                </c:pt>
                <c:pt idx="176">
                  <c:v>53.083770751953097</c:v>
                </c:pt>
                <c:pt idx="177">
                  <c:v>52.084220886230497</c:v>
                </c:pt>
                <c:pt idx="178">
                  <c:v>51.084255218505902</c:v>
                </c:pt>
                <c:pt idx="179">
                  <c:v>50.0845756530762</c:v>
                </c:pt>
                <c:pt idx="180">
                  <c:v>49.0848197937012</c:v>
                </c:pt>
                <c:pt idx="181">
                  <c:v>48.084716796875</c:v>
                </c:pt>
                <c:pt idx="182">
                  <c:v>47.085056304931598</c:v>
                </c:pt>
                <c:pt idx="183">
                  <c:v>46.085147857666001</c:v>
                </c:pt>
                <c:pt idx="184">
                  <c:v>45.085891723632798</c:v>
                </c:pt>
                <c:pt idx="185">
                  <c:v>44.086032867431598</c:v>
                </c:pt>
                <c:pt idx="186">
                  <c:v>43.085762023925803</c:v>
                </c:pt>
                <c:pt idx="187">
                  <c:v>42.086582183837898</c:v>
                </c:pt>
                <c:pt idx="188">
                  <c:v>41.086864471435497</c:v>
                </c:pt>
                <c:pt idx="189">
                  <c:v>40.087043762207003</c:v>
                </c:pt>
                <c:pt idx="190">
                  <c:v>39.0871772766113</c:v>
                </c:pt>
                <c:pt idx="191">
                  <c:v>38.087356567382798</c:v>
                </c:pt>
                <c:pt idx="192">
                  <c:v>37.0879936218262</c:v>
                </c:pt>
                <c:pt idx="193">
                  <c:v>36.088138580322301</c:v>
                </c:pt>
                <c:pt idx="194">
                  <c:v>35.088283538818402</c:v>
                </c:pt>
                <c:pt idx="195">
                  <c:v>34.088504791259801</c:v>
                </c:pt>
                <c:pt idx="196">
                  <c:v>33.088722229003899</c:v>
                </c:pt>
                <c:pt idx="197">
                  <c:v>32.088737487792997</c:v>
                </c:pt>
                <c:pt idx="198">
                  <c:v>31.089210510253899</c:v>
                </c:pt>
                <c:pt idx="199">
                  <c:v>30.089490890502901</c:v>
                </c:pt>
                <c:pt idx="200">
                  <c:v>29.089912414550799</c:v>
                </c:pt>
                <c:pt idx="201">
                  <c:v>28.089931488037099</c:v>
                </c:pt>
                <c:pt idx="202">
                  <c:v>27.0901699066162</c:v>
                </c:pt>
                <c:pt idx="203">
                  <c:v>26.0903835296631</c:v>
                </c:pt>
                <c:pt idx="204">
                  <c:v>25.090610504150401</c:v>
                </c:pt>
                <c:pt idx="205">
                  <c:v>24.090980529785199</c:v>
                </c:pt>
                <c:pt idx="206">
                  <c:v>23.0911159515381</c:v>
                </c:pt>
                <c:pt idx="207">
                  <c:v>22.091373443603501</c:v>
                </c:pt>
                <c:pt idx="208">
                  <c:v>21.091596603393601</c:v>
                </c:pt>
                <c:pt idx="209">
                  <c:v>20.091789245605501</c:v>
                </c:pt>
                <c:pt idx="210">
                  <c:v>19.092149734497099</c:v>
                </c:pt>
                <c:pt idx="211">
                  <c:v>18.092290878295898</c:v>
                </c:pt>
                <c:pt idx="212">
                  <c:v>17.092571258544901</c:v>
                </c:pt>
                <c:pt idx="213">
                  <c:v>16.092891693115199</c:v>
                </c:pt>
                <c:pt idx="214">
                  <c:v>15.092775344848601</c:v>
                </c:pt>
                <c:pt idx="215">
                  <c:v>14.092614173889199</c:v>
                </c:pt>
                <c:pt idx="216">
                  <c:v>13.0926570892334</c:v>
                </c:pt>
                <c:pt idx="217">
                  <c:v>12.092460632324199</c:v>
                </c:pt>
                <c:pt idx="218">
                  <c:v>11.0924644470215</c:v>
                </c:pt>
                <c:pt idx="219">
                  <c:v>10.0923051834106</c:v>
                </c:pt>
                <c:pt idx="220">
                  <c:v>9.0921173095703107</c:v>
                </c:pt>
                <c:pt idx="221">
                  <c:v>8.0919857025146502</c:v>
                </c:pt>
                <c:pt idx="222">
                  <c:v>7.0920114517211896</c:v>
                </c:pt>
                <c:pt idx="223">
                  <c:v>6.09216213226318</c:v>
                </c:pt>
                <c:pt idx="224">
                  <c:v>5.0921382904052699</c:v>
                </c:pt>
                <c:pt idx="225">
                  <c:v>4.0923447608947798</c:v>
                </c:pt>
                <c:pt idx="226">
                  <c:v>3.09224605560303</c:v>
                </c:pt>
                <c:pt idx="227">
                  <c:v>2.0923087596893302</c:v>
                </c:pt>
                <c:pt idx="228">
                  <c:v>1.09219741821289</c:v>
                </c:pt>
                <c:pt idx="229">
                  <c:v>9.2362508177757305E-2</c:v>
                </c:pt>
              </c:numCache>
            </c:numRef>
          </c:xVal>
          <c:yVal>
            <c:numRef>
              <c:f>_27_01_bss_1_3_thixotropy_5_1_r!$G$2:$G$231</c:f>
              <c:numCache>
                <c:formatCode>General</c:formatCode>
                <c:ptCount val="230"/>
                <c:pt idx="0">
                  <c:v>2839.7314453125</c:v>
                </c:pt>
                <c:pt idx="1">
                  <c:v>878.87640380859398</c:v>
                </c:pt>
                <c:pt idx="2">
                  <c:v>419.13772583007801</c:v>
                </c:pt>
                <c:pt idx="3">
                  <c:v>261.78036499023398</c:v>
                </c:pt>
                <c:pt idx="4">
                  <c:v>197.61549377441401</c:v>
                </c:pt>
                <c:pt idx="5">
                  <c:v>158.68316650390599</c:v>
                </c:pt>
                <c:pt idx="6">
                  <c:v>135.75329589843801</c:v>
                </c:pt>
                <c:pt idx="7">
                  <c:v>103.216064453125</c:v>
                </c:pt>
                <c:pt idx="8">
                  <c:v>73.319435119628906</c:v>
                </c:pt>
                <c:pt idx="9">
                  <c:v>44.321254730224602</c:v>
                </c:pt>
                <c:pt idx="10">
                  <c:v>30.179651260376001</c:v>
                </c:pt>
                <c:pt idx="11">
                  <c:v>23.1384792327881</c:v>
                </c:pt>
                <c:pt idx="12">
                  <c:v>23.233579635620099</c:v>
                </c:pt>
                <c:pt idx="13">
                  <c:v>20.233650207519499</c:v>
                </c:pt>
                <c:pt idx="14">
                  <c:v>17.5238151550293</c:v>
                </c:pt>
                <c:pt idx="15">
                  <c:v>14.751311302185099</c:v>
                </c:pt>
                <c:pt idx="16">
                  <c:v>12.7318124771118</c:v>
                </c:pt>
                <c:pt idx="17">
                  <c:v>11.827838897705099</c:v>
                </c:pt>
                <c:pt idx="18">
                  <c:v>11.6061820983887</c:v>
                </c:pt>
                <c:pt idx="19">
                  <c:v>9.8144092559814506</c:v>
                </c:pt>
                <c:pt idx="20">
                  <c:v>8.6844778060913104</c:v>
                </c:pt>
                <c:pt idx="21">
                  <c:v>8.5532350540161097</c:v>
                </c:pt>
                <c:pt idx="22">
                  <c:v>7.7039294242858896</c:v>
                </c:pt>
                <c:pt idx="23">
                  <c:v>6.5716052055358896</c:v>
                </c:pt>
                <c:pt idx="24">
                  <c:v>5.80106544494629</c:v>
                </c:pt>
                <c:pt idx="25">
                  <c:v>5.1654839515686</c:v>
                </c:pt>
                <c:pt idx="26">
                  <c:v>5.1651186943054199</c:v>
                </c:pt>
                <c:pt idx="27">
                  <c:v>4.1289348602294904</c:v>
                </c:pt>
                <c:pt idx="28">
                  <c:v>3.69907522201538</c:v>
                </c:pt>
                <c:pt idx="29">
                  <c:v>3.4570009708404501</c:v>
                </c:pt>
                <c:pt idx="30">
                  <c:v>3.4586236476898198</c:v>
                </c:pt>
                <c:pt idx="31">
                  <c:v>2.6963555812835698</c:v>
                </c:pt>
                <c:pt idx="32">
                  <c:v>2.4646809101104701</c:v>
                </c:pt>
                <c:pt idx="33">
                  <c:v>2.5497603416442902</c:v>
                </c:pt>
                <c:pt idx="34">
                  <c:v>2.5183060169220002</c:v>
                </c:pt>
                <c:pt idx="35">
                  <c:v>2.2530457973480198</c:v>
                </c:pt>
                <c:pt idx="36">
                  <c:v>2.1429910659789999</c:v>
                </c:pt>
                <c:pt idx="37">
                  <c:v>3.5861670970916699</c:v>
                </c:pt>
                <c:pt idx="38">
                  <c:v>3.16744756698608</c:v>
                </c:pt>
                <c:pt idx="39">
                  <c:v>2.8462545871734601</c:v>
                </c:pt>
                <c:pt idx="40">
                  <c:v>2.54413938522339</c:v>
                </c:pt>
                <c:pt idx="41">
                  <c:v>2.1069169044494598</c:v>
                </c:pt>
                <c:pt idx="42">
                  <c:v>1.97443294525146</c:v>
                </c:pt>
                <c:pt idx="43">
                  <c:v>1.89084029197693</c:v>
                </c:pt>
                <c:pt idx="44">
                  <c:v>1.8800064325332599</c:v>
                </c:pt>
                <c:pt idx="45">
                  <c:v>2.0627717971801798</c:v>
                </c:pt>
                <c:pt idx="46">
                  <c:v>1.71481668949127</c:v>
                </c:pt>
                <c:pt idx="47">
                  <c:v>1.87880051136017</c:v>
                </c:pt>
                <c:pt idx="48">
                  <c:v>1.72561967372894</c:v>
                </c:pt>
                <c:pt idx="49">
                  <c:v>1.30348312854767</c:v>
                </c:pt>
                <c:pt idx="50">
                  <c:v>1.17257487773895</c:v>
                </c:pt>
                <c:pt idx="51">
                  <c:v>1.3164762258529701</c:v>
                </c:pt>
                <c:pt idx="52">
                  <c:v>1.22878170013428</c:v>
                </c:pt>
                <c:pt idx="53">
                  <c:v>1.2284362316131601</c:v>
                </c:pt>
                <c:pt idx="54">
                  <c:v>1.18695628643036</c:v>
                </c:pt>
                <c:pt idx="55">
                  <c:v>1.1429959535598799</c:v>
                </c:pt>
                <c:pt idx="56">
                  <c:v>1.1820424795150799</c:v>
                </c:pt>
                <c:pt idx="57">
                  <c:v>1.5137894153595</c:v>
                </c:pt>
                <c:pt idx="58">
                  <c:v>1.74238240718842</c:v>
                </c:pt>
                <c:pt idx="59">
                  <c:v>1.5108942985534699</c:v>
                </c:pt>
                <c:pt idx="60">
                  <c:v>1.6884015798568699</c:v>
                </c:pt>
                <c:pt idx="61">
                  <c:v>1.72449779510498</c:v>
                </c:pt>
                <c:pt idx="62">
                  <c:v>1.6367771625518801</c:v>
                </c:pt>
                <c:pt idx="63">
                  <c:v>1.6592880487442001</c:v>
                </c:pt>
                <c:pt idx="64">
                  <c:v>1.32820761203766</c:v>
                </c:pt>
                <c:pt idx="65">
                  <c:v>1.11326551437378</c:v>
                </c:pt>
                <c:pt idx="66">
                  <c:v>0.99905484914779696</c:v>
                </c:pt>
                <c:pt idx="67">
                  <c:v>0.95354074239730802</c:v>
                </c:pt>
                <c:pt idx="68">
                  <c:v>0.98470705747604403</c:v>
                </c:pt>
                <c:pt idx="69">
                  <c:v>0.83076667785644498</c:v>
                </c:pt>
                <c:pt idx="70">
                  <c:v>0.86359626054763805</c:v>
                </c:pt>
                <c:pt idx="71">
                  <c:v>1.0436152219772299</c:v>
                </c:pt>
                <c:pt idx="72">
                  <c:v>0.95416492223739602</c:v>
                </c:pt>
                <c:pt idx="73">
                  <c:v>0.850031137466431</c:v>
                </c:pt>
                <c:pt idx="74">
                  <c:v>0.94842696189880404</c:v>
                </c:pt>
                <c:pt idx="75">
                  <c:v>0.73828107118606601</c:v>
                </c:pt>
                <c:pt idx="76">
                  <c:v>0.72697460651397705</c:v>
                </c:pt>
                <c:pt idx="77">
                  <c:v>0.70903563499450695</c:v>
                </c:pt>
                <c:pt idx="78">
                  <c:v>0.64200586080551103</c:v>
                </c:pt>
                <c:pt idx="79">
                  <c:v>0.59168905019760099</c:v>
                </c:pt>
                <c:pt idx="80">
                  <c:v>0.635855972766876</c:v>
                </c:pt>
                <c:pt idx="81">
                  <c:v>0.61892926692962602</c:v>
                </c:pt>
                <c:pt idx="82">
                  <c:v>0.597464740276337</c:v>
                </c:pt>
                <c:pt idx="83">
                  <c:v>0.56545203924179099</c:v>
                </c:pt>
                <c:pt idx="84">
                  <c:v>0.55714797973632801</c:v>
                </c:pt>
                <c:pt idx="85">
                  <c:v>0.57768619060516402</c:v>
                </c:pt>
                <c:pt idx="86">
                  <c:v>0.54260671138763406</c:v>
                </c:pt>
                <c:pt idx="87">
                  <c:v>0.585923552513123</c:v>
                </c:pt>
                <c:pt idx="88">
                  <c:v>0.577794909477234</c:v>
                </c:pt>
                <c:pt idx="89">
                  <c:v>0.65663611888885498</c:v>
                </c:pt>
                <c:pt idx="90">
                  <c:v>0.87469595670700095</c:v>
                </c:pt>
                <c:pt idx="91">
                  <c:v>0.88898962736129805</c:v>
                </c:pt>
                <c:pt idx="92">
                  <c:v>0.86174488067626998</c:v>
                </c:pt>
                <c:pt idx="93">
                  <c:v>1.2797665596008301</c:v>
                </c:pt>
                <c:pt idx="94">
                  <c:v>0.85963225364685103</c:v>
                </c:pt>
                <c:pt idx="95">
                  <c:v>0.54866737127304099</c:v>
                </c:pt>
                <c:pt idx="96">
                  <c:v>0.50129264593124401</c:v>
                </c:pt>
                <c:pt idx="97">
                  <c:v>0.443353712558746</c:v>
                </c:pt>
                <c:pt idx="98">
                  <c:v>0.45294937491416898</c:v>
                </c:pt>
                <c:pt idx="99">
                  <c:v>0.45230138301849399</c:v>
                </c:pt>
                <c:pt idx="100">
                  <c:v>3.2527422904968302</c:v>
                </c:pt>
                <c:pt idx="101">
                  <c:v>3.4044995307922399</c:v>
                </c:pt>
                <c:pt idx="102">
                  <c:v>3.2966108322143599</c:v>
                </c:pt>
                <c:pt idx="103">
                  <c:v>3.3275003433227499</c:v>
                </c:pt>
                <c:pt idx="104">
                  <c:v>3.48861527442932</c:v>
                </c:pt>
                <c:pt idx="105">
                  <c:v>3.3196167945861799</c:v>
                </c:pt>
                <c:pt idx="106">
                  <c:v>3.3811168670654301</c:v>
                </c:pt>
                <c:pt idx="107">
                  <c:v>3.2487032413482702</c:v>
                </c:pt>
                <c:pt idx="108">
                  <c:v>3.3997421264648402</c:v>
                </c:pt>
                <c:pt idx="109">
                  <c:v>3.5224659442901598</c:v>
                </c:pt>
                <c:pt idx="110">
                  <c:v>3.3472471237182599</c:v>
                </c:pt>
                <c:pt idx="111">
                  <c:v>3.5500235557556201</c:v>
                </c:pt>
                <c:pt idx="112">
                  <c:v>3.8546800613403298</c:v>
                </c:pt>
                <c:pt idx="113">
                  <c:v>3.6193950176239</c:v>
                </c:pt>
                <c:pt idx="114">
                  <c:v>3.94959497451782</c:v>
                </c:pt>
                <c:pt idx="115">
                  <c:v>4.2996559143066397</c:v>
                </c:pt>
                <c:pt idx="116">
                  <c:v>3.9362716674804701</c:v>
                </c:pt>
                <c:pt idx="117">
                  <c:v>4.1928744316101101</c:v>
                </c:pt>
                <c:pt idx="118">
                  <c:v>4.6891832351684597</c:v>
                </c:pt>
                <c:pt idx="119">
                  <c:v>6.3247919082641602</c:v>
                </c:pt>
                <c:pt idx="120">
                  <c:v>8.5294065475463903</c:v>
                </c:pt>
                <c:pt idx="121">
                  <c:v>11.250099182128899</c:v>
                </c:pt>
                <c:pt idx="122">
                  <c:v>11.7325448989868</c:v>
                </c:pt>
                <c:pt idx="123">
                  <c:v>11.3558263778687</c:v>
                </c:pt>
                <c:pt idx="124">
                  <c:v>10.479495048522899</c:v>
                </c:pt>
                <c:pt idx="125">
                  <c:v>12.072579383850099</c:v>
                </c:pt>
                <c:pt idx="126">
                  <c:v>11.1553802490234</c:v>
                </c:pt>
                <c:pt idx="127">
                  <c:v>10.768836975097701</c:v>
                </c:pt>
                <c:pt idx="128">
                  <c:v>10.9538278579712</c:v>
                </c:pt>
                <c:pt idx="129">
                  <c:v>10.719689369201699</c:v>
                </c:pt>
                <c:pt idx="130">
                  <c:v>2.5922920703887899</c:v>
                </c:pt>
                <c:pt idx="131">
                  <c:v>2.9414405822753902</c:v>
                </c:pt>
                <c:pt idx="132">
                  <c:v>2.5417723655700701</c:v>
                </c:pt>
                <c:pt idx="133">
                  <c:v>2.00162625312805</c:v>
                </c:pt>
                <c:pt idx="134">
                  <c:v>2.56365942955017</c:v>
                </c:pt>
                <c:pt idx="135">
                  <c:v>2.46212601661682</c:v>
                </c:pt>
                <c:pt idx="136">
                  <c:v>3.1255257129669198</c:v>
                </c:pt>
                <c:pt idx="137">
                  <c:v>2.6351366043090798</c:v>
                </c:pt>
                <c:pt idx="138">
                  <c:v>2.0791203975677499</c:v>
                </c:pt>
                <c:pt idx="139">
                  <c:v>2.9727611541747998</c:v>
                </c:pt>
                <c:pt idx="140">
                  <c:v>3.14242386817932</c:v>
                </c:pt>
                <c:pt idx="141">
                  <c:v>3.5535144805908199</c:v>
                </c:pt>
                <c:pt idx="142">
                  <c:v>2.9788868427276598</c:v>
                </c:pt>
                <c:pt idx="143">
                  <c:v>2.5679869651794398</c:v>
                </c:pt>
                <c:pt idx="144">
                  <c:v>2.3370342254638699</c:v>
                </c:pt>
                <c:pt idx="145">
                  <c:v>2.1223313808441202</c:v>
                </c:pt>
                <c:pt idx="146">
                  <c:v>3.2106473445892298</c:v>
                </c:pt>
                <c:pt idx="147">
                  <c:v>2.3641991615295401</c:v>
                </c:pt>
                <c:pt idx="148">
                  <c:v>2.0545358657836901</c:v>
                </c:pt>
                <c:pt idx="149">
                  <c:v>1.8198219537735001</c:v>
                </c:pt>
                <c:pt idx="150">
                  <c:v>1.40466260910034</c:v>
                </c:pt>
                <c:pt idx="151">
                  <c:v>1.02881360054016</c:v>
                </c:pt>
                <c:pt idx="152">
                  <c:v>0.97508865594863903</c:v>
                </c:pt>
                <c:pt idx="153">
                  <c:v>1.0289266109466599</c:v>
                </c:pt>
                <c:pt idx="154">
                  <c:v>1.4041450023651101</c:v>
                </c:pt>
                <c:pt idx="155">
                  <c:v>1.28303027153015</c:v>
                </c:pt>
                <c:pt idx="156">
                  <c:v>8.0686521530151403</c:v>
                </c:pt>
                <c:pt idx="157">
                  <c:v>2.4989261627197301</c:v>
                </c:pt>
                <c:pt idx="158">
                  <c:v>1.33510446548462</c:v>
                </c:pt>
                <c:pt idx="159">
                  <c:v>0.61480712890625</c:v>
                </c:pt>
                <c:pt idx="160">
                  <c:v>0.50239437818527199</c:v>
                </c:pt>
                <c:pt idx="161">
                  <c:v>0.51664113998413097</c:v>
                </c:pt>
                <c:pt idx="162">
                  <c:v>0.50067126750946001</c:v>
                </c:pt>
                <c:pt idx="163">
                  <c:v>0.63520306348800704</c:v>
                </c:pt>
                <c:pt idx="164">
                  <c:v>0.68099856376647905</c:v>
                </c:pt>
                <c:pt idx="165">
                  <c:v>0.42128080129623402</c:v>
                </c:pt>
                <c:pt idx="166">
                  <c:v>0.50368070602417003</c:v>
                </c:pt>
                <c:pt idx="167">
                  <c:v>0.59794139862060502</c:v>
                </c:pt>
                <c:pt idx="168">
                  <c:v>0.63865035772323597</c:v>
                </c:pt>
                <c:pt idx="169">
                  <c:v>0.37656497955322299</c:v>
                </c:pt>
                <c:pt idx="170">
                  <c:v>0.36155754327773998</c:v>
                </c:pt>
                <c:pt idx="171">
                  <c:v>0.351254463195801</c:v>
                </c:pt>
                <c:pt idx="172">
                  <c:v>0.367208212614059</c:v>
                </c:pt>
                <c:pt idx="173">
                  <c:v>0.70356297492981001</c:v>
                </c:pt>
                <c:pt idx="174">
                  <c:v>0.67066246271133401</c:v>
                </c:pt>
                <c:pt idx="175">
                  <c:v>0.84010601043701205</c:v>
                </c:pt>
                <c:pt idx="176">
                  <c:v>0.65962117910385099</c:v>
                </c:pt>
                <c:pt idx="177">
                  <c:v>0.77138823270797696</c:v>
                </c:pt>
                <c:pt idx="178">
                  <c:v>0.58333301544189498</c:v>
                </c:pt>
                <c:pt idx="179">
                  <c:v>0.67128914594650302</c:v>
                </c:pt>
                <c:pt idx="180">
                  <c:v>0.45792016386985801</c:v>
                </c:pt>
                <c:pt idx="181">
                  <c:v>0.948023021221161</c:v>
                </c:pt>
                <c:pt idx="182">
                  <c:v>0.90554082393646196</c:v>
                </c:pt>
                <c:pt idx="183">
                  <c:v>0.81780368089675903</c:v>
                </c:pt>
                <c:pt idx="184">
                  <c:v>0.771370708942413</c:v>
                </c:pt>
                <c:pt idx="185">
                  <c:v>0.490606248378754</c:v>
                </c:pt>
                <c:pt idx="186">
                  <c:v>0.97137129306793202</c:v>
                </c:pt>
                <c:pt idx="187">
                  <c:v>3.0293426513671902</c:v>
                </c:pt>
                <c:pt idx="188">
                  <c:v>1.48379254341125</c:v>
                </c:pt>
                <c:pt idx="189">
                  <c:v>1.3377654552459699</c:v>
                </c:pt>
                <c:pt idx="190">
                  <c:v>1.4624482393264799</c:v>
                </c:pt>
                <c:pt idx="191">
                  <c:v>1.5303521156311</c:v>
                </c:pt>
                <c:pt idx="192">
                  <c:v>2.07833003997803</c:v>
                </c:pt>
                <c:pt idx="193">
                  <c:v>1.61898565292358</c:v>
                </c:pt>
                <c:pt idx="194">
                  <c:v>1.9741553068161</c:v>
                </c:pt>
                <c:pt idx="195">
                  <c:v>2.1017653942108199</c:v>
                </c:pt>
                <c:pt idx="196">
                  <c:v>2.9554719924926798</c:v>
                </c:pt>
                <c:pt idx="197">
                  <c:v>1.9906374216079701</c:v>
                </c:pt>
                <c:pt idx="198">
                  <c:v>1.82771956920624</c:v>
                </c:pt>
                <c:pt idx="199">
                  <c:v>1.75061678886414</c:v>
                </c:pt>
                <c:pt idx="200">
                  <c:v>1.64958703517914</c:v>
                </c:pt>
                <c:pt idx="201">
                  <c:v>1.88218438625336</c:v>
                </c:pt>
                <c:pt idx="202">
                  <c:v>1.4775962829589799</c:v>
                </c:pt>
                <c:pt idx="203">
                  <c:v>1.5822125673294101</c:v>
                </c:pt>
                <c:pt idx="204">
                  <c:v>1.8260110616684</c:v>
                </c:pt>
                <c:pt idx="205">
                  <c:v>1.88806080818176</c:v>
                </c:pt>
                <c:pt idx="206">
                  <c:v>1.9710910320282</c:v>
                </c:pt>
                <c:pt idx="207">
                  <c:v>1.7120676040649401</c:v>
                </c:pt>
                <c:pt idx="208">
                  <c:v>1.8502899408340501</c:v>
                </c:pt>
                <c:pt idx="209">
                  <c:v>2.0364959239959699</c:v>
                </c:pt>
                <c:pt idx="210">
                  <c:v>2.3304021358489999</c:v>
                </c:pt>
                <c:pt idx="211">
                  <c:v>2.75908756256104</c:v>
                </c:pt>
                <c:pt idx="212">
                  <c:v>2.4845397472381601</c:v>
                </c:pt>
                <c:pt idx="213">
                  <c:v>1.8853800296783401</c:v>
                </c:pt>
                <c:pt idx="214">
                  <c:v>1.73699843883514</c:v>
                </c:pt>
                <c:pt idx="215">
                  <c:v>1.8359858989715601</c:v>
                </c:pt>
                <c:pt idx="216">
                  <c:v>1.65550065040588</c:v>
                </c:pt>
                <c:pt idx="217">
                  <c:v>1.7668774127960201</c:v>
                </c:pt>
                <c:pt idx="218">
                  <c:v>2.1265709400177002</c:v>
                </c:pt>
                <c:pt idx="219">
                  <c:v>2.3044817447662398</c:v>
                </c:pt>
                <c:pt idx="220">
                  <c:v>2.3783695697784402</c:v>
                </c:pt>
                <c:pt idx="221">
                  <c:v>2.3431763648986799</c:v>
                </c:pt>
                <c:pt idx="222">
                  <c:v>2.5646889209747301</c:v>
                </c:pt>
                <c:pt idx="223">
                  <c:v>2.7789382934570299</c:v>
                </c:pt>
                <c:pt idx="224">
                  <c:v>3.8264746665954599</c:v>
                </c:pt>
                <c:pt idx="225">
                  <c:v>4.3429012298584002</c:v>
                </c:pt>
                <c:pt idx="226">
                  <c:v>4.8829069137573198</c:v>
                </c:pt>
                <c:pt idx="227">
                  <c:v>9.4378252029418892</c:v>
                </c:pt>
                <c:pt idx="228">
                  <c:v>14.6822147369385</c:v>
                </c:pt>
                <c:pt idx="229">
                  <c:v>120.7929611206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80EE-47BC-A5E8-B73B6403A5A8}"/>
            </c:ext>
          </c:extLst>
        </c:ser>
        <c:ser>
          <c:idx val="6"/>
          <c:order val="6"/>
          <c:tx>
            <c:v>5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>
                  <a:lumMod val="60000"/>
                </a:schemeClr>
              </a:solidFill>
              <a:ln w="9525">
                <a:solidFill>
                  <a:schemeClr val="accent1">
                    <a:lumMod val="60000"/>
                  </a:schemeClr>
                </a:solidFill>
              </a:ln>
              <a:effectLst/>
            </c:spPr>
          </c:marker>
          <c:xVal>
            <c:numRef>
              <c:f>Type_4_6__5___._1_thixotropy_rw!$F$2:$F$231</c:f>
              <c:numCache>
                <c:formatCode>General</c:formatCode>
                <c:ptCount val="230"/>
                <c:pt idx="0">
                  <c:v>0.92629134654998802</c:v>
                </c:pt>
                <c:pt idx="1">
                  <c:v>1.9262136220932</c:v>
                </c:pt>
                <c:pt idx="2">
                  <c:v>2.9263513088226301</c:v>
                </c:pt>
                <c:pt idx="3">
                  <c:v>3.9263162612914999</c:v>
                </c:pt>
                <c:pt idx="4">
                  <c:v>4.9263024330139196</c:v>
                </c:pt>
                <c:pt idx="5">
                  <c:v>5.9261674880981401</c:v>
                </c:pt>
                <c:pt idx="6">
                  <c:v>6.9288129806518599</c:v>
                </c:pt>
                <c:pt idx="7">
                  <c:v>7.9287843704223597</c:v>
                </c:pt>
                <c:pt idx="8">
                  <c:v>8.9289026260375994</c:v>
                </c:pt>
                <c:pt idx="9">
                  <c:v>9.9289960861206108</c:v>
                </c:pt>
                <c:pt idx="10">
                  <c:v>10.926317214965801</c:v>
                </c:pt>
                <c:pt idx="11">
                  <c:v>11.926307678222701</c:v>
                </c:pt>
                <c:pt idx="12">
                  <c:v>12.9264888763428</c:v>
                </c:pt>
                <c:pt idx="13">
                  <c:v>13.926652908325201</c:v>
                </c:pt>
                <c:pt idx="14">
                  <c:v>14.926682472229</c:v>
                </c:pt>
                <c:pt idx="15">
                  <c:v>15.926659584045399</c:v>
                </c:pt>
                <c:pt idx="16">
                  <c:v>16.926557540893601</c:v>
                </c:pt>
                <c:pt idx="17">
                  <c:v>17.92626953125</c:v>
                </c:pt>
                <c:pt idx="18">
                  <c:v>18.9263095855713</c:v>
                </c:pt>
                <c:pt idx="19">
                  <c:v>19.9258117675781</c:v>
                </c:pt>
                <c:pt idx="20">
                  <c:v>20.925514221191399</c:v>
                </c:pt>
                <c:pt idx="21">
                  <c:v>21.9253826141357</c:v>
                </c:pt>
                <c:pt idx="22">
                  <c:v>22.925296783447301</c:v>
                </c:pt>
                <c:pt idx="23">
                  <c:v>23.924812316894499</c:v>
                </c:pt>
                <c:pt idx="24">
                  <c:v>24.924860000610401</c:v>
                </c:pt>
                <c:pt idx="25">
                  <c:v>25.924299240112301</c:v>
                </c:pt>
                <c:pt idx="26">
                  <c:v>26.924360275268601</c:v>
                </c:pt>
                <c:pt idx="27">
                  <c:v>27.924074172973601</c:v>
                </c:pt>
                <c:pt idx="28">
                  <c:v>28.923866271972699</c:v>
                </c:pt>
                <c:pt idx="29">
                  <c:v>29.923406600952099</c:v>
                </c:pt>
                <c:pt idx="30">
                  <c:v>30.92333984375</c:v>
                </c:pt>
                <c:pt idx="31">
                  <c:v>31.922878265380898</c:v>
                </c:pt>
                <c:pt idx="32">
                  <c:v>32.9254150390625</c:v>
                </c:pt>
                <c:pt idx="33">
                  <c:v>33.925327301025398</c:v>
                </c:pt>
                <c:pt idx="34">
                  <c:v>34.924873352050803</c:v>
                </c:pt>
                <c:pt idx="35">
                  <c:v>35.924903869628899</c:v>
                </c:pt>
                <c:pt idx="36">
                  <c:v>36.924449920654297</c:v>
                </c:pt>
                <c:pt idx="37">
                  <c:v>37.9239311218262</c:v>
                </c:pt>
                <c:pt idx="38">
                  <c:v>38.923957824707003</c:v>
                </c:pt>
                <c:pt idx="39">
                  <c:v>39.9239311218262</c:v>
                </c:pt>
                <c:pt idx="40">
                  <c:v>40.923614501953097</c:v>
                </c:pt>
                <c:pt idx="41">
                  <c:v>41.923286437988303</c:v>
                </c:pt>
                <c:pt idx="42">
                  <c:v>42.923126220703097</c:v>
                </c:pt>
                <c:pt idx="43">
                  <c:v>43.922607421875</c:v>
                </c:pt>
                <c:pt idx="44">
                  <c:v>44.922683715820298</c:v>
                </c:pt>
                <c:pt idx="45">
                  <c:v>45.922389984130902</c:v>
                </c:pt>
                <c:pt idx="46">
                  <c:v>46.921710968017599</c:v>
                </c:pt>
                <c:pt idx="47">
                  <c:v>47.921333312988303</c:v>
                </c:pt>
                <c:pt idx="48">
                  <c:v>48.921558380127003</c:v>
                </c:pt>
                <c:pt idx="49">
                  <c:v>49.921222686767599</c:v>
                </c:pt>
                <c:pt idx="50">
                  <c:v>50.921222686767599</c:v>
                </c:pt>
                <c:pt idx="51">
                  <c:v>51.920925140380902</c:v>
                </c:pt>
                <c:pt idx="52">
                  <c:v>52.919872283935497</c:v>
                </c:pt>
                <c:pt idx="53">
                  <c:v>53.920047760009801</c:v>
                </c:pt>
                <c:pt idx="54">
                  <c:v>54.9195365905762</c:v>
                </c:pt>
                <c:pt idx="55">
                  <c:v>55.919712066650398</c:v>
                </c:pt>
                <c:pt idx="56">
                  <c:v>56.918998718261697</c:v>
                </c:pt>
                <c:pt idx="57">
                  <c:v>57.9191284179688</c:v>
                </c:pt>
                <c:pt idx="58">
                  <c:v>58.919239044189503</c:v>
                </c:pt>
                <c:pt idx="59">
                  <c:v>59.918506622314503</c:v>
                </c:pt>
                <c:pt idx="60">
                  <c:v>60.919197082519503</c:v>
                </c:pt>
                <c:pt idx="61">
                  <c:v>61.917617797851598</c:v>
                </c:pt>
                <c:pt idx="62">
                  <c:v>62.918319702148402</c:v>
                </c:pt>
                <c:pt idx="63">
                  <c:v>63.918041229247997</c:v>
                </c:pt>
                <c:pt idx="64">
                  <c:v>64.917640686035199</c:v>
                </c:pt>
                <c:pt idx="65">
                  <c:v>65.917991638183594</c:v>
                </c:pt>
                <c:pt idx="66">
                  <c:v>66.915924072265597</c:v>
                </c:pt>
                <c:pt idx="67">
                  <c:v>67.916511535644503</c:v>
                </c:pt>
                <c:pt idx="68">
                  <c:v>68.916534423828097</c:v>
                </c:pt>
                <c:pt idx="69">
                  <c:v>69.916053771972699</c:v>
                </c:pt>
                <c:pt idx="70">
                  <c:v>70.916122436523395</c:v>
                </c:pt>
                <c:pt idx="71">
                  <c:v>71.916168212890597</c:v>
                </c:pt>
                <c:pt idx="72">
                  <c:v>72.915290832519503</c:v>
                </c:pt>
                <c:pt idx="73">
                  <c:v>73.915267944335895</c:v>
                </c:pt>
                <c:pt idx="74">
                  <c:v>74.914649963378906</c:v>
                </c:pt>
                <c:pt idx="75">
                  <c:v>75.914886474609403</c:v>
                </c:pt>
                <c:pt idx="76">
                  <c:v>76.915229797363295</c:v>
                </c:pt>
                <c:pt idx="77">
                  <c:v>77.913658142089801</c:v>
                </c:pt>
                <c:pt idx="78">
                  <c:v>78.913673400878906</c:v>
                </c:pt>
                <c:pt idx="79">
                  <c:v>79.914039611816406</c:v>
                </c:pt>
                <c:pt idx="80">
                  <c:v>80.914070129394503</c:v>
                </c:pt>
                <c:pt idx="81">
                  <c:v>81.913734436035199</c:v>
                </c:pt>
                <c:pt idx="82">
                  <c:v>82.913192749023395</c:v>
                </c:pt>
                <c:pt idx="83">
                  <c:v>83.912132263183594</c:v>
                </c:pt>
                <c:pt idx="84">
                  <c:v>84.913581848144503</c:v>
                </c:pt>
                <c:pt idx="85">
                  <c:v>85.913764953613295</c:v>
                </c:pt>
                <c:pt idx="86">
                  <c:v>86.912422180175795</c:v>
                </c:pt>
                <c:pt idx="87">
                  <c:v>87.911506652832003</c:v>
                </c:pt>
                <c:pt idx="88">
                  <c:v>88.912223815917997</c:v>
                </c:pt>
                <c:pt idx="89">
                  <c:v>89.911453247070298</c:v>
                </c:pt>
                <c:pt idx="90">
                  <c:v>90.91162109375</c:v>
                </c:pt>
                <c:pt idx="91">
                  <c:v>91.909706115722699</c:v>
                </c:pt>
                <c:pt idx="92">
                  <c:v>92.910331726074205</c:v>
                </c:pt>
                <c:pt idx="93">
                  <c:v>93.910476684570298</c:v>
                </c:pt>
                <c:pt idx="94">
                  <c:v>94.9105224609375</c:v>
                </c:pt>
                <c:pt idx="95">
                  <c:v>95.910362243652301</c:v>
                </c:pt>
                <c:pt idx="96">
                  <c:v>96.910705566406307</c:v>
                </c:pt>
                <c:pt idx="97">
                  <c:v>97.908119201660199</c:v>
                </c:pt>
                <c:pt idx="98">
                  <c:v>98.909606933593807</c:v>
                </c:pt>
                <c:pt idx="99">
                  <c:v>99.908966064453097</c:v>
                </c:pt>
                <c:pt idx="100">
                  <c:v>100.000541687012</c:v>
                </c:pt>
                <c:pt idx="101">
                  <c:v>99.999496459960895</c:v>
                </c:pt>
                <c:pt idx="102">
                  <c:v>100.00067138671901</c:v>
                </c:pt>
                <c:pt idx="103">
                  <c:v>100.00050354003901</c:v>
                </c:pt>
                <c:pt idx="104">
                  <c:v>99.998336791992202</c:v>
                </c:pt>
                <c:pt idx="105">
                  <c:v>100.001792907715</c:v>
                </c:pt>
                <c:pt idx="106">
                  <c:v>99.999565124511705</c:v>
                </c:pt>
                <c:pt idx="107">
                  <c:v>99.999603271484403</c:v>
                </c:pt>
                <c:pt idx="108">
                  <c:v>100.00067138671901</c:v>
                </c:pt>
                <c:pt idx="109">
                  <c:v>100.00114440918</c:v>
                </c:pt>
                <c:pt idx="110">
                  <c:v>100.00017547607401</c:v>
                </c:pt>
                <c:pt idx="111">
                  <c:v>100.001815795898</c:v>
                </c:pt>
                <c:pt idx="112">
                  <c:v>100.000038146973</c:v>
                </c:pt>
                <c:pt idx="113">
                  <c:v>100.000106811523</c:v>
                </c:pt>
                <c:pt idx="114">
                  <c:v>100.00066375732401</c:v>
                </c:pt>
                <c:pt idx="115">
                  <c:v>100.000450134277</c:v>
                </c:pt>
                <c:pt idx="116">
                  <c:v>100.000274658203</c:v>
                </c:pt>
                <c:pt idx="117">
                  <c:v>100.00065612793</c:v>
                </c:pt>
                <c:pt idx="118">
                  <c:v>99.999900817871094</c:v>
                </c:pt>
                <c:pt idx="119">
                  <c:v>100.00006866455099</c:v>
                </c:pt>
                <c:pt idx="120">
                  <c:v>99.999275207519503</c:v>
                </c:pt>
                <c:pt idx="121">
                  <c:v>99.999641418457003</c:v>
                </c:pt>
                <c:pt idx="122">
                  <c:v>99.999908447265597</c:v>
                </c:pt>
                <c:pt idx="123">
                  <c:v>99.999412536621094</c:v>
                </c:pt>
                <c:pt idx="124">
                  <c:v>100.001754760742</c:v>
                </c:pt>
                <c:pt idx="125">
                  <c:v>100.00178527832</c:v>
                </c:pt>
                <c:pt idx="126">
                  <c:v>99.999038696289105</c:v>
                </c:pt>
                <c:pt idx="127">
                  <c:v>100.000381469727</c:v>
                </c:pt>
                <c:pt idx="128">
                  <c:v>100.00090789794901</c:v>
                </c:pt>
                <c:pt idx="129">
                  <c:v>99.999008178710895</c:v>
                </c:pt>
                <c:pt idx="130">
                  <c:v>99.075477600097699</c:v>
                </c:pt>
                <c:pt idx="131">
                  <c:v>98.075401306152301</c:v>
                </c:pt>
                <c:pt idx="132">
                  <c:v>97.073066711425795</c:v>
                </c:pt>
                <c:pt idx="133">
                  <c:v>96.072769165039105</c:v>
                </c:pt>
                <c:pt idx="134">
                  <c:v>95.076950073242202</c:v>
                </c:pt>
                <c:pt idx="135">
                  <c:v>94.076477050781307</c:v>
                </c:pt>
                <c:pt idx="136">
                  <c:v>93.076126098632798</c:v>
                </c:pt>
                <c:pt idx="137">
                  <c:v>92.074089050292997</c:v>
                </c:pt>
                <c:pt idx="138">
                  <c:v>91.074546813964801</c:v>
                </c:pt>
                <c:pt idx="139">
                  <c:v>90.078392028808594</c:v>
                </c:pt>
                <c:pt idx="140">
                  <c:v>89.077224731445298</c:v>
                </c:pt>
                <c:pt idx="141">
                  <c:v>88.0780029296875</c:v>
                </c:pt>
                <c:pt idx="142">
                  <c:v>87.074989318847699</c:v>
                </c:pt>
                <c:pt idx="143">
                  <c:v>86.078193664550795</c:v>
                </c:pt>
                <c:pt idx="144">
                  <c:v>85.078414916992202</c:v>
                </c:pt>
                <c:pt idx="145">
                  <c:v>84.078598022460895</c:v>
                </c:pt>
                <c:pt idx="146">
                  <c:v>83.079254150390597</c:v>
                </c:pt>
                <c:pt idx="147">
                  <c:v>82.080184936523395</c:v>
                </c:pt>
                <c:pt idx="148">
                  <c:v>81.079017639160199</c:v>
                </c:pt>
                <c:pt idx="149">
                  <c:v>80.080215454101605</c:v>
                </c:pt>
                <c:pt idx="150">
                  <c:v>79.079772949218807</c:v>
                </c:pt>
                <c:pt idx="151">
                  <c:v>78.080596923828097</c:v>
                </c:pt>
                <c:pt idx="152">
                  <c:v>77.080772399902301</c:v>
                </c:pt>
                <c:pt idx="153">
                  <c:v>76.080772399902301</c:v>
                </c:pt>
                <c:pt idx="154">
                  <c:v>75.082420349121094</c:v>
                </c:pt>
                <c:pt idx="155">
                  <c:v>74.080879211425795</c:v>
                </c:pt>
                <c:pt idx="156">
                  <c:v>73.081443786621094</c:v>
                </c:pt>
                <c:pt idx="157">
                  <c:v>72.081581115722699</c:v>
                </c:pt>
                <c:pt idx="158">
                  <c:v>71.0821533203125</c:v>
                </c:pt>
                <c:pt idx="159">
                  <c:v>70.080986022949205</c:v>
                </c:pt>
                <c:pt idx="160">
                  <c:v>69.082145690917997</c:v>
                </c:pt>
                <c:pt idx="161">
                  <c:v>68.082382202148395</c:v>
                </c:pt>
                <c:pt idx="162">
                  <c:v>67.082107543945298</c:v>
                </c:pt>
                <c:pt idx="163">
                  <c:v>66.083541870117202</c:v>
                </c:pt>
                <c:pt idx="164">
                  <c:v>65.080764770507798</c:v>
                </c:pt>
                <c:pt idx="165">
                  <c:v>64.080474853515597</c:v>
                </c:pt>
                <c:pt idx="166">
                  <c:v>63.081413269042997</c:v>
                </c:pt>
                <c:pt idx="167">
                  <c:v>62.082130432128899</c:v>
                </c:pt>
                <c:pt idx="168">
                  <c:v>61.082611083984403</c:v>
                </c:pt>
                <c:pt idx="169">
                  <c:v>60.082103729247997</c:v>
                </c:pt>
                <c:pt idx="170">
                  <c:v>59.082046508789098</c:v>
                </c:pt>
                <c:pt idx="171">
                  <c:v>58.082832336425803</c:v>
                </c:pt>
                <c:pt idx="172">
                  <c:v>57.082614898681598</c:v>
                </c:pt>
                <c:pt idx="173">
                  <c:v>56.082748413085902</c:v>
                </c:pt>
                <c:pt idx="174">
                  <c:v>55.083328247070298</c:v>
                </c:pt>
                <c:pt idx="175">
                  <c:v>54.083995819091797</c:v>
                </c:pt>
                <c:pt idx="176">
                  <c:v>53.083511352539098</c:v>
                </c:pt>
                <c:pt idx="177">
                  <c:v>52.084312438964801</c:v>
                </c:pt>
                <c:pt idx="178">
                  <c:v>51.084445953369098</c:v>
                </c:pt>
                <c:pt idx="179">
                  <c:v>50.084568023681598</c:v>
                </c:pt>
                <c:pt idx="180">
                  <c:v>49.085437774658203</c:v>
                </c:pt>
                <c:pt idx="181">
                  <c:v>48.084903717041001</c:v>
                </c:pt>
                <c:pt idx="182">
                  <c:v>47.085109710693402</c:v>
                </c:pt>
                <c:pt idx="183">
                  <c:v>46.085670471191399</c:v>
                </c:pt>
                <c:pt idx="184">
                  <c:v>45.085433959960902</c:v>
                </c:pt>
                <c:pt idx="185">
                  <c:v>44.086441040039098</c:v>
                </c:pt>
                <c:pt idx="186">
                  <c:v>43.086357116699197</c:v>
                </c:pt>
                <c:pt idx="187">
                  <c:v>42.086524963378899</c:v>
                </c:pt>
                <c:pt idx="188">
                  <c:v>41.087013244628899</c:v>
                </c:pt>
                <c:pt idx="189">
                  <c:v>40.087150573730497</c:v>
                </c:pt>
                <c:pt idx="190">
                  <c:v>39.087059020996101</c:v>
                </c:pt>
                <c:pt idx="191">
                  <c:v>38.087043762207003</c:v>
                </c:pt>
                <c:pt idx="192">
                  <c:v>37.087398529052699</c:v>
                </c:pt>
                <c:pt idx="193">
                  <c:v>36.087917327880902</c:v>
                </c:pt>
                <c:pt idx="194">
                  <c:v>35.088909149169901</c:v>
                </c:pt>
                <c:pt idx="195">
                  <c:v>34.088150024414098</c:v>
                </c:pt>
                <c:pt idx="196">
                  <c:v>33.088264465332003</c:v>
                </c:pt>
                <c:pt idx="197">
                  <c:v>32.088760375976598</c:v>
                </c:pt>
                <c:pt idx="198">
                  <c:v>31.089097976684599</c:v>
                </c:pt>
                <c:pt idx="199">
                  <c:v>30.089378356933601</c:v>
                </c:pt>
                <c:pt idx="200">
                  <c:v>29.089584350585898</c:v>
                </c:pt>
                <c:pt idx="201">
                  <c:v>28.0898551940918</c:v>
                </c:pt>
                <c:pt idx="202">
                  <c:v>27.090019226074201</c:v>
                </c:pt>
                <c:pt idx="203">
                  <c:v>26.090192794799801</c:v>
                </c:pt>
                <c:pt idx="204">
                  <c:v>25.090635299682599</c:v>
                </c:pt>
                <c:pt idx="205">
                  <c:v>24.090934753418001</c:v>
                </c:pt>
                <c:pt idx="206">
                  <c:v>23.091041564941399</c:v>
                </c:pt>
                <c:pt idx="207">
                  <c:v>22.0912780761719</c:v>
                </c:pt>
                <c:pt idx="208">
                  <c:v>21.091773986816399</c:v>
                </c:pt>
                <c:pt idx="209">
                  <c:v>20.0918292999268</c:v>
                </c:pt>
                <c:pt idx="210">
                  <c:v>19.09202003479</c:v>
                </c:pt>
                <c:pt idx="211">
                  <c:v>18.0923957824707</c:v>
                </c:pt>
                <c:pt idx="212">
                  <c:v>17.092563629150401</c:v>
                </c:pt>
                <c:pt idx="213">
                  <c:v>16.092937469482401</c:v>
                </c:pt>
                <c:pt idx="214">
                  <c:v>15.0927076339722</c:v>
                </c:pt>
                <c:pt idx="215">
                  <c:v>14.0926160812378</c:v>
                </c:pt>
                <c:pt idx="216">
                  <c:v>13.092587471008301</c:v>
                </c:pt>
                <c:pt idx="217">
                  <c:v>12.092405319213899</c:v>
                </c:pt>
                <c:pt idx="218">
                  <c:v>11.092358589172401</c:v>
                </c:pt>
                <c:pt idx="219">
                  <c:v>10.0922136306763</c:v>
                </c:pt>
                <c:pt idx="220">
                  <c:v>9.0921154022216797</c:v>
                </c:pt>
                <c:pt idx="221">
                  <c:v>8.0920581817627006</c:v>
                </c:pt>
                <c:pt idx="222">
                  <c:v>7.0920848846435502</c:v>
                </c:pt>
                <c:pt idx="223">
                  <c:v>6.0921506881713903</c:v>
                </c:pt>
                <c:pt idx="224">
                  <c:v>5.0922384262084996</c:v>
                </c:pt>
                <c:pt idx="225">
                  <c:v>4.0923190116882298</c:v>
                </c:pt>
                <c:pt idx="226">
                  <c:v>3.0922644138336199</c:v>
                </c:pt>
                <c:pt idx="227">
                  <c:v>2.0922944545745898</c:v>
                </c:pt>
                <c:pt idx="228">
                  <c:v>1.0922557115554801</c:v>
                </c:pt>
                <c:pt idx="229">
                  <c:v>9.2282697558403001E-2</c:v>
                </c:pt>
              </c:numCache>
            </c:numRef>
          </c:xVal>
          <c:yVal>
            <c:numRef>
              <c:f>Type_4_6__5___._1_thixotropy_rw!$G$2:$G$231</c:f>
              <c:numCache>
                <c:formatCode>General</c:formatCode>
                <c:ptCount val="230"/>
                <c:pt idx="0">
                  <c:v>4.4347805976867702</c:v>
                </c:pt>
                <c:pt idx="1">
                  <c:v>1.0265645980835001</c:v>
                </c:pt>
                <c:pt idx="2">
                  <c:v>0.393364697694778</c:v>
                </c:pt>
                <c:pt idx="3">
                  <c:v>0.209994271397591</c:v>
                </c:pt>
                <c:pt idx="4">
                  <c:v>0.24155528843402899</c:v>
                </c:pt>
                <c:pt idx="5">
                  <c:v>0.19684216380119299</c:v>
                </c:pt>
                <c:pt idx="6">
                  <c:v>0.17772550880908999</c:v>
                </c:pt>
                <c:pt idx="7">
                  <c:v>0.17036606371402699</c:v>
                </c:pt>
                <c:pt idx="8">
                  <c:v>0.173059552907944</c:v>
                </c:pt>
                <c:pt idx="9">
                  <c:v>0.179435715079308</c:v>
                </c:pt>
                <c:pt idx="10">
                  <c:v>0.20726962387561801</c:v>
                </c:pt>
                <c:pt idx="11">
                  <c:v>0.21330919861793499</c:v>
                </c:pt>
                <c:pt idx="12">
                  <c:v>0.20304290950298301</c:v>
                </c:pt>
                <c:pt idx="13">
                  <c:v>0.167809873819351</c:v>
                </c:pt>
                <c:pt idx="14">
                  <c:v>0.169891446828842</c:v>
                </c:pt>
                <c:pt idx="15">
                  <c:v>0.17767657339572901</c:v>
                </c:pt>
                <c:pt idx="16">
                  <c:v>0.20863427221775099</c:v>
                </c:pt>
                <c:pt idx="17">
                  <c:v>0.25021252036094699</c:v>
                </c:pt>
                <c:pt idx="18">
                  <c:v>0.26954752206802401</c:v>
                </c:pt>
                <c:pt idx="19">
                  <c:v>0.25287383794784501</c:v>
                </c:pt>
                <c:pt idx="20">
                  <c:v>0.23173260688781699</c:v>
                </c:pt>
                <c:pt idx="21">
                  <c:v>0.237801939249039</c:v>
                </c:pt>
                <c:pt idx="22">
                  <c:v>0.18993715941906</c:v>
                </c:pt>
                <c:pt idx="23">
                  <c:v>0.21628947556018799</c:v>
                </c:pt>
                <c:pt idx="24">
                  <c:v>0.22910074889659901</c:v>
                </c:pt>
                <c:pt idx="25">
                  <c:v>0.208365723490715</c:v>
                </c:pt>
                <c:pt idx="26">
                  <c:v>0.24142560362815901</c:v>
                </c:pt>
                <c:pt idx="27">
                  <c:v>0.21427994966507</c:v>
                </c:pt>
                <c:pt idx="28">
                  <c:v>0.224054485559464</c:v>
                </c:pt>
                <c:pt idx="29">
                  <c:v>0.23671011626720401</c:v>
                </c:pt>
                <c:pt idx="30">
                  <c:v>0.26379847526550299</c:v>
                </c:pt>
                <c:pt idx="31">
                  <c:v>0.242792919278145</c:v>
                </c:pt>
                <c:pt idx="32">
                  <c:v>0.27758616209030201</c:v>
                </c:pt>
                <c:pt idx="33">
                  <c:v>0.26451703906059298</c:v>
                </c:pt>
                <c:pt idx="34">
                  <c:v>0.25765836238861101</c:v>
                </c:pt>
                <c:pt idx="35">
                  <c:v>0.28169408440589899</c:v>
                </c:pt>
                <c:pt idx="36">
                  <c:v>0.27504214644432101</c:v>
                </c:pt>
                <c:pt idx="37">
                  <c:v>0.301024109125137</c:v>
                </c:pt>
                <c:pt idx="38">
                  <c:v>0.31508630514144897</c:v>
                </c:pt>
                <c:pt idx="39">
                  <c:v>0.33166536688804599</c:v>
                </c:pt>
                <c:pt idx="40">
                  <c:v>0.29852092266082803</c:v>
                </c:pt>
                <c:pt idx="41">
                  <c:v>0.33734747767448398</c:v>
                </c:pt>
                <c:pt idx="42">
                  <c:v>0.32361373305320701</c:v>
                </c:pt>
                <c:pt idx="43">
                  <c:v>0.32018503546714799</c:v>
                </c:pt>
                <c:pt idx="44">
                  <c:v>0.328804790973663</c:v>
                </c:pt>
                <c:pt idx="45">
                  <c:v>0.33668476343154902</c:v>
                </c:pt>
                <c:pt idx="46">
                  <c:v>0.31589794158935502</c:v>
                </c:pt>
                <c:pt idx="47">
                  <c:v>0.343627959489822</c:v>
                </c:pt>
                <c:pt idx="48">
                  <c:v>0.32989108562469499</c:v>
                </c:pt>
                <c:pt idx="49">
                  <c:v>0.32175990939140298</c:v>
                </c:pt>
                <c:pt idx="50">
                  <c:v>0.33629027009010298</c:v>
                </c:pt>
                <c:pt idx="51">
                  <c:v>0.33312916755676297</c:v>
                </c:pt>
                <c:pt idx="52">
                  <c:v>0.38964688777923601</c:v>
                </c:pt>
                <c:pt idx="53">
                  <c:v>0.40335342288017301</c:v>
                </c:pt>
                <c:pt idx="54">
                  <c:v>0.361394762992859</c:v>
                </c:pt>
                <c:pt idx="55">
                  <c:v>0.37748602032661399</c:v>
                </c:pt>
                <c:pt idx="56">
                  <c:v>0.38971981406211897</c:v>
                </c:pt>
                <c:pt idx="57">
                  <c:v>0.39927887916564903</c:v>
                </c:pt>
                <c:pt idx="58">
                  <c:v>0.44001868367195102</c:v>
                </c:pt>
                <c:pt idx="59">
                  <c:v>0.42346286773681602</c:v>
                </c:pt>
                <c:pt idx="60">
                  <c:v>0.43891257047653198</c:v>
                </c:pt>
                <c:pt idx="61">
                  <c:v>0.43025234341621399</c:v>
                </c:pt>
                <c:pt idx="62">
                  <c:v>0.44454580545425398</c:v>
                </c:pt>
                <c:pt idx="63">
                  <c:v>0.43404155969619801</c:v>
                </c:pt>
                <c:pt idx="64">
                  <c:v>0.46887531876563998</c:v>
                </c:pt>
                <c:pt idx="65">
                  <c:v>0.44692233204841603</c:v>
                </c:pt>
                <c:pt idx="66">
                  <c:v>0.46534225344657898</c:v>
                </c:pt>
                <c:pt idx="67">
                  <c:v>0.48249900341033902</c:v>
                </c:pt>
                <c:pt idx="68">
                  <c:v>0.49908652901649497</c:v>
                </c:pt>
                <c:pt idx="69">
                  <c:v>0.53395187854766801</c:v>
                </c:pt>
                <c:pt idx="70">
                  <c:v>0.54046106338500999</c:v>
                </c:pt>
                <c:pt idx="71">
                  <c:v>0.52764689922332797</c:v>
                </c:pt>
                <c:pt idx="72">
                  <c:v>0.51093435287475597</c:v>
                </c:pt>
                <c:pt idx="73">
                  <c:v>0.50952905416488603</c:v>
                </c:pt>
                <c:pt idx="74">
                  <c:v>0.53405696153640703</c:v>
                </c:pt>
                <c:pt idx="75">
                  <c:v>0.52591085433960005</c:v>
                </c:pt>
                <c:pt idx="76">
                  <c:v>0.52262884378433205</c:v>
                </c:pt>
                <c:pt idx="77">
                  <c:v>0.52316701412200906</c:v>
                </c:pt>
                <c:pt idx="78">
                  <c:v>0.53954094648361195</c:v>
                </c:pt>
                <c:pt idx="79">
                  <c:v>0.56574368476867698</c:v>
                </c:pt>
                <c:pt idx="80">
                  <c:v>0.57713544368743896</c:v>
                </c:pt>
                <c:pt idx="81">
                  <c:v>0.57846325635910001</c:v>
                </c:pt>
                <c:pt idx="82">
                  <c:v>0.57939463853836104</c:v>
                </c:pt>
                <c:pt idx="83">
                  <c:v>0.57003009319305398</c:v>
                </c:pt>
                <c:pt idx="84">
                  <c:v>0.61014145612716697</c:v>
                </c:pt>
                <c:pt idx="85">
                  <c:v>0.59206902980804399</c:v>
                </c:pt>
                <c:pt idx="86">
                  <c:v>0.57304143905639604</c:v>
                </c:pt>
                <c:pt idx="87">
                  <c:v>0.55124086141586304</c:v>
                </c:pt>
                <c:pt idx="88">
                  <c:v>0.53179240226745605</c:v>
                </c:pt>
                <c:pt idx="89">
                  <c:v>0.57127219438552901</c:v>
                </c:pt>
                <c:pt idx="90">
                  <c:v>0.544827461242676</c:v>
                </c:pt>
                <c:pt idx="91">
                  <c:v>0.55782783031463601</c:v>
                </c:pt>
                <c:pt idx="92">
                  <c:v>0.56234657764434803</c:v>
                </c:pt>
                <c:pt idx="93">
                  <c:v>0.57356333732605003</c:v>
                </c:pt>
                <c:pt idx="94">
                  <c:v>0.53957784175872803</c:v>
                </c:pt>
                <c:pt idx="95">
                  <c:v>0.56241482496261597</c:v>
                </c:pt>
                <c:pt idx="96">
                  <c:v>0.55731725692749001</c:v>
                </c:pt>
                <c:pt idx="97">
                  <c:v>0.55259585380554199</c:v>
                </c:pt>
                <c:pt idx="98">
                  <c:v>0.56083846092224099</c:v>
                </c:pt>
                <c:pt idx="99">
                  <c:v>0.54601240158081099</c:v>
                </c:pt>
                <c:pt idx="100">
                  <c:v>0.54584974050521895</c:v>
                </c:pt>
                <c:pt idx="101">
                  <c:v>0.55461013317108199</c:v>
                </c:pt>
                <c:pt idx="102">
                  <c:v>0.56837755441665605</c:v>
                </c:pt>
                <c:pt idx="103">
                  <c:v>0.54734897613525402</c:v>
                </c:pt>
                <c:pt idx="104">
                  <c:v>0.55414336919784501</c:v>
                </c:pt>
                <c:pt idx="105">
                  <c:v>0.557564556598663</c:v>
                </c:pt>
                <c:pt idx="106">
                  <c:v>0.54548656940460205</c:v>
                </c:pt>
                <c:pt idx="107">
                  <c:v>0.53065782785415605</c:v>
                </c:pt>
                <c:pt idx="108">
                  <c:v>0.54693204164505005</c:v>
                </c:pt>
                <c:pt idx="109">
                  <c:v>0.54770493507385298</c:v>
                </c:pt>
                <c:pt idx="110">
                  <c:v>0.53679049015045199</c:v>
                </c:pt>
                <c:pt idx="111">
                  <c:v>0.55667757987976096</c:v>
                </c:pt>
                <c:pt idx="112">
                  <c:v>0.55024933815002397</c:v>
                </c:pt>
                <c:pt idx="113">
                  <c:v>0.53918206691741899</c:v>
                </c:pt>
                <c:pt idx="114">
                  <c:v>0.55479460954666104</c:v>
                </c:pt>
                <c:pt idx="115">
                  <c:v>0.54209119081497203</c:v>
                </c:pt>
                <c:pt idx="116">
                  <c:v>0.55360513925552401</c:v>
                </c:pt>
                <c:pt idx="117">
                  <c:v>0.53552389144897505</c:v>
                </c:pt>
                <c:pt idx="118">
                  <c:v>0.549996078014374</c:v>
                </c:pt>
                <c:pt idx="119">
                  <c:v>0.56555932760238603</c:v>
                </c:pt>
                <c:pt idx="120">
                  <c:v>0.53053754568099998</c:v>
                </c:pt>
                <c:pt idx="121">
                  <c:v>0.53936332464218095</c:v>
                </c:pt>
                <c:pt idx="122">
                  <c:v>0.56512153148651101</c:v>
                </c:pt>
                <c:pt idx="123">
                  <c:v>0.59244447946548495</c:v>
                </c:pt>
                <c:pt idx="124">
                  <c:v>0.55097419023513805</c:v>
                </c:pt>
                <c:pt idx="125">
                  <c:v>0.57134145498275801</c:v>
                </c:pt>
                <c:pt idx="126">
                  <c:v>0.55329614877700795</c:v>
                </c:pt>
                <c:pt idx="127">
                  <c:v>0.55579102039337203</c:v>
                </c:pt>
                <c:pt idx="128">
                  <c:v>0.54107725620269798</c:v>
                </c:pt>
                <c:pt idx="129">
                  <c:v>0.54328554868698098</c:v>
                </c:pt>
                <c:pt idx="130">
                  <c:v>0.54113310575485196</c:v>
                </c:pt>
                <c:pt idx="131">
                  <c:v>0.55287277698516801</c:v>
                </c:pt>
                <c:pt idx="132">
                  <c:v>0.53814780712127697</c:v>
                </c:pt>
                <c:pt idx="133">
                  <c:v>0.54645979404449496</c:v>
                </c:pt>
                <c:pt idx="134">
                  <c:v>0.52590012550354004</c:v>
                </c:pt>
                <c:pt idx="135">
                  <c:v>0.56144553422927901</c:v>
                </c:pt>
                <c:pt idx="136">
                  <c:v>0.52238029241561901</c:v>
                </c:pt>
                <c:pt idx="137">
                  <c:v>0.53014963865280196</c:v>
                </c:pt>
                <c:pt idx="138">
                  <c:v>0.55172562599182096</c:v>
                </c:pt>
                <c:pt idx="139">
                  <c:v>0.54833108186721802</c:v>
                </c:pt>
                <c:pt idx="140">
                  <c:v>0.53876793384552002</c:v>
                </c:pt>
                <c:pt idx="141">
                  <c:v>0.51507991552352905</c:v>
                </c:pt>
                <c:pt idx="142">
                  <c:v>0.51698571443557695</c:v>
                </c:pt>
                <c:pt idx="143">
                  <c:v>0.52804929018020597</c:v>
                </c:pt>
                <c:pt idx="144">
                  <c:v>0.51990473270416304</c:v>
                </c:pt>
                <c:pt idx="145">
                  <c:v>0.51810503005981401</c:v>
                </c:pt>
                <c:pt idx="146">
                  <c:v>0.50399714708328203</c:v>
                </c:pt>
                <c:pt idx="147">
                  <c:v>0.53301155567169201</c:v>
                </c:pt>
                <c:pt idx="148">
                  <c:v>0.52892488241195701</c:v>
                </c:pt>
                <c:pt idx="149">
                  <c:v>0.50911474227905296</c:v>
                </c:pt>
                <c:pt idx="150">
                  <c:v>0.50219529867172197</c:v>
                </c:pt>
                <c:pt idx="151">
                  <c:v>0.56468874216079701</c:v>
                </c:pt>
                <c:pt idx="152">
                  <c:v>0.49024733901023898</c:v>
                </c:pt>
                <c:pt idx="153">
                  <c:v>0.49240452051162698</c:v>
                </c:pt>
                <c:pt idx="154">
                  <c:v>0.504633188247681</c:v>
                </c:pt>
                <c:pt idx="155">
                  <c:v>0.49784901738166798</c:v>
                </c:pt>
                <c:pt idx="156">
                  <c:v>0.50880509614944502</c:v>
                </c:pt>
                <c:pt idx="157">
                  <c:v>0.49893134832382202</c:v>
                </c:pt>
                <c:pt idx="158">
                  <c:v>0.50065964460372903</c:v>
                </c:pt>
                <c:pt idx="159">
                  <c:v>0.48626038432121299</c:v>
                </c:pt>
                <c:pt idx="160">
                  <c:v>0.49156081676483199</c:v>
                </c:pt>
                <c:pt idx="161">
                  <c:v>0.50096362829208396</c:v>
                </c:pt>
                <c:pt idx="162">
                  <c:v>0.49941807985305797</c:v>
                </c:pt>
                <c:pt idx="163">
                  <c:v>0.48232579231262201</c:v>
                </c:pt>
                <c:pt idx="164">
                  <c:v>0.483348578214645</c:v>
                </c:pt>
                <c:pt idx="165">
                  <c:v>0.44430655241012601</c:v>
                </c:pt>
                <c:pt idx="166">
                  <c:v>0.42402690649032598</c:v>
                </c:pt>
                <c:pt idx="167">
                  <c:v>0.45501783490181003</c:v>
                </c:pt>
                <c:pt idx="168">
                  <c:v>0.39644503593444802</c:v>
                </c:pt>
                <c:pt idx="169">
                  <c:v>0.42383241653442399</c:v>
                </c:pt>
                <c:pt idx="170">
                  <c:v>0.41909459233284002</c:v>
                </c:pt>
                <c:pt idx="171">
                  <c:v>0.38842275738716098</c:v>
                </c:pt>
                <c:pt idx="172">
                  <c:v>0.38405308127403298</c:v>
                </c:pt>
                <c:pt idx="173">
                  <c:v>0.404774069786072</c:v>
                </c:pt>
                <c:pt idx="174">
                  <c:v>0.39158797264099099</c:v>
                </c:pt>
                <c:pt idx="175">
                  <c:v>0.39718505740165699</c:v>
                </c:pt>
                <c:pt idx="176">
                  <c:v>0.35963180661201499</c:v>
                </c:pt>
                <c:pt idx="177">
                  <c:v>0.359652310609818</c:v>
                </c:pt>
                <c:pt idx="178">
                  <c:v>0.352260172367096</c:v>
                </c:pt>
                <c:pt idx="179">
                  <c:v>0.36853948235511802</c:v>
                </c:pt>
                <c:pt idx="180">
                  <c:v>0.33792692422866799</c:v>
                </c:pt>
                <c:pt idx="181">
                  <c:v>0.33125695586204501</c:v>
                </c:pt>
                <c:pt idx="182">
                  <c:v>0.33815076947212203</c:v>
                </c:pt>
                <c:pt idx="183">
                  <c:v>0.34007558226585399</c:v>
                </c:pt>
                <c:pt idx="184">
                  <c:v>0.32653841376304599</c:v>
                </c:pt>
                <c:pt idx="185">
                  <c:v>0.32080823183059698</c:v>
                </c:pt>
                <c:pt idx="186">
                  <c:v>0.316976487636566</c:v>
                </c:pt>
                <c:pt idx="187">
                  <c:v>0.32551410794258101</c:v>
                </c:pt>
                <c:pt idx="188">
                  <c:v>0.30162137746810902</c:v>
                </c:pt>
                <c:pt idx="189">
                  <c:v>0.306605905294418</c:v>
                </c:pt>
                <c:pt idx="190">
                  <c:v>0.29616904258728</c:v>
                </c:pt>
                <c:pt idx="191">
                  <c:v>0.26820617914199801</c:v>
                </c:pt>
                <c:pt idx="192">
                  <c:v>0.29469618201255798</c:v>
                </c:pt>
                <c:pt idx="193">
                  <c:v>0.275486379861832</c:v>
                </c:pt>
                <c:pt idx="194">
                  <c:v>0.27764636278152499</c:v>
                </c:pt>
                <c:pt idx="195">
                  <c:v>0.279658854007721</c:v>
                </c:pt>
                <c:pt idx="196">
                  <c:v>0.27559083700180098</c:v>
                </c:pt>
                <c:pt idx="197">
                  <c:v>0.258184224367142</c:v>
                </c:pt>
                <c:pt idx="198">
                  <c:v>0.27322831749916099</c:v>
                </c:pt>
                <c:pt idx="199">
                  <c:v>0.24660113453865101</c:v>
                </c:pt>
                <c:pt idx="200">
                  <c:v>0.22032319009303999</c:v>
                </c:pt>
                <c:pt idx="201">
                  <c:v>0.263619273900986</c:v>
                </c:pt>
                <c:pt idx="202">
                  <c:v>0.222683951258659</c:v>
                </c:pt>
                <c:pt idx="203">
                  <c:v>0.23901057243347201</c:v>
                </c:pt>
                <c:pt idx="204">
                  <c:v>0.21902018785476701</c:v>
                </c:pt>
                <c:pt idx="205">
                  <c:v>0.20596636831760401</c:v>
                </c:pt>
                <c:pt idx="206">
                  <c:v>0.22300051152706099</c:v>
                </c:pt>
                <c:pt idx="207">
                  <c:v>0.19010210037231401</c:v>
                </c:pt>
                <c:pt idx="208">
                  <c:v>0.18649330735206601</c:v>
                </c:pt>
                <c:pt idx="209">
                  <c:v>0.200578138232231</c:v>
                </c:pt>
                <c:pt idx="210">
                  <c:v>0.19571807980537401</c:v>
                </c:pt>
                <c:pt idx="211">
                  <c:v>0.16857607662677801</c:v>
                </c:pt>
                <c:pt idx="212">
                  <c:v>0.16755999624729201</c:v>
                </c:pt>
                <c:pt idx="213">
                  <c:v>0.151897683739662</c:v>
                </c:pt>
                <c:pt idx="214">
                  <c:v>0.152400597929955</c:v>
                </c:pt>
                <c:pt idx="215">
                  <c:v>0.15092374384403201</c:v>
                </c:pt>
                <c:pt idx="216">
                  <c:v>0.15567833185195901</c:v>
                </c:pt>
                <c:pt idx="217">
                  <c:v>0.14450052380561801</c:v>
                </c:pt>
                <c:pt idx="218">
                  <c:v>0.143785029649734</c:v>
                </c:pt>
                <c:pt idx="219">
                  <c:v>0.13761401176452601</c:v>
                </c:pt>
                <c:pt idx="220">
                  <c:v>0.13263545930385601</c:v>
                </c:pt>
                <c:pt idx="221">
                  <c:v>0.120737642049789</c:v>
                </c:pt>
                <c:pt idx="222">
                  <c:v>0.11025391519069699</c:v>
                </c:pt>
                <c:pt idx="223">
                  <c:v>0.113008335232735</c:v>
                </c:pt>
                <c:pt idx="224">
                  <c:v>9.6556007862091106E-2</c:v>
                </c:pt>
                <c:pt idx="225">
                  <c:v>9.1550216078758198E-2</c:v>
                </c:pt>
                <c:pt idx="226">
                  <c:v>7.2331890463828999E-2</c:v>
                </c:pt>
                <c:pt idx="227">
                  <c:v>4.6944547444581999E-2</c:v>
                </c:pt>
                <c:pt idx="228">
                  <c:v>0.18233534693718001</c:v>
                </c:pt>
                <c:pt idx="229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80EE-47BC-A5E8-B73B6403A5A8}"/>
            </c:ext>
          </c:extLst>
        </c:ser>
        <c:ser>
          <c:idx val="7"/>
          <c:order val="7"/>
          <c:tx>
            <c:v>2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xVal>
            <c:numRef>
              <c:f>_27_01_bss_4_6_thixotropy_3_1_r!$F$2:$F$231</c:f>
              <c:numCache>
                <c:formatCode>General</c:formatCode>
                <c:ptCount val="230"/>
                <c:pt idx="0">
                  <c:v>0.925326287746429</c:v>
                </c:pt>
                <c:pt idx="1">
                  <c:v>1.9250180721282999</c:v>
                </c:pt>
                <c:pt idx="2">
                  <c:v>2.9249427318572998</c:v>
                </c:pt>
                <c:pt idx="3">
                  <c:v>3.9244627952575701</c:v>
                </c:pt>
                <c:pt idx="4">
                  <c:v>4.9248609542846697</c:v>
                </c:pt>
                <c:pt idx="5">
                  <c:v>5.92501020431519</c:v>
                </c:pt>
                <c:pt idx="6">
                  <c:v>6.9273104667663601</c:v>
                </c:pt>
                <c:pt idx="7">
                  <c:v>7.9274401664733896</c:v>
                </c:pt>
                <c:pt idx="8">
                  <c:v>8.9265632629394496</c:v>
                </c:pt>
                <c:pt idx="9">
                  <c:v>9.9250736236572301</c:v>
                </c:pt>
                <c:pt idx="10">
                  <c:v>10.924939155578601</c:v>
                </c:pt>
                <c:pt idx="11">
                  <c:v>11.924943923950201</c:v>
                </c:pt>
                <c:pt idx="12">
                  <c:v>12.9252328872681</c:v>
                </c:pt>
                <c:pt idx="13">
                  <c:v>13.925402641296399</c:v>
                </c:pt>
                <c:pt idx="14">
                  <c:v>14.925350189209</c:v>
                </c:pt>
                <c:pt idx="15">
                  <c:v>15.925523757934601</c:v>
                </c:pt>
                <c:pt idx="16">
                  <c:v>16.925308227539102</c:v>
                </c:pt>
                <c:pt idx="17">
                  <c:v>17.9251098632813</c:v>
                </c:pt>
                <c:pt idx="18">
                  <c:v>18.924699783325199</c:v>
                </c:pt>
                <c:pt idx="19">
                  <c:v>19.9246120452881</c:v>
                </c:pt>
                <c:pt idx="20">
                  <c:v>20.9242153167725</c:v>
                </c:pt>
                <c:pt idx="21">
                  <c:v>21.924192428588899</c:v>
                </c:pt>
                <c:pt idx="22">
                  <c:v>22.923662185668899</c:v>
                </c:pt>
                <c:pt idx="23">
                  <c:v>23.9236660003662</c:v>
                </c:pt>
                <c:pt idx="24">
                  <c:v>24.9232063293457</c:v>
                </c:pt>
                <c:pt idx="25">
                  <c:v>25.922876358032202</c:v>
                </c:pt>
                <c:pt idx="26">
                  <c:v>26.922914505004901</c:v>
                </c:pt>
                <c:pt idx="27">
                  <c:v>27.922348022460898</c:v>
                </c:pt>
                <c:pt idx="28">
                  <c:v>28.922288894653299</c:v>
                </c:pt>
                <c:pt idx="29">
                  <c:v>29.922113418579102</c:v>
                </c:pt>
                <c:pt idx="30">
                  <c:v>30.921867370605501</c:v>
                </c:pt>
                <c:pt idx="31">
                  <c:v>31.921556472778299</c:v>
                </c:pt>
                <c:pt idx="32">
                  <c:v>32.921169281005902</c:v>
                </c:pt>
                <c:pt idx="33">
                  <c:v>33.920936584472699</c:v>
                </c:pt>
                <c:pt idx="34">
                  <c:v>34.920928955078097</c:v>
                </c:pt>
                <c:pt idx="35">
                  <c:v>35.920711517333999</c:v>
                </c:pt>
                <c:pt idx="36">
                  <c:v>36.920211791992202</c:v>
                </c:pt>
                <c:pt idx="37">
                  <c:v>37.919822692871101</c:v>
                </c:pt>
                <c:pt idx="38">
                  <c:v>38.919647216796903</c:v>
                </c:pt>
                <c:pt idx="39">
                  <c:v>39.9195556640625</c:v>
                </c:pt>
                <c:pt idx="40">
                  <c:v>40.919002532958999</c:v>
                </c:pt>
                <c:pt idx="41">
                  <c:v>41.922046661377003</c:v>
                </c:pt>
                <c:pt idx="42">
                  <c:v>42.921627044677699</c:v>
                </c:pt>
                <c:pt idx="43">
                  <c:v>43.922645568847699</c:v>
                </c:pt>
                <c:pt idx="44">
                  <c:v>44.920997619628899</c:v>
                </c:pt>
                <c:pt idx="45">
                  <c:v>45.9207954406738</c:v>
                </c:pt>
                <c:pt idx="46">
                  <c:v>46.920650482177699</c:v>
                </c:pt>
                <c:pt idx="47">
                  <c:v>47.920352935791001</c:v>
                </c:pt>
                <c:pt idx="48">
                  <c:v>48.920230865478501</c:v>
                </c:pt>
                <c:pt idx="49">
                  <c:v>49.919921875</c:v>
                </c:pt>
                <c:pt idx="50">
                  <c:v>50.919975280761697</c:v>
                </c:pt>
                <c:pt idx="51">
                  <c:v>51.919239044189503</c:v>
                </c:pt>
                <c:pt idx="52">
                  <c:v>52.919300079345703</c:v>
                </c:pt>
                <c:pt idx="53">
                  <c:v>53.919216156005902</c:v>
                </c:pt>
                <c:pt idx="54">
                  <c:v>54.918704986572301</c:v>
                </c:pt>
                <c:pt idx="55">
                  <c:v>55.918739318847699</c:v>
                </c:pt>
                <c:pt idx="56">
                  <c:v>56.918239593505902</c:v>
                </c:pt>
                <c:pt idx="57">
                  <c:v>57.918216705322301</c:v>
                </c:pt>
                <c:pt idx="58">
                  <c:v>58.917587280273402</c:v>
                </c:pt>
                <c:pt idx="59">
                  <c:v>59.917667388916001</c:v>
                </c:pt>
                <c:pt idx="60">
                  <c:v>60.916980743408203</c:v>
                </c:pt>
                <c:pt idx="61">
                  <c:v>61.917282104492202</c:v>
                </c:pt>
                <c:pt idx="62">
                  <c:v>62.916923522949197</c:v>
                </c:pt>
                <c:pt idx="63">
                  <c:v>63.916587829589801</c:v>
                </c:pt>
                <c:pt idx="64">
                  <c:v>64.916152954101605</c:v>
                </c:pt>
                <c:pt idx="65">
                  <c:v>65.916091918945298</c:v>
                </c:pt>
                <c:pt idx="66">
                  <c:v>66.915565490722699</c:v>
                </c:pt>
                <c:pt idx="67">
                  <c:v>67.915542602539105</c:v>
                </c:pt>
                <c:pt idx="68">
                  <c:v>68.915504455566406</c:v>
                </c:pt>
                <c:pt idx="69">
                  <c:v>69.915229797363295</c:v>
                </c:pt>
                <c:pt idx="70">
                  <c:v>70.914970397949205</c:v>
                </c:pt>
                <c:pt idx="71">
                  <c:v>71.914443969726605</c:v>
                </c:pt>
                <c:pt idx="72">
                  <c:v>72.914329528808594</c:v>
                </c:pt>
                <c:pt idx="73">
                  <c:v>73.914176940917997</c:v>
                </c:pt>
                <c:pt idx="74">
                  <c:v>74.913528442382798</c:v>
                </c:pt>
                <c:pt idx="75">
                  <c:v>75.913681030273395</c:v>
                </c:pt>
                <c:pt idx="76">
                  <c:v>76.913078308105497</c:v>
                </c:pt>
                <c:pt idx="77">
                  <c:v>77.912887573242202</c:v>
                </c:pt>
                <c:pt idx="78">
                  <c:v>78.912879943847699</c:v>
                </c:pt>
                <c:pt idx="79">
                  <c:v>79.912788391113295</c:v>
                </c:pt>
                <c:pt idx="80">
                  <c:v>80.912200927734403</c:v>
                </c:pt>
                <c:pt idx="81">
                  <c:v>81.912216186523395</c:v>
                </c:pt>
                <c:pt idx="82">
                  <c:v>82.911628723144503</c:v>
                </c:pt>
                <c:pt idx="83">
                  <c:v>83.911857604980497</c:v>
                </c:pt>
                <c:pt idx="84">
                  <c:v>84.911552429199205</c:v>
                </c:pt>
                <c:pt idx="85">
                  <c:v>85.910881042480497</c:v>
                </c:pt>
                <c:pt idx="86">
                  <c:v>86.911041259765597</c:v>
                </c:pt>
                <c:pt idx="87">
                  <c:v>87.910537719726605</c:v>
                </c:pt>
                <c:pt idx="88">
                  <c:v>88.910499572753906</c:v>
                </c:pt>
                <c:pt idx="89">
                  <c:v>89.910003662109403</c:v>
                </c:pt>
                <c:pt idx="90">
                  <c:v>90.909805297851605</c:v>
                </c:pt>
                <c:pt idx="91">
                  <c:v>91.909553527832003</c:v>
                </c:pt>
                <c:pt idx="92">
                  <c:v>92.909683227539105</c:v>
                </c:pt>
                <c:pt idx="93">
                  <c:v>93.908889770507798</c:v>
                </c:pt>
                <c:pt idx="94">
                  <c:v>94.909088134765597</c:v>
                </c:pt>
                <c:pt idx="95">
                  <c:v>95.908889770507798</c:v>
                </c:pt>
                <c:pt idx="96">
                  <c:v>96.908309936523395</c:v>
                </c:pt>
                <c:pt idx="97">
                  <c:v>97.908378601074205</c:v>
                </c:pt>
                <c:pt idx="98">
                  <c:v>98.908058166503906</c:v>
                </c:pt>
                <c:pt idx="99">
                  <c:v>99.907653808593807</c:v>
                </c:pt>
                <c:pt idx="100">
                  <c:v>100.000190734863</c:v>
                </c:pt>
                <c:pt idx="101">
                  <c:v>99.999687194824205</c:v>
                </c:pt>
                <c:pt idx="102">
                  <c:v>99.999801635742202</c:v>
                </c:pt>
                <c:pt idx="103">
                  <c:v>99.999977111816406</c:v>
                </c:pt>
                <c:pt idx="104">
                  <c:v>99.999610900878906</c:v>
                </c:pt>
                <c:pt idx="105">
                  <c:v>99.999809265136705</c:v>
                </c:pt>
                <c:pt idx="106">
                  <c:v>99.999946594238295</c:v>
                </c:pt>
                <c:pt idx="107">
                  <c:v>100.00006866455099</c:v>
                </c:pt>
                <c:pt idx="108">
                  <c:v>100.000030517578</c:v>
                </c:pt>
                <c:pt idx="109">
                  <c:v>99.999771118164105</c:v>
                </c:pt>
                <c:pt idx="110">
                  <c:v>100.00025177002</c:v>
                </c:pt>
                <c:pt idx="111">
                  <c:v>99.999778747558594</c:v>
                </c:pt>
                <c:pt idx="112">
                  <c:v>100.00016784668</c:v>
                </c:pt>
                <c:pt idx="113">
                  <c:v>99.999893188476605</c:v>
                </c:pt>
                <c:pt idx="114">
                  <c:v>100.000114440918</c:v>
                </c:pt>
                <c:pt idx="115">
                  <c:v>100.00054931640599</c:v>
                </c:pt>
                <c:pt idx="116">
                  <c:v>99.999961853027301</c:v>
                </c:pt>
                <c:pt idx="117">
                  <c:v>99.999954223632798</c:v>
                </c:pt>
                <c:pt idx="118">
                  <c:v>99.999954223632798</c:v>
                </c:pt>
                <c:pt idx="119">
                  <c:v>100.000190734863</c:v>
                </c:pt>
                <c:pt idx="120">
                  <c:v>100.00016784668</c:v>
                </c:pt>
                <c:pt idx="121">
                  <c:v>99.999977111816406</c:v>
                </c:pt>
                <c:pt idx="122">
                  <c:v>100.00002288818401</c:v>
                </c:pt>
                <c:pt idx="123">
                  <c:v>100.000137329102</c:v>
                </c:pt>
                <c:pt idx="124">
                  <c:v>99.999847412109403</c:v>
                </c:pt>
                <c:pt idx="125">
                  <c:v>99.999847412109403</c:v>
                </c:pt>
                <c:pt idx="126">
                  <c:v>99.999717712402301</c:v>
                </c:pt>
                <c:pt idx="127">
                  <c:v>99.999946594238295</c:v>
                </c:pt>
                <c:pt idx="128">
                  <c:v>99.999855041503906</c:v>
                </c:pt>
                <c:pt idx="129">
                  <c:v>100.000007629395</c:v>
                </c:pt>
                <c:pt idx="130">
                  <c:v>99.073982238769503</c:v>
                </c:pt>
                <c:pt idx="131">
                  <c:v>98.074455261230497</c:v>
                </c:pt>
                <c:pt idx="132">
                  <c:v>97.074432373046903</c:v>
                </c:pt>
                <c:pt idx="133">
                  <c:v>96.072044372558594</c:v>
                </c:pt>
                <c:pt idx="134">
                  <c:v>95.074951171875</c:v>
                </c:pt>
                <c:pt idx="135">
                  <c:v>94.075241088867202</c:v>
                </c:pt>
                <c:pt idx="136">
                  <c:v>93.075515747070298</c:v>
                </c:pt>
                <c:pt idx="137">
                  <c:v>92.075584411621094</c:v>
                </c:pt>
                <c:pt idx="138">
                  <c:v>91.073173522949205</c:v>
                </c:pt>
                <c:pt idx="139">
                  <c:v>90.076179504394503</c:v>
                </c:pt>
                <c:pt idx="140">
                  <c:v>89.076332092285199</c:v>
                </c:pt>
                <c:pt idx="141">
                  <c:v>88.076698303222699</c:v>
                </c:pt>
                <c:pt idx="142">
                  <c:v>87.076942443847699</c:v>
                </c:pt>
                <c:pt idx="143">
                  <c:v>86.077102661132798</c:v>
                </c:pt>
                <c:pt idx="144">
                  <c:v>85.077438354492202</c:v>
                </c:pt>
                <c:pt idx="145">
                  <c:v>84.077560424804702</c:v>
                </c:pt>
                <c:pt idx="146">
                  <c:v>83.077896118164105</c:v>
                </c:pt>
                <c:pt idx="147">
                  <c:v>82.078079223632798</c:v>
                </c:pt>
                <c:pt idx="148">
                  <c:v>81.078529357910199</c:v>
                </c:pt>
                <c:pt idx="149">
                  <c:v>80.078651428222699</c:v>
                </c:pt>
                <c:pt idx="150">
                  <c:v>79.078887939453097</c:v>
                </c:pt>
                <c:pt idx="151">
                  <c:v>78.079116821289105</c:v>
                </c:pt>
                <c:pt idx="152">
                  <c:v>77.079345703125</c:v>
                </c:pt>
                <c:pt idx="153">
                  <c:v>76.079475402832003</c:v>
                </c:pt>
                <c:pt idx="154">
                  <c:v>75.080116271972699</c:v>
                </c:pt>
                <c:pt idx="155">
                  <c:v>74.080017089843807</c:v>
                </c:pt>
                <c:pt idx="156">
                  <c:v>73.080276489257798</c:v>
                </c:pt>
                <c:pt idx="157">
                  <c:v>72.080795288085895</c:v>
                </c:pt>
                <c:pt idx="158">
                  <c:v>71.080703735351605</c:v>
                </c:pt>
                <c:pt idx="159">
                  <c:v>70.081336975097699</c:v>
                </c:pt>
                <c:pt idx="160">
                  <c:v>69.081375122070298</c:v>
                </c:pt>
                <c:pt idx="161">
                  <c:v>68.081535339355497</c:v>
                </c:pt>
                <c:pt idx="162">
                  <c:v>67.081756591796903</c:v>
                </c:pt>
                <c:pt idx="163">
                  <c:v>66.0821533203125</c:v>
                </c:pt>
                <c:pt idx="164">
                  <c:v>65.082115173339801</c:v>
                </c:pt>
                <c:pt idx="165">
                  <c:v>64.082305908203097</c:v>
                </c:pt>
                <c:pt idx="166">
                  <c:v>63.082748413085902</c:v>
                </c:pt>
                <c:pt idx="167">
                  <c:v>62.083065032958999</c:v>
                </c:pt>
                <c:pt idx="168">
                  <c:v>61.083229064941399</c:v>
                </c:pt>
                <c:pt idx="169">
                  <c:v>60.083518981933601</c:v>
                </c:pt>
                <c:pt idx="170">
                  <c:v>59.083702087402301</c:v>
                </c:pt>
                <c:pt idx="171">
                  <c:v>58.083938598632798</c:v>
                </c:pt>
                <c:pt idx="172">
                  <c:v>57.081375122070298</c:v>
                </c:pt>
                <c:pt idx="173">
                  <c:v>56.084259033203097</c:v>
                </c:pt>
                <c:pt idx="174">
                  <c:v>55.081790924072301</c:v>
                </c:pt>
                <c:pt idx="175">
                  <c:v>54.081993103027301</c:v>
                </c:pt>
                <c:pt idx="176">
                  <c:v>53.082523345947301</c:v>
                </c:pt>
                <c:pt idx="177">
                  <c:v>52.082721710205099</c:v>
                </c:pt>
                <c:pt idx="178">
                  <c:v>51.0827445983887</c:v>
                </c:pt>
                <c:pt idx="179">
                  <c:v>50.083309173583999</c:v>
                </c:pt>
                <c:pt idx="180">
                  <c:v>49.0832328796387</c:v>
                </c:pt>
                <c:pt idx="181">
                  <c:v>48.083683013916001</c:v>
                </c:pt>
                <c:pt idx="182">
                  <c:v>47.0837593078613</c:v>
                </c:pt>
                <c:pt idx="183">
                  <c:v>46.0841674804688</c:v>
                </c:pt>
                <c:pt idx="184">
                  <c:v>45.0843505859375</c:v>
                </c:pt>
                <c:pt idx="185">
                  <c:v>44.084659576416001</c:v>
                </c:pt>
                <c:pt idx="186">
                  <c:v>43.084793090820298</c:v>
                </c:pt>
                <c:pt idx="187">
                  <c:v>42.085159301757798</c:v>
                </c:pt>
                <c:pt idx="188">
                  <c:v>41.085094451904297</c:v>
                </c:pt>
                <c:pt idx="189">
                  <c:v>40.085643768310497</c:v>
                </c:pt>
                <c:pt idx="190">
                  <c:v>39.085777282714801</c:v>
                </c:pt>
                <c:pt idx="191">
                  <c:v>38.085914611816399</c:v>
                </c:pt>
                <c:pt idx="192">
                  <c:v>37.08642578125</c:v>
                </c:pt>
                <c:pt idx="193">
                  <c:v>36.086696624755902</c:v>
                </c:pt>
                <c:pt idx="194">
                  <c:v>35.086662292480497</c:v>
                </c:pt>
                <c:pt idx="195">
                  <c:v>34.0870170593262</c:v>
                </c:pt>
                <c:pt idx="196">
                  <c:v>33.087234497070298</c:v>
                </c:pt>
                <c:pt idx="197">
                  <c:v>32.087677001953097</c:v>
                </c:pt>
                <c:pt idx="198">
                  <c:v>31.087793350219702</c:v>
                </c:pt>
                <c:pt idx="199">
                  <c:v>30.088047027587901</c:v>
                </c:pt>
                <c:pt idx="200">
                  <c:v>29.088455200195298</c:v>
                </c:pt>
                <c:pt idx="201">
                  <c:v>28.088426589965799</c:v>
                </c:pt>
                <c:pt idx="202">
                  <c:v>27.0886344909668</c:v>
                </c:pt>
                <c:pt idx="203">
                  <c:v>26.088960647583001</c:v>
                </c:pt>
                <c:pt idx="204">
                  <c:v>25.089208602905298</c:v>
                </c:pt>
                <c:pt idx="205">
                  <c:v>24.0892848968506</c:v>
                </c:pt>
                <c:pt idx="206">
                  <c:v>23.089796066284201</c:v>
                </c:pt>
                <c:pt idx="207">
                  <c:v>22.090145111083999</c:v>
                </c:pt>
                <c:pt idx="208">
                  <c:v>21.090227127075199</c:v>
                </c:pt>
                <c:pt idx="209">
                  <c:v>20.09055519104</c:v>
                </c:pt>
                <c:pt idx="210">
                  <c:v>19.090866088867202</c:v>
                </c:pt>
                <c:pt idx="211">
                  <c:v>18.090736389160199</c:v>
                </c:pt>
                <c:pt idx="212">
                  <c:v>17.091123580932599</c:v>
                </c:pt>
                <c:pt idx="213">
                  <c:v>16.0915431976318</c:v>
                </c:pt>
                <c:pt idx="214">
                  <c:v>15.0914211273193</c:v>
                </c:pt>
                <c:pt idx="215">
                  <c:v>14.091381072998001</c:v>
                </c:pt>
                <c:pt idx="216">
                  <c:v>13.091391563415501</c:v>
                </c:pt>
                <c:pt idx="217">
                  <c:v>12.091112136840801</c:v>
                </c:pt>
                <c:pt idx="218">
                  <c:v>11.091106414794901</c:v>
                </c:pt>
                <c:pt idx="219">
                  <c:v>10.090822219848601</c:v>
                </c:pt>
                <c:pt idx="220">
                  <c:v>9.0907325744628906</c:v>
                </c:pt>
                <c:pt idx="221">
                  <c:v>8.0908527374267596</c:v>
                </c:pt>
                <c:pt idx="222">
                  <c:v>7.0905251502990696</c:v>
                </c:pt>
                <c:pt idx="223">
                  <c:v>6.0907683372497603</c:v>
                </c:pt>
                <c:pt idx="224">
                  <c:v>5.0907425880432102</c:v>
                </c:pt>
                <c:pt idx="225">
                  <c:v>4.0908570289611799</c:v>
                </c:pt>
                <c:pt idx="226">
                  <c:v>3.0910327434539799</c:v>
                </c:pt>
                <c:pt idx="227">
                  <c:v>2.0906355381011998</c:v>
                </c:pt>
                <c:pt idx="228">
                  <c:v>1.09076976776123</c:v>
                </c:pt>
                <c:pt idx="229">
                  <c:v>9.1086484491825104E-2</c:v>
                </c:pt>
              </c:numCache>
            </c:numRef>
          </c:xVal>
          <c:yVal>
            <c:numRef>
              <c:f>_27_01_bss_4_6_thixotropy_3_1_r!$G$2:$G$231</c:f>
              <c:numCache>
                <c:formatCode>General</c:formatCode>
                <c:ptCount val="230"/>
                <c:pt idx="0">
                  <c:v>449.50466918945301</c:v>
                </c:pt>
                <c:pt idx="1">
                  <c:v>178.94738769531301</c:v>
                </c:pt>
                <c:pt idx="2">
                  <c:v>97.809814453125</c:v>
                </c:pt>
                <c:pt idx="3">
                  <c:v>61.606315612792997</c:v>
                </c:pt>
                <c:pt idx="4">
                  <c:v>50.392101287841797</c:v>
                </c:pt>
                <c:pt idx="5">
                  <c:v>36.245937347412102</c:v>
                </c:pt>
                <c:pt idx="6">
                  <c:v>31.674730300903299</c:v>
                </c:pt>
                <c:pt idx="7">
                  <c:v>29.1780700683594</c:v>
                </c:pt>
                <c:pt idx="8">
                  <c:v>35.625026702880902</c:v>
                </c:pt>
                <c:pt idx="9">
                  <c:v>18.1487922668457</c:v>
                </c:pt>
                <c:pt idx="10">
                  <c:v>15.7055768966675</c:v>
                </c:pt>
                <c:pt idx="11">
                  <c:v>15.660135269165</c:v>
                </c:pt>
                <c:pt idx="12">
                  <c:v>14.8124446868896</c:v>
                </c:pt>
                <c:pt idx="13">
                  <c:v>14.521303176879901</c:v>
                </c:pt>
                <c:pt idx="14">
                  <c:v>13.503302574157701</c:v>
                </c:pt>
                <c:pt idx="15">
                  <c:v>12.5005807876587</c:v>
                </c:pt>
                <c:pt idx="16">
                  <c:v>11.735425949096699</c:v>
                </c:pt>
                <c:pt idx="17">
                  <c:v>11.0030603408813</c:v>
                </c:pt>
                <c:pt idx="18">
                  <c:v>10.354688644409199</c:v>
                </c:pt>
                <c:pt idx="19">
                  <c:v>10.234745025634799</c:v>
                </c:pt>
                <c:pt idx="20">
                  <c:v>9.3115463256835902</c:v>
                </c:pt>
                <c:pt idx="21">
                  <c:v>9.1776666641235405</c:v>
                </c:pt>
                <c:pt idx="22">
                  <c:v>8.8962030410766602</c:v>
                </c:pt>
                <c:pt idx="23">
                  <c:v>8.4803075790405291</c:v>
                </c:pt>
                <c:pt idx="24">
                  <c:v>7.9108786582946804</c:v>
                </c:pt>
                <c:pt idx="25">
                  <c:v>8.0818548202514595</c:v>
                </c:pt>
                <c:pt idx="26">
                  <c:v>4.4012513160705602</c:v>
                </c:pt>
                <c:pt idx="27">
                  <c:v>4.5092349052429199</c:v>
                </c:pt>
                <c:pt idx="28">
                  <c:v>4.3394236564636204</c:v>
                </c:pt>
                <c:pt idx="29">
                  <c:v>4.6104001998901403</c:v>
                </c:pt>
                <c:pt idx="30">
                  <c:v>4.3039026260376003</c:v>
                </c:pt>
                <c:pt idx="31">
                  <c:v>4.7980160713195801</c:v>
                </c:pt>
                <c:pt idx="32">
                  <c:v>4.1822705268859899</c:v>
                </c:pt>
                <c:pt idx="33">
                  <c:v>4.1536111831665004</c:v>
                </c:pt>
                <c:pt idx="34">
                  <c:v>4.1813282966613796</c:v>
                </c:pt>
                <c:pt idx="35">
                  <c:v>4.07236576080322</c:v>
                </c:pt>
                <c:pt idx="36">
                  <c:v>4.4163103103637704</c:v>
                </c:pt>
                <c:pt idx="37">
                  <c:v>3.9344222545623802</c:v>
                </c:pt>
                <c:pt idx="38">
                  <c:v>3.7338941097259499</c:v>
                </c:pt>
                <c:pt idx="39">
                  <c:v>3.5884709358215301</c:v>
                </c:pt>
                <c:pt idx="40">
                  <c:v>3.66620993614197</c:v>
                </c:pt>
                <c:pt idx="41">
                  <c:v>3.2995965480804399</c:v>
                </c:pt>
                <c:pt idx="42">
                  <c:v>3.8707187175750701</c:v>
                </c:pt>
                <c:pt idx="43">
                  <c:v>3.4511559009552002</c:v>
                </c:pt>
                <c:pt idx="44">
                  <c:v>3.3517210483550999</c:v>
                </c:pt>
                <c:pt idx="45">
                  <c:v>3.3425703048706099</c:v>
                </c:pt>
                <c:pt idx="46">
                  <c:v>3.2534167766571001</c:v>
                </c:pt>
                <c:pt idx="47">
                  <c:v>3.1505510807037398</c:v>
                </c:pt>
                <c:pt idx="48">
                  <c:v>3.0721187591552699</c:v>
                </c:pt>
                <c:pt idx="49">
                  <c:v>3.0619375705718999</c:v>
                </c:pt>
                <c:pt idx="50">
                  <c:v>3.0989000797271702</c:v>
                </c:pt>
                <c:pt idx="51">
                  <c:v>2.7360963821411102</c:v>
                </c:pt>
                <c:pt idx="52">
                  <c:v>2.7335369586944598</c:v>
                </c:pt>
                <c:pt idx="53">
                  <c:v>4.1061768531799299</c:v>
                </c:pt>
                <c:pt idx="54">
                  <c:v>4.7269434928893999</c:v>
                </c:pt>
                <c:pt idx="55">
                  <c:v>4.2313199043273899</c:v>
                </c:pt>
                <c:pt idx="56">
                  <c:v>3.4624357223510702</c:v>
                </c:pt>
                <c:pt idx="57">
                  <c:v>3.7423791885375999</c:v>
                </c:pt>
                <c:pt idx="58">
                  <c:v>3.70257616043091</c:v>
                </c:pt>
                <c:pt idx="59">
                  <c:v>3.7887375354766801</c:v>
                </c:pt>
                <c:pt idx="60">
                  <c:v>3.3092672824859601</c:v>
                </c:pt>
                <c:pt idx="61">
                  <c:v>3.17556929588318</c:v>
                </c:pt>
                <c:pt idx="62">
                  <c:v>3.3194522857665998</c:v>
                </c:pt>
                <c:pt idx="63">
                  <c:v>3.1094391345977801</c:v>
                </c:pt>
                <c:pt idx="64">
                  <c:v>3.32698273658752</c:v>
                </c:pt>
                <c:pt idx="65">
                  <c:v>3.41950511932373</c:v>
                </c:pt>
                <c:pt idx="66">
                  <c:v>3.1134045124053999</c:v>
                </c:pt>
                <c:pt idx="67">
                  <c:v>3.0206105709075901</c:v>
                </c:pt>
                <c:pt idx="68">
                  <c:v>3.0608532428741499</c:v>
                </c:pt>
                <c:pt idx="69">
                  <c:v>3.08253741264343</c:v>
                </c:pt>
                <c:pt idx="70">
                  <c:v>3.0478353500366202</c:v>
                </c:pt>
                <c:pt idx="71">
                  <c:v>3.2925095558166499</c:v>
                </c:pt>
                <c:pt idx="72">
                  <c:v>3.0151071548461901</c:v>
                </c:pt>
                <c:pt idx="73">
                  <c:v>2.972501039505</c:v>
                </c:pt>
                <c:pt idx="74">
                  <c:v>2.9185552597045898</c:v>
                </c:pt>
                <c:pt idx="75">
                  <c:v>2.9664506912231401</c:v>
                </c:pt>
                <c:pt idx="76">
                  <c:v>2.8790631294250502</c:v>
                </c:pt>
                <c:pt idx="77">
                  <c:v>3.0417640209197998</c:v>
                </c:pt>
                <c:pt idx="78">
                  <c:v>3.0652554035186799</c:v>
                </c:pt>
                <c:pt idx="79">
                  <c:v>3.0216472148895299</c:v>
                </c:pt>
                <c:pt idx="80">
                  <c:v>3.08584356307983</c:v>
                </c:pt>
                <c:pt idx="81">
                  <c:v>2.9849913120269802</c:v>
                </c:pt>
                <c:pt idx="82">
                  <c:v>3.2639865875244101</c:v>
                </c:pt>
                <c:pt idx="83">
                  <c:v>3.0779604911804199</c:v>
                </c:pt>
                <c:pt idx="84">
                  <c:v>2.9088375568389901</c:v>
                </c:pt>
                <c:pt idx="85">
                  <c:v>2.8682942390441899</c:v>
                </c:pt>
                <c:pt idx="86">
                  <c:v>2.8877825736999498</c:v>
                </c:pt>
                <c:pt idx="87">
                  <c:v>2.86188411712646</c:v>
                </c:pt>
                <c:pt idx="88">
                  <c:v>2.8852891921997101</c:v>
                </c:pt>
                <c:pt idx="89">
                  <c:v>2.9813392162322998</c:v>
                </c:pt>
                <c:pt idx="90">
                  <c:v>2.8873326778411901</c:v>
                </c:pt>
                <c:pt idx="91">
                  <c:v>3.1323828697204599</c:v>
                </c:pt>
                <c:pt idx="92">
                  <c:v>2.8031084537506099</c:v>
                </c:pt>
                <c:pt idx="93">
                  <c:v>2.9937396049499498</c:v>
                </c:pt>
                <c:pt idx="94">
                  <c:v>3.1856155395507799</c:v>
                </c:pt>
                <c:pt idx="95">
                  <c:v>3.0044078826904301</c:v>
                </c:pt>
                <c:pt idx="96">
                  <c:v>3.1952769756317099</c:v>
                </c:pt>
                <c:pt idx="97">
                  <c:v>3.1134598255157502</c:v>
                </c:pt>
                <c:pt idx="98">
                  <c:v>2.7831916809082</c:v>
                </c:pt>
                <c:pt idx="99">
                  <c:v>2.9674298763275102</c:v>
                </c:pt>
                <c:pt idx="100">
                  <c:v>2.9137110710143999</c:v>
                </c:pt>
                <c:pt idx="101">
                  <c:v>2.9405703544616699</c:v>
                </c:pt>
                <c:pt idx="102">
                  <c:v>2.9822664260864298</c:v>
                </c:pt>
                <c:pt idx="103">
                  <c:v>3.0032920837402299</c:v>
                </c:pt>
                <c:pt idx="104">
                  <c:v>2.9543333053588898</c:v>
                </c:pt>
                <c:pt idx="105">
                  <c:v>2.9830787181854199</c:v>
                </c:pt>
                <c:pt idx="106">
                  <c:v>3.0790104866027801</c:v>
                </c:pt>
                <c:pt idx="107">
                  <c:v>3.09850072860718</c:v>
                </c:pt>
                <c:pt idx="108">
                  <c:v>3.0997240543365501</c:v>
                </c:pt>
                <c:pt idx="109">
                  <c:v>3.17484426498413</c:v>
                </c:pt>
                <c:pt idx="110">
                  <c:v>3.12857222557068</c:v>
                </c:pt>
                <c:pt idx="111">
                  <c:v>3.17503809928894</c:v>
                </c:pt>
                <c:pt idx="112">
                  <c:v>3.2553608417511</c:v>
                </c:pt>
                <c:pt idx="113">
                  <c:v>3.2200770378112802</c:v>
                </c:pt>
                <c:pt idx="114">
                  <c:v>3.2718052864074698</c:v>
                </c:pt>
                <c:pt idx="115">
                  <c:v>3.5352146625518799</c:v>
                </c:pt>
                <c:pt idx="116">
                  <c:v>3.5031976699829102</c:v>
                </c:pt>
                <c:pt idx="117">
                  <c:v>3.7068650722503702</c:v>
                </c:pt>
                <c:pt idx="118">
                  <c:v>3.6087551116943399</c:v>
                </c:pt>
                <c:pt idx="119">
                  <c:v>3.7249662876129199</c:v>
                </c:pt>
                <c:pt idx="120">
                  <c:v>3.5713222026825</c:v>
                </c:pt>
                <c:pt idx="121">
                  <c:v>3.5091075897216801</c:v>
                </c:pt>
                <c:pt idx="122">
                  <c:v>3.4778368473053001</c:v>
                </c:pt>
                <c:pt idx="123">
                  <c:v>3.4641685485839799</c:v>
                </c:pt>
                <c:pt idx="124">
                  <c:v>3.32058501243591</c:v>
                </c:pt>
                <c:pt idx="125">
                  <c:v>3.3804855346679701</c:v>
                </c:pt>
                <c:pt idx="126">
                  <c:v>3.2878062725067099</c:v>
                </c:pt>
                <c:pt idx="127">
                  <c:v>3.2196617126464799</c:v>
                </c:pt>
                <c:pt idx="128">
                  <c:v>3.2499406337738002</c:v>
                </c:pt>
                <c:pt idx="129">
                  <c:v>3.2102324962615998</c:v>
                </c:pt>
                <c:pt idx="130">
                  <c:v>3.2407581806182901</c:v>
                </c:pt>
                <c:pt idx="131">
                  <c:v>3.2485156059265101</c:v>
                </c:pt>
                <c:pt idx="132">
                  <c:v>3.2340953350067099</c:v>
                </c:pt>
                <c:pt idx="133">
                  <c:v>3.1979730129241899</c:v>
                </c:pt>
                <c:pt idx="134">
                  <c:v>3.1758217811584499</c:v>
                </c:pt>
                <c:pt idx="135">
                  <c:v>3.2688024044036901</c:v>
                </c:pt>
                <c:pt idx="136">
                  <c:v>3.31403684616089</c:v>
                </c:pt>
                <c:pt idx="137">
                  <c:v>3.46530318260193</c:v>
                </c:pt>
                <c:pt idx="138">
                  <c:v>3.77642798423767</c:v>
                </c:pt>
                <c:pt idx="139">
                  <c:v>3.6237735748290998</c:v>
                </c:pt>
                <c:pt idx="140">
                  <c:v>3.50000095367432</c:v>
                </c:pt>
                <c:pt idx="141">
                  <c:v>3.4409563541412398</c:v>
                </c:pt>
                <c:pt idx="142">
                  <c:v>3.24719333648682</c:v>
                </c:pt>
                <c:pt idx="143">
                  <c:v>3.18231201171875</c:v>
                </c:pt>
                <c:pt idx="144">
                  <c:v>3.1353788375854501</c:v>
                </c:pt>
                <c:pt idx="145">
                  <c:v>3.1713957786560099</c:v>
                </c:pt>
                <c:pt idx="146">
                  <c:v>3.0369894504547101</c:v>
                </c:pt>
                <c:pt idx="147">
                  <c:v>3.0563702583313002</c:v>
                </c:pt>
                <c:pt idx="148">
                  <c:v>3.1642363071441699</c:v>
                </c:pt>
                <c:pt idx="149">
                  <c:v>3.1198377609252899</c:v>
                </c:pt>
                <c:pt idx="150">
                  <c:v>3.1635184288024898</c:v>
                </c:pt>
                <c:pt idx="151">
                  <c:v>3.1307845115661599</c:v>
                </c:pt>
                <c:pt idx="152">
                  <c:v>3.1315057277679399</c:v>
                </c:pt>
                <c:pt idx="153">
                  <c:v>3.1738727092742902</c:v>
                </c:pt>
                <c:pt idx="154">
                  <c:v>3.1078245639800999</c:v>
                </c:pt>
                <c:pt idx="155">
                  <c:v>3.1074645519256601</c:v>
                </c:pt>
                <c:pt idx="156">
                  <c:v>3.0561878681182901</c:v>
                </c:pt>
                <c:pt idx="157">
                  <c:v>2.9313147068023699</c:v>
                </c:pt>
                <c:pt idx="158">
                  <c:v>3.0871105194091801</c:v>
                </c:pt>
                <c:pt idx="159">
                  <c:v>3.1758699417114298</c:v>
                </c:pt>
                <c:pt idx="160">
                  <c:v>3.1777298450470002</c:v>
                </c:pt>
                <c:pt idx="161">
                  <c:v>3.2767598628997798</c:v>
                </c:pt>
                <c:pt idx="162">
                  <c:v>3.2126054763793901</c:v>
                </c:pt>
                <c:pt idx="163">
                  <c:v>3.2891752719879199</c:v>
                </c:pt>
                <c:pt idx="164">
                  <c:v>3.3072104454040501</c:v>
                </c:pt>
                <c:pt idx="165">
                  <c:v>3.3417508602142298</c:v>
                </c:pt>
                <c:pt idx="166">
                  <c:v>3.3278901576995898</c:v>
                </c:pt>
                <c:pt idx="167">
                  <c:v>3.33801317214966</c:v>
                </c:pt>
                <c:pt idx="168">
                  <c:v>3.4156467914581299</c:v>
                </c:pt>
                <c:pt idx="169">
                  <c:v>3.3089187145233199</c:v>
                </c:pt>
                <c:pt idx="170">
                  <c:v>3.4131841659545898</c:v>
                </c:pt>
                <c:pt idx="171">
                  <c:v>3.4087204933166499</c:v>
                </c:pt>
                <c:pt idx="172">
                  <c:v>3.3487620353698699</c:v>
                </c:pt>
                <c:pt idx="173">
                  <c:v>3.49607157707214</c:v>
                </c:pt>
                <c:pt idx="174">
                  <c:v>3.6876249313354501</c:v>
                </c:pt>
                <c:pt idx="175">
                  <c:v>3.7263159751892099</c:v>
                </c:pt>
                <c:pt idx="176">
                  <c:v>3.81419777870178</c:v>
                </c:pt>
                <c:pt idx="177">
                  <c:v>3.8262722492218</c:v>
                </c:pt>
                <c:pt idx="178">
                  <c:v>3.7515227794647199</c:v>
                </c:pt>
                <c:pt idx="179">
                  <c:v>3.7232136726379399</c:v>
                </c:pt>
                <c:pt idx="180">
                  <c:v>3.9203662872314502</c:v>
                </c:pt>
                <c:pt idx="181">
                  <c:v>3.6943104267120401</c:v>
                </c:pt>
                <c:pt idx="182">
                  <c:v>3.4452645778656001</c:v>
                </c:pt>
                <c:pt idx="183">
                  <c:v>3.7854542732238801</c:v>
                </c:pt>
                <c:pt idx="184">
                  <c:v>3.7296595573425302</c:v>
                </c:pt>
                <c:pt idx="185">
                  <c:v>3.71649241447449</c:v>
                </c:pt>
                <c:pt idx="186">
                  <c:v>3.6908020973205602</c:v>
                </c:pt>
                <c:pt idx="187">
                  <c:v>3.9001767635345499</c:v>
                </c:pt>
                <c:pt idx="188">
                  <c:v>3.8136501312255899</c:v>
                </c:pt>
                <c:pt idx="189">
                  <c:v>3.9182324409484899</c:v>
                </c:pt>
                <c:pt idx="190">
                  <c:v>3.8930718898773198</c:v>
                </c:pt>
                <c:pt idx="191">
                  <c:v>4.0807638168334996</c:v>
                </c:pt>
                <c:pt idx="192">
                  <c:v>4.2554202079772896</c:v>
                </c:pt>
                <c:pt idx="193">
                  <c:v>4.1595101356506303</c:v>
                </c:pt>
                <c:pt idx="194">
                  <c:v>4.0834331512451199</c:v>
                </c:pt>
                <c:pt idx="195">
                  <c:v>3.9315528869628902</c:v>
                </c:pt>
                <c:pt idx="196">
                  <c:v>4.07757520675659</c:v>
                </c:pt>
                <c:pt idx="197">
                  <c:v>3.9033651351928702</c:v>
                </c:pt>
                <c:pt idx="198">
                  <c:v>4.4237751960754403</c:v>
                </c:pt>
                <c:pt idx="199">
                  <c:v>4.6854629516601598</c:v>
                </c:pt>
                <c:pt idx="200">
                  <c:v>4.0756101608276403</c:v>
                </c:pt>
                <c:pt idx="201">
                  <c:v>4.1246457099914604</c:v>
                </c:pt>
                <c:pt idx="202">
                  <c:v>4.0069818496704102</c:v>
                </c:pt>
                <c:pt idx="203">
                  <c:v>4.38087701797485</c:v>
                </c:pt>
                <c:pt idx="204">
                  <c:v>4.7233719825744602</c:v>
                </c:pt>
                <c:pt idx="205">
                  <c:v>4.9703445434570304</c:v>
                </c:pt>
                <c:pt idx="206">
                  <c:v>5.12282466888428</c:v>
                </c:pt>
                <c:pt idx="207">
                  <c:v>5.3104186058044398</c:v>
                </c:pt>
                <c:pt idx="208">
                  <c:v>5.33286476135254</c:v>
                </c:pt>
                <c:pt idx="209">
                  <c:v>5.7225461006164604</c:v>
                </c:pt>
                <c:pt idx="210">
                  <c:v>5.1880149841308603</c:v>
                </c:pt>
                <c:pt idx="211">
                  <c:v>5.51556348800659</c:v>
                </c:pt>
                <c:pt idx="212">
                  <c:v>3.8345899581909202</c:v>
                </c:pt>
                <c:pt idx="213">
                  <c:v>4.2955846786498997</c:v>
                </c:pt>
                <c:pt idx="214">
                  <c:v>4.6167569160461399</c:v>
                </c:pt>
                <c:pt idx="215">
                  <c:v>5.1281652450561497</c:v>
                </c:pt>
                <c:pt idx="216">
                  <c:v>6.0559663772582999</c:v>
                </c:pt>
                <c:pt idx="217">
                  <c:v>6.3117470741271999</c:v>
                </c:pt>
                <c:pt idx="218">
                  <c:v>6.8388333320617702</c:v>
                </c:pt>
                <c:pt idx="219">
                  <c:v>7.20589399337769</c:v>
                </c:pt>
                <c:pt idx="220">
                  <c:v>7.4571151733398402</c:v>
                </c:pt>
                <c:pt idx="221">
                  <c:v>7.7720208168029803</c:v>
                </c:pt>
                <c:pt idx="222">
                  <c:v>8.5062150955200195</c:v>
                </c:pt>
                <c:pt idx="223">
                  <c:v>9.3675308227539098</c:v>
                </c:pt>
                <c:pt idx="224">
                  <c:v>11.153812408447299</c:v>
                </c:pt>
                <c:pt idx="225">
                  <c:v>14.338092803955099</c:v>
                </c:pt>
                <c:pt idx="226">
                  <c:v>17.660425186157202</c:v>
                </c:pt>
                <c:pt idx="227">
                  <c:v>26.789665222168001</c:v>
                </c:pt>
                <c:pt idx="228">
                  <c:v>46.888359069824197</c:v>
                </c:pt>
                <c:pt idx="229">
                  <c:v>339.949829101563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80EE-47BC-A5E8-B73B6403A5A8}"/>
            </c:ext>
          </c:extLst>
        </c:ser>
        <c:ser>
          <c:idx val="8"/>
          <c:order val="8"/>
          <c:tx>
            <c:v>34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>
                  <a:lumMod val="60000"/>
                </a:schemeClr>
              </a:solidFill>
              <a:ln w="9525">
                <a:solidFill>
                  <a:schemeClr val="accent3">
                    <a:lumMod val="60000"/>
                  </a:schemeClr>
                </a:solidFill>
              </a:ln>
              <a:effectLst/>
            </c:spPr>
          </c:marker>
          <c:xVal>
            <c:numRef>
              <c:f>_27_01_bss_1_3_thixotropy_5_1_r!$F$2:$F$231</c:f>
              <c:numCache>
                <c:formatCode>General</c:formatCode>
                <c:ptCount val="230"/>
                <c:pt idx="0">
                  <c:v>0.92746990919113204</c:v>
                </c:pt>
                <c:pt idx="1">
                  <c:v>1.9263508319854701</c:v>
                </c:pt>
                <c:pt idx="2">
                  <c:v>2.9294867515564</c:v>
                </c:pt>
                <c:pt idx="3">
                  <c:v>3.9254999160766602</c:v>
                </c:pt>
                <c:pt idx="4">
                  <c:v>4.9271521568298304</c:v>
                </c:pt>
                <c:pt idx="5">
                  <c:v>5.9281988143920898</c:v>
                </c:pt>
                <c:pt idx="6">
                  <c:v>6.9261608123779297</c:v>
                </c:pt>
                <c:pt idx="7">
                  <c:v>7.9247994422912598</c:v>
                </c:pt>
                <c:pt idx="8">
                  <c:v>8.9291582107543892</c:v>
                </c:pt>
                <c:pt idx="9">
                  <c:v>9.9269618988037092</c:v>
                </c:pt>
                <c:pt idx="10">
                  <c:v>10.9275369644165</c:v>
                </c:pt>
                <c:pt idx="11">
                  <c:v>11.9258527755737</c:v>
                </c:pt>
                <c:pt idx="12">
                  <c:v>12.9248647689819</c:v>
                </c:pt>
                <c:pt idx="13">
                  <c:v>13.927141189575201</c:v>
                </c:pt>
                <c:pt idx="14">
                  <c:v>14.9267492294312</c:v>
                </c:pt>
                <c:pt idx="15">
                  <c:v>15.929573059081999</c:v>
                </c:pt>
                <c:pt idx="16">
                  <c:v>16.929315567016602</c:v>
                </c:pt>
                <c:pt idx="17">
                  <c:v>17.928138732910199</c:v>
                </c:pt>
                <c:pt idx="18">
                  <c:v>18.929069519043001</c:v>
                </c:pt>
                <c:pt idx="19">
                  <c:v>19.928846359252901</c:v>
                </c:pt>
                <c:pt idx="20">
                  <c:v>20.928342819213899</c:v>
                </c:pt>
                <c:pt idx="21">
                  <c:v>21.927986145019499</c:v>
                </c:pt>
                <c:pt idx="22">
                  <c:v>22.927978515625</c:v>
                </c:pt>
                <c:pt idx="23">
                  <c:v>23.9278678894043</c:v>
                </c:pt>
                <c:pt idx="24">
                  <c:v>24.927385330200199</c:v>
                </c:pt>
                <c:pt idx="25">
                  <c:v>25.927171707153299</c:v>
                </c:pt>
                <c:pt idx="26">
                  <c:v>26.926836013793899</c:v>
                </c:pt>
                <c:pt idx="27">
                  <c:v>27.9267063140869</c:v>
                </c:pt>
                <c:pt idx="28">
                  <c:v>28.926446914672901</c:v>
                </c:pt>
                <c:pt idx="29">
                  <c:v>29.9261074066162</c:v>
                </c:pt>
                <c:pt idx="30">
                  <c:v>30.925786972045898</c:v>
                </c:pt>
                <c:pt idx="31">
                  <c:v>31.9256896972656</c:v>
                </c:pt>
                <c:pt idx="32">
                  <c:v>32.925548553466797</c:v>
                </c:pt>
                <c:pt idx="33">
                  <c:v>33.925224304199197</c:v>
                </c:pt>
                <c:pt idx="34">
                  <c:v>34.924922943115199</c:v>
                </c:pt>
                <c:pt idx="35">
                  <c:v>35.924758911132798</c:v>
                </c:pt>
                <c:pt idx="36">
                  <c:v>36.924514770507798</c:v>
                </c:pt>
                <c:pt idx="37">
                  <c:v>37.923812866210902</c:v>
                </c:pt>
                <c:pt idx="38">
                  <c:v>38.924076080322301</c:v>
                </c:pt>
                <c:pt idx="39">
                  <c:v>39.923618316650398</c:v>
                </c:pt>
                <c:pt idx="40">
                  <c:v>40.923313140869098</c:v>
                </c:pt>
                <c:pt idx="41">
                  <c:v>41.923255920410199</c:v>
                </c:pt>
                <c:pt idx="42">
                  <c:v>42.922985076904297</c:v>
                </c:pt>
                <c:pt idx="43">
                  <c:v>43.922679901122997</c:v>
                </c:pt>
                <c:pt idx="44">
                  <c:v>44.922519683837898</c:v>
                </c:pt>
                <c:pt idx="45">
                  <c:v>45.921962738037102</c:v>
                </c:pt>
                <c:pt idx="46">
                  <c:v>46.921974182128899</c:v>
                </c:pt>
                <c:pt idx="47">
                  <c:v>47.921848297119098</c:v>
                </c:pt>
                <c:pt idx="48">
                  <c:v>48.921581268310497</c:v>
                </c:pt>
                <c:pt idx="49">
                  <c:v>49.921382904052699</c:v>
                </c:pt>
                <c:pt idx="50">
                  <c:v>50.9210205078125</c:v>
                </c:pt>
                <c:pt idx="51">
                  <c:v>51.920719146728501</c:v>
                </c:pt>
                <c:pt idx="52">
                  <c:v>52.920608520507798</c:v>
                </c:pt>
                <c:pt idx="53">
                  <c:v>53.920452117919901</c:v>
                </c:pt>
                <c:pt idx="54">
                  <c:v>54.920120239257798</c:v>
                </c:pt>
                <c:pt idx="55">
                  <c:v>55.920120239257798</c:v>
                </c:pt>
                <c:pt idx="56">
                  <c:v>56.919620513916001</c:v>
                </c:pt>
                <c:pt idx="57">
                  <c:v>57.919296264648402</c:v>
                </c:pt>
                <c:pt idx="58">
                  <c:v>58.9191703796387</c:v>
                </c:pt>
                <c:pt idx="59">
                  <c:v>59.918872833252003</c:v>
                </c:pt>
                <c:pt idx="60">
                  <c:v>60.918567657470703</c:v>
                </c:pt>
                <c:pt idx="61">
                  <c:v>61.918384552002003</c:v>
                </c:pt>
                <c:pt idx="62">
                  <c:v>62.918167114257798</c:v>
                </c:pt>
                <c:pt idx="63">
                  <c:v>63.917877197265597</c:v>
                </c:pt>
                <c:pt idx="64">
                  <c:v>64.917755126953097</c:v>
                </c:pt>
                <c:pt idx="65">
                  <c:v>65.917419433593807</c:v>
                </c:pt>
                <c:pt idx="66">
                  <c:v>66.917121887207003</c:v>
                </c:pt>
                <c:pt idx="67">
                  <c:v>67.916976928710895</c:v>
                </c:pt>
                <c:pt idx="68">
                  <c:v>68.916755676269503</c:v>
                </c:pt>
                <c:pt idx="69">
                  <c:v>69.916564941406307</c:v>
                </c:pt>
                <c:pt idx="70">
                  <c:v>70.915954589843807</c:v>
                </c:pt>
                <c:pt idx="71">
                  <c:v>71.915885925292997</c:v>
                </c:pt>
                <c:pt idx="72">
                  <c:v>72.915954589843807</c:v>
                </c:pt>
                <c:pt idx="73">
                  <c:v>73.915519714355497</c:v>
                </c:pt>
                <c:pt idx="74">
                  <c:v>74.915328979492202</c:v>
                </c:pt>
                <c:pt idx="75">
                  <c:v>75.914932250976605</c:v>
                </c:pt>
                <c:pt idx="76">
                  <c:v>76.914642333984403</c:v>
                </c:pt>
                <c:pt idx="77">
                  <c:v>77.914482116699205</c:v>
                </c:pt>
                <c:pt idx="78">
                  <c:v>78.914199829101605</c:v>
                </c:pt>
                <c:pt idx="79">
                  <c:v>79.914016723632798</c:v>
                </c:pt>
                <c:pt idx="80">
                  <c:v>80.913711547851605</c:v>
                </c:pt>
                <c:pt idx="81">
                  <c:v>81.913436889648395</c:v>
                </c:pt>
                <c:pt idx="82">
                  <c:v>82.913307189941406</c:v>
                </c:pt>
                <c:pt idx="83">
                  <c:v>83.913040161132798</c:v>
                </c:pt>
                <c:pt idx="84">
                  <c:v>84.912704467773395</c:v>
                </c:pt>
                <c:pt idx="85">
                  <c:v>85.912490844726605</c:v>
                </c:pt>
                <c:pt idx="86">
                  <c:v>86.912300109863295</c:v>
                </c:pt>
                <c:pt idx="87">
                  <c:v>87.911956787109403</c:v>
                </c:pt>
                <c:pt idx="88">
                  <c:v>88.911720275878906</c:v>
                </c:pt>
                <c:pt idx="89">
                  <c:v>89.911590576171903</c:v>
                </c:pt>
                <c:pt idx="90">
                  <c:v>90.911033630371094</c:v>
                </c:pt>
                <c:pt idx="91">
                  <c:v>91.911392211914105</c:v>
                </c:pt>
                <c:pt idx="92">
                  <c:v>92.910713195800795</c:v>
                </c:pt>
                <c:pt idx="93">
                  <c:v>93.910774230957003</c:v>
                </c:pt>
                <c:pt idx="94">
                  <c:v>94.910606384277301</c:v>
                </c:pt>
                <c:pt idx="95">
                  <c:v>95.9100341796875</c:v>
                </c:pt>
                <c:pt idx="96">
                  <c:v>96.909957885742202</c:v>
                </c:pt>
                <c:pt idx="97">
                  <c:v>97.909599304199205</c:v>
                </c:pt>
                <c:pt idx="98">
                  <c:v>98.909469604492202</c:v>
                </c:pt>
                <c:pt idx="99">
                  <c:v>99.909149169921903</c:v>
                </c:pt>
                <c:pt idx="100">
                  <c:v>9.9998235702514595</c:v>
                </c:pt>
                <c:pt idx="101">
                  <c:v>10.0002136230469</c:v>
                </c:pt>
                <c:pt idx="102">
                  <c:v>10.0000553131104</c:v>
                </c:pt>
                <c:pt idx="103">
                  <c:v>9.9998998641967791</c:v>
                </c:pt>
                <c:pt idx="104">
                  <c:v>9.9998989105224592</c:v>
                </c:pt>
                <c:pt idx="105">
                  <c:v>9.9999074935913104</c:v>
                </c:pt>
                <c:pt idx="106">
                  <c:v>10.000013351440399</c:v>
                </c:pt>
                <c:pt idx="107">
                  <c:v>9.9998493194580096</c:v>
                </c:pt>
                <c:pt idx="108">
                  <c:v>10.0000953674316</c:v>
                </c:pt>
                <c:pt idx="109">
                  <c:v>10.000080108642599</c:v>
                </c:pt>
                <c:pt idx="110">
                  <c:v>9.9999790191650408</c:v>
                </c:pt>
                <c:pt idx="111">
                  <c:v>10.0000057220459</c:v>
                </c:pt>
                <c:pt idx="112">
                  <c:v>9.99993991851807</c:v>
                </c:pt>
                <c:pt idx="113">
                  <c:v>10.0002098083496</c:v>
                </c:pt>
                <c:pt idx="114">
                  <c:v>10.000036239624</c:v>
                </c:pt>
                <c:pt idx="115">
                  <c:v>9.9998569488525408</c:v>
                </c:pt>
                <c:pt idx="116">
                  <c:v>9.9999561309814506</c:v>
                </c:pt>
                <c:pt idx="117">
                  <c:v>9.9996814727783203</c:v>
                </c:pt>
                <c:pt idx="118">
                  <c:v>9.9998846054077095</c:v>
                </c:pt>
                <c:pt idx="119">
                  <c:v>10.0004940032959</c:v>
                </c:pt>
                <c:pt idx="120">
                  <c:v>9.9999217987060494</c:v>
                </c:pt>
                <c:pt idx="121">
                  <c:v>10.000313758850099</c:v>
                </c:pt>
                <c:pt idx="122">
                  <c:v>10.0003757476807</c:v>
                </c:pt>
                <c:pt idx="123">
                  <c:v>9.9995050430297905</c:v>
                </c:pt>
                <c:pt idx="124">
                  <c:v>9.9999094009399396</c:v>
                </c:pt>
                <c:pt idx="125">
                  <c:v>10.000500679016101</c:v>
                </c:pt>
                <c:pt idx="126">
                  <c:v>10.000328063964799</c:v>
                </c:pt>
                <c:pt idx="127">
                  <c:v>9.9997653961181605</c:v>
                </c:pt>
                <c:pt idx="128">
                  <c:v>10.0007619857788</c:v>
                </c:pt>
                <c:pt idx="129">
                  <c:v>9.9990234375</c:v>
                </c:pt>
                <c:pt idx="130">
                  <c:v>99.074867248535199</c:v>
                </c:pt>
                <c:pt idx="131">
                  <c:v>98.072578430175795</c:v>
                </c:pt>
                <c:pt idx="132">
                  <c:v>97.073051452636705</c:v>
                </c:pt>
                <c:pt idx="133">
                  <c:v>96.0731201171875</c:v>
                </c:pt>
                <c:pt idx="134">
                  <c:v>95.076057434082003</c:v>
                </c:pt>
                <c:pt idx="135">
                  <c:v>94.076972961425795</c:v>
                </c:pt>
                <c:pt idx="136">
                  <c:v>93.074447631835895</c:v>
                </c:pt>
                <c:pt idx="137">
                  <c:v>92.0750732421875</c:v>
                </c:pt>
                <c:pt idx="138">
                  <c:v>91.074562072753906</c:v>
                </c:pt>
                <c:pt idx="139">
                  <c:v>90.078018188476605</c:v>
                </c:pt>
                <c:pt idx="140">
                  <c:v>89.078697204589801</c:v>
                </c:pt>
                <c:pt idx="141">
                  <c:v>88.075027465820298</c:v>
                </c:pt>
                <c:pt idx="142">
                  <c:v>87.074714660644503</c:v>
                </c:pt>
                <c:pt idx="143">
                  <c:v>86.078292846679702</c:v>
                </c:pt>
                <c:pt idx="144">
                  <c:v>85.078483581542997</c:v>
                </c:pt>
                <c:pt idx="145">
                  <c:v>84.079132080078097</c:v>
                </c:pt>
                <c:pt idx="146">
                  <c:v>83.076843261718807</c:v>
                </c:pt>
                <c:pt idx="147">
                  <c:v>82.079277038574205</c:v>
                </c:pt>
                <c:pt idx="148">
                  <c:v>81.076095581054702</c:v>
                </c:pt>
                <c:pt idx="149">
                  <c:v>80.077354431152301</c:v>
                </c:pt>
                <c:pt idx="150">
                  <c:v>79.077590942382798</c:v>
                </c:pt>
                <c:pt idx="151">
                  <c:v>78.077598571777301</c:v>
                </c:pt>
                <c:pt idx="152">
                  <c:v>77.078056335449205</c:v>
                </c:pt>
                <c:pt idx="153">
                  <c:v>76.077659606933594</c:v>
                </c:pt>
                <c:pt idx="154">
                  <c:v>75.078338623046903</c:v>
                </c:pt>
                <c:pt idx="155">
                  <c:v>74.079093933105497</c:v>
                </c:pt>
                <c:pt idx="156">
                  <c:v>73.07470703125</c:v>
                </c:pt>
                <c:pt idx="157">
                  <c:v>72.079795837402301</c:v>
                </c:pt>
                <c:pt idx="158">
                  <c:v>71.079750061035199</c:v>
                </c:pt>
                <c:pt idx="159">
                  <c:v>70.079742431640597</c:v>
                </c:pt>
                <c:pt idx="160">
                  <c:v>69.079978942871094</c:v>
                </c:pt>
                <c:pt idx="161">
                  <c:v>68.080215454101605</c:v>
                </c:pt>
                <c:pt idx="162">
                  <c:v>67.080322265625</c:v>
                </c:pt>
                <c:pt idx="163">
                  <c:v>66.080650329589801</c:v>
                </c:pt>
                <c:pt idx="164">
                  <c:v>65.080894470214801</c:v>
                </c:pt>
                <c:pt idx="165">
                  <c:v>64.081130981445298</c:v>
                </c:pt>
                <c:pt idx="166">
                  <c:v>63.081325531005902</c:v>
                </c:pt>
                <c:pt idx="167">
                  <c:v>62.081703186035199</c:v>
                </c:pt>
                <c:pt idx="168">
                  <c:v>61.082004547119098</c:v>
                </c:pt>
                <c:pt idx="169">
                  <c:v>60.082073211669901</c:v>
                </c:pt>
                <c:pt idx="170">
                  <c:v>59.082374572753899</c:v>
                </c:pt>
                <c:pt idx="171">
                  <c:v>58.082557678222699</c:v>
                </c:pt>
                <c:pt idx="172">
                  <c:v>57.082790374755902</c:v>
                </c:pt>
                <c:pt idx="173">
                  <c:v>56.083118438720703</c:v>
                </c:pt>
                <c:pt idx="174">
                  <c:v>55.083263397216797</c:v>
                </c:pt>
                <c:pt idx="175">
                  <c:v>54.0837211608887</c:v>
                </c:pt>
                <c:pt idx="176">
                  <c:v>53.083770751953097</c:v>
                </c:pt>
                <c:pt idx="177">
                  <c:v>52.084220886230497</c:v>
                </c:pt>
                <c:pt idx="178">
                  <c:v>51.084255218505902</c:v>
                </c:pt>
                <c:pt idx="179">
                  <c:v>50.0845756530762</c:v>
                </c:pt>
                <c:pt idx="180">
                  <c:v>49.0848197937012</c:v>
                </c:pt>
                <c:pt idx="181">
                  <c:v>48.084716796875</c:v>
                </c:pt>
                <c:pt idx="182">
                  <c:v>47.085056304931598</c:v>
                </c:pt>
                <c:pt idx="183">
                  <c:v>46.085147857666001</c:v>
                </c:pt>
                <c:pt idx="184">
                  <c:v>45.085891723632798</c:v>
                </c:pt>
                <c:pt idx="185">
                  <c:v>44.086032867431598</c:v>
                </c:pt>
                <c:pt idx="186">
                  <c:v>43.085762023925803</c:v>
                </c:pt>
                <c:pt idx="187">
                  <c:v>42.086582183837898</c:v>
                </c:pt>
                <c:pt idx="188">
                  <c:v>41.086864471435497</c:v>
                </c:pt>
                <c:pt idx="189">
                  <c:v>40.087043762207003</c:v>
                </c:pt>
                <c:pt idx="190">
                  <c:v>39.0871772766113</c:v>
                </c:pt>
                <c:pt idx="191">
                  <c:v>38.087356567382798</c:v>
                </c:pt>
                <c:pt idx="192">
                  <c:v>37.0879936218262</c:v>
                </c:pt>
                <c:pt idx="193">
                  <c:v>36.088138580322301</c:v>
                </c:pt>
                <c:pt idx="194">
                  <c:v>35.088283538818402</c:v>
                </c:pt>
                <c:pt idx="195">
                  <c:v>34.088504791259801</c:v>
                </c:pt>
                <c:pt idx="196">
                  <c:v>33.088722229003899</c:v>
                </c:pt>
                <c:pt idx="197">
                  <c:v>32.088737487792997</c:v>
                </c:pt>
                <c:pt idx="198">
                  <c:v>31.089210510253899</c:v>
                </c:pt>
                <c:pt idx="199">
                  <c:v>30.089490890502901</c:v>
                </c:pt>
                <c:pt idx="200">
                  <c:v>29.089912414550799</c:v>
                </c:pt>
                <c:pt idx="201">
                  <c:v>28.089931488037099</c:v>
                </c:pt>
                <c:pt idx="202">
                  <c:v>27.0901699066162</c:v>
                </c:pt>
                <c:pt idx="203">
                  <c:v>26.0903835296631</c:v>
                </c:pt>
                <c:pt idx="204">
                  <c:v>25.090610504150401</c:v>
                </c:pt>
                <c:pt idx="205">
                  <c:v>24.090980529785199</c:v>
                </c:pt>
                <c:pt idx="206">
                  <c:v>23.0911159515381</c:v>
                </c:pt>
                <c:pt idx="207">
                  <c:v>22.091373443603501</c:v>
                </c:pt>
                <c:pt idx="208">
                  <c:v>21.091596603393601</c:v>
                </c:pt>
                <c:pt idx="209">
                  <c:v>20.091789245605501</c:v>
                </c:pt>
                <c:pt idx="210">
                  <c:v>19.092149734497099</c:v>
                </c:pt>
                <c:pt idx="211">
                  <c:v>18.092290878295898</c:v>
                </c:pt>
                <c:pt idx="212">
                  <c:v>17.092571258544901</c:v>
                </c:pt>
                <c:pt idx="213">
                  <c:v>16.092891693115199</c:v>
                </c:pt>
                <c:pt idx="214">
                  <c:v>15.092775344848601</c:v>
                </c:pt>
                <c:pt idx="215">
                  <c:v>14.092614173889199</c:v>
                </c:pt>
                <c:pt idx="216">
                  <c:v>13.0926570892334</c:v>
                </c:pt>
                <c:pt idx="217">
                  <c:v>12.092460632324199</c:v>
                </c:pt>
                <c:pt idx="218">
                  <c:v>11.0924644470215</c:v>
                </c:pt>
                <c:pt idx="219">
                  <c:v>10.0923051834106</c:v>
                </c:pt>
                <c:pt idx="220">
                  <c:v>9.0921173095703107</c:v>
                </c:pt>
                <c:pt idx="221">
                  <c:v>8.0919857025146502</c:v>
                </c:pt>
                <c:pt idx="222">
                  <c:v>7.0920114517211896</c:v>
                </c:pt>
                <c:pt idx="223">
                  <c:v>6.09216213226318</c:v>
                </c:pt>
                <c:pt idx="224">
                  <c:v>5.0921382904052699</c:v>
                </c:pt>
                <c:pt idx="225">
                  <c:v>4.0923447608947798</c:v>
                </c:pt>
                <c:pt idx="226">
                  <c:v>3.09224605560303</c:v>
                </c:pt>
                <c:pt idx="227">
                  <c:v>2.0923087596893302</c:v>
                </c:pt>
                <c:pt idx="228">
                  <c:v>1.09219741821289</c:v>
                </c:pt>
                <c:pt idx="229">
                  <c:v>9.2362508177757305E-2</c:v>
                </c:pt>
              </c:numCache>
            </c:numRef>
          </c:xVal>
          <c:yVal>
            <c:numRef>
              <c:f>_27_01_bss_1_3_thixotropy_5_1_r!$G$2:$G$231</c:f>
              <c:numCache>
                <c:formatCode>General</c:formatCode>
                <c:ptCount val="230"/>
                <c:pt idx="0">
                  <c:v>2839.7314453125</c:v>
                </c:pt>
                <c:pt idx="1">
                  <c:v>878.87640380859398</c:v>
                </c:pt>
                <c:pt idx="2">
                  <c:v>419.13772583007801</c:v>
                </c:pt>
                <c:pt idx="3">
                  <c:v>261.78036499023398</c:v>
                </c:pt>
                <c:pt idx="4">
                  <c:v>197.61549377441401</c:v>
                </c:pt>
                <c:pt idx="5">
                  <c:v>158.68316650390599</c:v>
                </c:pt>
                <c:pt idx="6">
                  <c:v>135.75329589843801</c:v>
                </c:pt>
                <c:pt idx="7">
                  <c:v>103.216064453125</c:v>
                </c:pt>
                <c:pt idx="8">
                  <c:v>73.319435119628906</c:v>
                </c:pt>
                <c:pt idx="9">
                  <c:v>44.321254730224602</c:v>
                </c:pt>
                <c:pt idx="10">
                  <c:v>30.179651260376001</c:v>
                </c:pt>
                <c:pt idx="11">
                  <c:v>23.1384792327881</c:v>
                </c:pt>
                <c:pt idx="12">
                  <c:v>23.233579635620099</c:v>
                </c:pt>
                <c:pt idx="13">
                  <c:v>20.233650207519499</c:v>
                </c:pt>
                <c:pt idx="14">
                  <c:v>17.5238151550293</c:v>
                </c:pt>
                <c:pt idx="15">
                  <c:v>14.751311302185099</c:v>
                </c:pt>
                <c:pt idx="16">
                  <c:v>12.7318124771118</c:v>
                </c:pt>
                <c:pt idx="17">
                  <c:v>11.827838897705099</c:v>
                </c:pt>
                <c:pt idx="18">
                  <c:v>11.6061820983887</c:v>
                </c:pt>
                <c:pt idx="19">
                  <c:v>9.8144092559814506</c:v>
                </c:pt>
                <c:pt idx="20">
                  <c:v>8.6844778060913104</c:v>
                </c:pt>
                <c:pt idx="21">
                  <c:v>8.5532350540161097</c:v>
                </c:pt>
                <c:pt idx="22">
                  <c:v>7.7039294242858896</c:v>
                </c:pt>
                <c:pt idx="23">
                  <c:v>6.5716052055358896</c:v>
                </c:pt>
                <c:pt idx="24">
                  <c:v>5.80106544494629</c:v>
                </c:pt>
                <c:pt idx="25">
                  <c:v>5.1654839515686</c:v>
                </c:pt>
                <c:pt idx="26">
                  <c:v>5.1651186943054199</c:v>
                </c:pt>
                <c:pt idx="27">
                  <c:v>4.1289348602294904</c:v>
                </c:pt>
                <c:pt idx="28">
                  <c:v>3.69907522201538</c:v>
                </c:pt>
                <c:pt idx="29">
                  <c:v>3.4570009708404501</c:v>
                </c:pt>
                <c:pt idx="30">
                  <c:v>3.4586236476898198</c:v>
                </c:pt>
                <c:pt idx="31">
                  <c:v>2.6963555812835698</c:v>
                </c:pt>
                <c:pt idx="32">
                  <c:v>2.4646809101104701</c:v>
                </c:pt>
                <c:pt idx="33">
                  <c:v>2.5497603416442902</c:v>
                </c:pt>
                <c:pt idx="34">
                  <c:v>2.5183060169220002</c:v>
                </c:pt>
                <c:pt idx="35">
                  <c:v>2.2530457973480198</c:v>
                </c:pt>
                <c:pt idx="36">
                  <c:v>2.1429910659789999</c:v>
                </c:pt>
                <c:pt idx="37">
                  <c:v>3.5861670970916699</c:v>
                </c:pt>
                <c:pt idx="38">
                  <c:v>3.16744756698608</c:v>
                </c:pt>
                <c:pt idx="39">
                  <c:v>2.8462545871734601</c:v>
                </c:pt>
                <c:pt idx="40">
                  <c:v>2.54413938522339</c:v>
                </c:pt>
                <c:pt idx="41">
                  <c:v>2.1069169044494598</c:v>
                </c:pt>
                <c:pt idx="42">
                  <c:v>1.97443294525146</c:v>
                </c:pt>
                <c:pt idx="43">
                  <c:v>1.89084029197693</c:v>
                </c:pt>
                <c:pt idx="44">
                  <c:v>1.8800064325332599</c:v>
                </c:pt>
                <c:pt idx="45">
                  <c:v>2.0627717971801798</c:v>
                </c:pt>
                <c:pt idx="46">
                  <c:v>1.71481668949127</c:v>
                </c:pt>
                <c:pt idx="47">
                  <c:v>1.87880051136017</c:v>
                </c:pt>
                <c:pt idx="48">
                  <c:v>1.72561967372894</c:v>
                </c:pt>
                <c:pt idx="49">
                  <c:v>1.30348312854767</c:v>
                </c:pt>
                <c:pt idx="50">
                  <c:v>1.17257487773895</c:v>
                </c:pt>
                <c:pt idx="51">
                  <c:v>1.3164762258529701</c:v>
                </c:pt>
                <c:pt idx="52">
                  <c:v>1.22878170013428</c:v>
                </c:pt>
                <c:pt idx="53">
                  <c:v>1.2284362316131601</c:v>
                </c:pt>
                <c:pt idx="54">
                  <c:v>1.18695628643036</c:v>
                </c:pt>
                <c:pt idx="55">
                  <c:v>1.1429959535598799</c:v>
                </c:pt>
                <c:pt idx="56">
                  <c:v>1.1820424795150799</c:v>
                </c:pt>
                <c:pt idx="57">
                  <c:v>1.5137894153595</c:v>
                </c:pt>
                <c:pt idx="58">
                  <c:v>1.74238240718842</c:v>
                </c:pt>
                <c:pt idx="59">
                  <c:v>1.5108942985534699</c:v>
                </c:pt>
                <c:pt idx="60">
                  <c:v>1.6884015798568699</c:v>
                </c:pt>
                <c:pt idx="61">
                  <c:v>1.72449779510498</c:v>
                </c:pt>
                <c:pt idx="62">
                  <c:v>1.6367771625518801</c:v>
                </c:pt>
                <c:pt idx="63">
                  <c:v>1.6592880487442001</c:v>
                </c:pt>
                <c:pt idx="64">
                  <c:v>1.32820761203766</c:v>
                </c:pt>
                <c:pt idx="65">
                  <c:v>1.11326551437378</c:v>
                </c:pt>
                <c:pt idx="66">
                  <c:v>0.99905484914779696</c:v>
                </c:pt>
                <c:pt idx="67">
                  <c:v>0.95354074239730802</c:v>
                </c:pt>
                <c:pt idx="68">
                  <c:v>0.98470705747604403</c:v>
                </c:pt>
                <c:pt idx="69">
                  <c:v>0.83076667785644498</c:v>
                </c:pt>
                <c:pt idx="70">
                  <c:v>0.86359626054763805</c:v>
                </c:pt>
                <c:pt idx="71">
                  <c:v>1.0436152219772299</c:v>
                </c:pt>
                <c:pt idx="72">
                  <c:v>0.95416492223739602</c:v>
                </c:pt>
                <c:pt idx="73">
                  <c:v>0.850031137466431</c:v>
                </c:pt>
                <c:pt idx="74">
                  <c:v>0.94842696189880404</c:v>
                </c:pt>
                <c:pt idx="75">
                  <c:v>0.73828107118606601</c:v>
                </c:pt>
                <c:pt idx="76">
                  <c:v>0.72697460651397705</c:v>
                </c:pt>
                <c:pt idx="77">
                  <c:v>0.70903563499450695</c:v>
                </c:pt>
                <c:pt idx="78">
                  <c:v>0.64200586080551103</c:v>
                </c:pt>
                <c:pt idx="79">
                  <c:v>0.59168905019760099</c:v>
                </c:pt>
                <c:pt idx="80">
                  <c:v>0.635855972766876</c:v>
                </c:pt>
                <c:pt idx="81">
                  <c:v>0.61892926692962602</c:v>
                </c:pt>
                <c:pt idx="82">
                  <c:v>0.597464740276337</c:v>
                </c:pt>
                <c:pt idx="83">
                  <c:v>0.56545203924179099</c:v>
                </c:pt>
                <c:pt idx="84">
                  <c:v>0.55714797973632801</c:v>
                </c:pt>
                <c:pt idx="85">
                  <c:v>0.57768619060516402</c:v>
                </c:pt>
                <c:pt idx="86">
                  <c:v>0.54260671138763406</c:v>
                </c:pt>
                <c:pt idx="87">
                  <c:v>0.585923552513123</c:v>
                </c:pt>
                <c:pt idx="88">
                  <c:v>0.577794909477234</c:v>
                </c:pt>
                <c:pt idx="89">
                  <c:v>0.65663611888885498</c:v>
                </c:pt>
                <c:pt idx="90">
                  <c:v>0.87469595670700095</c:v>
                </c:pt>
                <c:pt idx="91">
                  <c:v>0.88898962736129805</c:v>
                </c:pt>
                <c:pt idx="92">
                  <c:v>0.86174488067626998</c:v>
                </c:pt>
                <c:pt idx="93">
                  <c:v>1.2797665596008301</c:v>
                </c:pt>
                <c:pt idx="94">
                  <c:v>0.85963225364685103</c:v>
                </c:pt>
                <c:pt idx="95">
                  <c:v>0.54866737127304099</c:v>
                </c:pt>
                <c:pt idx="96">
                  <c:v>0.50129264593124401</c:v>
                </c:pt>
                <c:pt idx="97">
                  <c:v>0.443353712558746</c:v>
                </c:pt>
                <c:pt idx="98">
                  <c:v>0.45294937491416898</c:v>
                </c:pt>
                <c:pt idx="99">
                  <c:v>0.45230138301849399</c:v>
                </c:pt>
                <c:pt idx="100">
                  <c:v>3.2527422904968302</c:v>
                </c:pt>
                <c:pt idx="101">
                  <c:v>3.4044995307922399</c:v>
                </c:pt>
                <c:pt idx="102">
                  <c:v>3.2966108322143599</c:v>
                </c:pt>
                <c:pt idx="103">
                  <c:v>3.3275003433227499</c:v>
                </c:pt>
                <c:pt idx="104">
                  <c:v>3.48861527442932</c:v>
                </c:pt>
                <c:pt idx="105">
                  <c:v>3.3196167945861799</c:v>
                </c:pt>
                <c:pt idx="106">
                  <c:v>3.3811168670654301</c:v>
                </c:pt>
                <c:pt idx="107">
                  <c:v>3.2487032413482702</c:v>
                </c:pt>
                <c:pt idx="108">
                  <c:v>3.3997421264648402</c:v>
                </c:pt>
                <c:pt idx="109">
                  <c:v>3.5224659442901598</c:v>
                </c:pt>
                <c:pt idx="110">
                  <c:v>3.3472471237182599</c:v>
                </c:pt>
                <c:pt idx="111">
                  <c:v>3.5500235557556201</c:v>
                </c:pt>
                <c:pt idx="112">
                  <c:v>3.8546800613403298</c:v>
                </c:pt>
                <c:pt idx="113">
                  <c:v>3.6193950176239</c:v>
                </c:pt>
                <c:pt idx="114">
                  <c:v>3.94959497451782</c:v>
                </c:pt>
                <c:pt idx="115">
                  <c:v>4.2996559143066397</c:v>
                </c:pt>
                <c:pt idx="116">
                  <c:v>3.9362716674804701</c:v>
                </c:pt>
                <c:pt idx="117">
                  <c:v>4.1928744316101101</c:v>
                </c:pt>
                <c:pt idx="118">
                  <c:v>4.6891832351684597</c:v>
                </c:pt>
                <c:pt idx="119">
                  <c:v>6.3247919082641602</c:v>
                </c:pt>
                <c:pt idx="120">
                  <c:v>8.5294065475463903</c:v>
                </c:pt>
                <c:pt idx="121">
                  <c:v>11.250099182128899</c:v>
                </c:pt>
                <c:pt idx="122">
                  <c:v>11.7325448989868</c:v>
                </c:pt>
                <c:pt idx="123">
                  <c:v>11.3558263778687</c:v>
                </c:pt>
                <c:pt idx="124">
                  <c:v>10.479495048522899</c:v>
                </c:pt>
                <c:pt idx="125">
                  <c:v>12.072579383850099</c:v>
                </c:pt>
                <c:pt idx="126">
                  <c:v>11.1553802490234</c:v>
                </c:pt>
                <c:pt idx="127">
                  <c:v>10.768836975097701</c:v>
                </c:pt>
                <c:pt idx="128">
                  <c:v>10.9538278579712</c:v>
                </c:pt>
                <c:pt idx="129">
                  <c:v>10.719689369201699</c:v>
                </c:pt>
                <c:pt idx="130">
                  <c:v>2.5922920703887899</c:v>
                </c:pt>
                <c:pt idx="131">
                  <c:v>2.9414405822753902</c:v>
                </c:pt>
                <c:pt idx="132">
                  <c:v>2.5417723655700701</c:v>
                </c:pt>
                <c:pt idx="133">
                  <c:v>2.00162625312805</c:v>
                </c:pt>
                <c:pt idx="134">
                  <c:v>2.56365942955017</c:v>
                </c:pt>
                <c:pt idx="135">
                  <c:v>2.46212601661682</c:v>
                </c:pt>
                <c:pt idx="136">
                  <c:v>3.1255257129669198</c:v>
                </c:pt>
                <c:pt idx="137">
                  <c:v>2.6351366043090798</c:v>
                </c:pt>
                <c:pt idx="138">
                  <c:v>2.0791203975677499</c:v>
                </c:pt>
                <c:pt idx="139">
                  <c:v>2.9727611541747998</c:v>
                </c:pt>
                <c:pt idx="140">
                  <c:v>3.14242386817932</c:v>
                </c:pt>
                <c:pt idx="141">
                  <c:v>3.5535144805908199</c:v>
                </c:pt>
                <c:pt idx="142">
                  <c:v>2.9788868427276598</c:v>
                </c:pt>
                <c:pt idx="143">
                  <c:v>2.5679869651794398</c:v>
                </c:pt>
                <c:pt idx="144">
                  <c:v>2.3370342254638699</c:v>
                </c:pt>
                <c:pt idx="145">
                  <c:v>2.1223313808441202</c:v>
                </c:pt>
                <c:pt idx="146">
                  <c:v>3.2106473445892298</c:v>
                </c:pt>
                <c:pt idx="147">
                  <c:v>2.3641991615295401</c:v>
                </c:pt>
                <c:pt idx="148">
                  <c:v>2.0545358657836901</c:v>
                </c:pt>
                <c:pt idx="149">
                  <c:v>1.8198219537735001</c:v>
                </c:pt>
                <c:pt idx="150">
                  <c:v>1.40466260910034</c:v>
                </c:pt>
                <c:pt idx="151">
                  <c:v>1.02881360054016</c:v>
                </c:pt>
                <c:pt idx="152">
                  <c:v>0.97508865594863903</c:v>
                </c:pt>
                <c:pt idx="153">
                  <c:v>1.0289266109466599</c:v>
                </c:pt>
                <c:pt idx="154">
                  <c:v>1.4041450023651101</c:v>
                </c:pt>
                <c:pt idx="155">
                  <c:v>1.28303027153015</c:v>
                </c:pt>
                <c:pt idx="156">
                  <c:v>8.0686521530151403</c:v>
                </c:pt>
                <c:pt idx="157">
                  <c:v>2.4989261627197301</c:v>
                </c:pt>
                <c:pt idx="158">
                  <c:v>1.33510446548462</c:v>
                </c:pt>
                <c:pt idx="159">
                  <c:v>0.61480712890625</c:v>
                </c:pt>
                <c:pt idx="160">
                  <c:v>0.50239437818527199</c:v>
                </c:pt>
                <c:pt idx="161">
                  <c:v>0.51664113998413097</c:v>
                </c:pt>
                <c:pt idx="162">
                  <c:v>0.50067126750946001</c:v>
                </c:pt>
                <c:pt idx="163">
                  <c:v>0.63520306348800704</c:v>
                </c:pt>
                <c:pt idx="164">
                  <c:v>0.68099856376647905</c:v>
                </c:pt>
                <c:pt idx="165">
                  <c:v>0.42128080129623402</c:v>
                </c:pt>
                <c:pt idx="166">
                  <c:v>0.50368070602417003</c:v>
                </c:pt>
                <c:pt idx="167">
                  <c:v>0.59794139862060502</c:v>
                </c:pt>
                <c:pt idx="168">
                  <c:v>0.63865035772323597</c:v>
                </c:pt>
                <c:pt idx="169">
                  <c:v>0.37656497955322299</c:v>
                </c:pt>
                <c:pt idx="170">
                  <c:v>0.36155754327773998</c:v>
                </c:pt>
                <c:pt idx="171">
                  <c:v>0.351254463195801</c:v>
                </c:pt>
                <c:pt idx="172">
                  <c:v>0.367208212614059</c:v>
                </c:pt>
                <c:pt idx="173">
                  <c:v>0.70356297492981001</c:v>
                </c:pt>
                <c:pt idx="174">
                  <c:v>0.67066246271133401</c:v>
                </c:pt>
                <c:pt idx="175">
                  <c:v>0.84010601043701205</c:v>
                </c:pt>
                <c:pt idx="176">
                  <c:v>0.65962117910385099</c:v>
                </c:pt>
                <c:pt idx="177">
                  <c:v>0.77138823270797696</c:v>
                </c:pt>
                <c:pt idx="178">
                  <c:v>0.58333301544189498</c:v>
                </c:pt>
                <c:pt idx="179">
                  <c:v>0.67128914594650302</c:v>
                </c:pt>
                <c:pt idx="180">
                  <c:v>0.45792016386985801</c:v>
                </c:pt>
                <c:pt idx="181">
                  <c:v>0.948023021221161</c:v>
                </c:pt>
                <c:pt idx="182">
                  <c:v>0.90554082393646196</c:v>
                </c:pt>
                <c:pt idx="183">
                  <c:v>0.81780368089675903</c:v>
                </c:pt>
                <c:pt idx="184">
                  <c:v>0.771370708942413</c:v>
                </c:pt>
                <c:pt idx="185">
                  <c:v>0.490606248378754</c:v>
                </c:pt>
                <c:pt idx="186">
                  <c:v>0.97137129306793202</c:v>
                </c:pt>
                <c:pt idx="187">
                  <c:v>3.0293426513671902</c:v>
                </c:pt>
                <c:pt idx="188">
                  <c:v>1.48379254341125</c:v>
                </c:pt>
                <c:pt idx="189">
                  <c:v>1.3377654552459699</c:v>
                </c:pt>
                <c:pt idx="190">
                  <c:v>1.4624482393264799</c:v>
                </c:pt>
                <c:pt idx="191">
                  <c:v>1.5303521156311</c:v>
                </c:pt>
                <c:pt idx="192">
                  <c:v>2.07833003997803</c:v>
                </c:pt>
                <c:pt idx="193">
                  <c:v>1.61898565292358</c:v>
                </c:pt>
                <c:pt idx="194">
                  <c:v>1.9741553068161</c:v>
                </c:pt>
                <c:pt idx="195">
                  <c:v>2.1017653942108199</c:v>
                </c:pt>
                <c:pt idx="196">
                  <c:v>2.9554719924926798</c:v>
                </c:pt>
                <c:pt idx="197">
                  <c:v>1.9906374216079701</c:v>
                </c:pt>
                <c:pt idx="198">
                  <c:v>1.82771956920624</c:v>
                </c:pt>
                <c:pt idx="199">
                  <c:v>1.75061678886414</c:v>
                </c:pt>
                <c:pt idx="200">
                  <c:v>1.64958703517914</c:v>
                </c:pt>
                <c:pt idx="201">
                  <c:v>1.88218438625336</c:v>
                </c:pt>
                <c:pt idx="202">
                  <c:v>1.4775962829589799</c:v>
                </c:pt>
                <c:pt idx="203">
                  <c:v>1.5822125673294101</c:v>
                </c:pt>
                <c:pt idx="204">
                  <c:v>1.8260110616684</c:v>
                </c:pt>
                <c:pt idx="205">
                  <c:v>1.88806080818176</c:v>
                </c:pt>
                <c:pt idx="206">
                  <c:v>1.9710910320282</c:v>
                </c:pt>
                <c:pt idx="207">
                  <c:v>1.7120676040649401</c:v>
                </c:pt>
                <c:pt idx="208">
                  <c:v>1.8502899408340501</c:v>
                </c:pt>
                <c:pt idx="209">
                  <c:v>2.0364959239959699</c:v>
                </c:pt>
                <c:pt idx="210">
                  <c:v>2.3304021358489999</c:v>
                </c:pt>
                <c:pt idx="211">
                  <c:v>2.75908756256104</c:v>
                </c:pt>
                <c:pt idx="212">
                  <c:v>2.4845397472381601</c:v>
                </c:pt>
                <c:pt idx="213">
                  <c:v>1.8853800296783401</c:v>
                </c:pt>
                <c:pt idx="214">
                  <c:v>1.73699843883514</c:v>
                </c:pt>
                <c:pt idx="215">
                  <c:v>1.8359858989715601</c:v>
                </c:pt>
                <c:pt idx="216">
                  <c:v>1.65550065040588</c:v>
                </c:pt>
                <c:pt idx="217">
                  <c:v>1.7668774127960201</c:v>
                </c:pt>
                <c:pt idx="218">
                  <c:v>2.1265709400177002</c:v>
                </c:pt>
                <c:pt idx="219">
                  <c:v>2.3044817447662398</c:v>
                </c:pt>
                <c:pt idx="220">
                  <c:v>2.3783695697784402</c:v>
                </c:pt>
                <c:pt idx="221">
                  <c:v>2.3431763648986799</c:v>
                </c:pt>
                <c:pt idx="222">
                  <c:v>2.5646889209747301</c:v>
                </c:pt>
                <c:pt idx="223">
                  <c:v>2.7789382934570299</c:v>
                </c:pt>
                <c:pt idx="224">
                  <c:v>3.8264746665954599</c:v>
                </c:pt>
                <c:pt idx="225">
                  <c:v>4.3429012298584002</c:v>
                </c:pt>
                <c:pt idx="226">
                  <c:v>4.8829069137573198</c:v>
                </c:pt>
                <c:pt idx="227">
                  <c:v>9.4378252029418892</c:v>
                </c:pt>
                <c:pt idx="228">
                  <c:v>14.6822147369385</c:v>
                </c:pt>
                <c:pt idx="229">
                  <c:v>120.7929611206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80EE-47BC-A5E8-B73B6403A5A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Viscosity, </a:t>
                </a:r>
                <a:r>
                  <a:rPr lang="el-GR"/>
                  <a:t>η</a:t>
                </a:r>
                <a:r>
                  <a:rPr lang="en-GB"/>
                  <a:t> (Pas)</a:t>
                </a:r>
                <a:r>
                  <a:rPr lang="en-GB" baseline="0"/>
                  <a:t> </a:t>
                </a:r>
                <a:endParaRPr lang="en-GB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5 %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5"/>
          <c:order val="0"/>
          <c:tx>
            <c:v>5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Type_1_3_5___._1_thixotropy_rwd!$F$2:$F$231</c:f>
              <c:numCache>
                <c:formatCode>General</c:formatCode>
                <c:ptCount val="230"/>
                <c:pt idx="0">
                  <c:v>0.92486739158630404</c:v>
                </c:pt>
                <c:pt idx="1">
                  <c:v>1.92493236064911</c:v>
                </c:pt>
                <c:pt idx="2">
                  <c:v>2.9249186515808101</c:v>
                </c:pt>
                <c:pt idx="3">
                  <c:v>3.9248642921447798</c:v>
                </c:pt>
                <c:pt idx="4">
                  <c:v>4.9248628616332999</c:v>
                </c:pt>
                <c:pt idx="5">
                  <c:v>5.9248061180114702</c:v>
                </c:pt>
                <c:pt idx="6">
                  <c:v>6.9274721145629901</c:v>
                </c:pt>
                <c:pt idx="7">
                  <c:v>7.92740726470947</c:v>
                </c:pt>
                <c:pt idx="8">
                  <c:v>8.9274721145629901</c:v>
                </c:pt>
                <c:pt idx="9">
                  <c:v>9.9247989654540998</c:v>
                </c:pt>
                <c:pt idx="10">
                  <c:v>10.9248342514038</c:v>
                </c:pt>
                <c:pt idx="11">
                  <c:v>11.924975395202599</c:v>
                </c:pt>
                <c:pt idx="12">
                  <c:v>12.925004959106399</c:v>
                </c:pt>
                <c:pt idx="13">
                  <c:v>13.925124168396</c:v>
                </c:pt>
                <c:pt idx="14">
                  <c:v>14.9280805587769</c:v>
                </c:pt>
                <c:pt idx="15">
                  <c:v>15.927975654602101</c:v>
                </c:pt>
                <c:pt idx="16">
                  <c:v>16.928098678588899</c:v>
                </c:pt>
                <c:pt idx="17">
                  <c:v>17.927789688110401</c:v>
                </c:pt>
                <c:pt idx="18">
                  <c:v>18.927442550659201</c:v>
                </c:pt>
                <c:pt idx="19">
                  <c:v>19.927211761474599</c:v>
                </c:pt>
                <c:pt idx="20">
                  <c:v>20.927120208740199</c:v>
                </c:pt>
                <c:pt idx="21">
                  <c:v>21.926872253418001</c:v>
                </c:pt>
                <c:pt idx="22">
                  <c:v>22.9267978668213</c:v>
                </c:pt>
                <c:pt idx="23">
                  <c:v>23.926336288452099</c:v>
                </c:pt>
                <c:pt idx="24">
                  <c:v>24.925743103027301</c:v>
                </c:pt>
                <c:pt idx="25">
                  <c:v>25.9256591796875</c:v>
                </c:pt>
                <c:pt idx="26">
                  <c:v>26.925867080688501</c:v>
                </c:pt>
                <c:pt idx="27">
                  <c:v>27.925086975097699</c:v>
                </c:pt>
                <c:pt idx="28">
                  <c:v>28.925226211547901</c:v>
                </c:pt>
                <c:pt idx="29">
                  <c:v>29.9251613616943</c:v>
                </c:pt>
                <c:pt idx="30">
                  <c:v>30.9243564605713</c:v>
                </c:pt>
                <c:pt idx="31">
                  <c:v>31.924074172973601</c:v>
                </c:pt>
                <c:pt idx="32">
                  <c:v>32.923141479492202</c:v>
                </c:pt>
                <c:pt idx="33">
                  <c:v>33.924087524414098</c:v>
                </c:pt>
                <c:pt idx="34">
                  <c:v>34.923530578613303</c:v>
                </c:pt>
                <c:pt idx="35">
                  <c:v>35.923213958740199</c:v>
                </c:pt>
                <c:pt idx="36">
                  <c:v>36.9232177734375</c:v>
                </c:pt>
                <c:pt idx="37">
                  <c:v>37.923248291015597</c:v>
                </c:pt>
                <c:pt idx="38">
                  <c:v>38.922595977783203</c:v>
                </c:pt>
                <c:pt idx="39">
                  <c:v>39.922805786132798</c:v>
                </c:pt>
                <c:pt idx="40">
                  <c:v>40.921901702880902</c:v>
                </c:pt>
                <c:pt idx="41">
                  <c:v>41.922409057617202</c:v>
                </c:pt>
                <c:pt idx="42">
                  <c:v>42.9212837219238</c:v>
                </c:pt>
                <c:pt idx="43">
                  <c:v>43.921188354492202</c:v>
                </c:pt>
                <c:pt idx="44">
                  <c:v>44.9202270507813</c:v>
                </c:pt>
                <c:pt idx="45">
                  <c:v>45.920928955078097</c:v>
                </c:pt>
                <c:pt idx="46">
                  <c:v>46.920578002929702</c:v>
                </c:pt>
                <c:pt idx="47">
                  <c:v>47.9208374023438</c:v>
                </c:pt>
                <c:pt idx="48">
                  <c:v>48.920425415039098</c:v>
                </c:pt>
                <c:pt idx="49">
                  <c:v>49.920162200927699</c:v>
                </c:pt>
                <c:pt idx="50">
                  <c:v>50.919101715087898</c:v>
                </c:pt>
                <c:pt idx="51">
                  <c:v>51.919803619384801</c:v>
                </c:pt>
                <c:pt idx="52">
                  <c:v>52.919227600097699</c:v>
                </c:pt>
                <c:pt idx="53">
                  <c:v>53.919040679931598</c:v>
                </c:pt>
                <c:pt idx="54">
                  <c:v>54.918724060058601</c:v>
                </c:pt>
                <c:pt idx="55">
                  <c:v>55.918292999267599</c:v>
                </c:pt>
                <c:pt idx="56">
                  <c:v>56.918060302734403</c:v>
                </c:pt>
                <c:pt idx="57">
                  <c:v>57.918441772460902</c:v>
                </c:pt>
                <c:pt idx="58">
                  <c:v>58.917579650878899</c:v>
                </c:pt>
                <c:pt idx="59">
                  <c:v>59.918182373046903</c:v>
                </c:pt>
                <c:pt idx="60">
                  <c:v>60.916969299316399</c:v>
                </c:pt>
                <c:pt idx="61">
                  <c:v>61.916957855224602</c:v>
                </c:pt>
                <c:pt idx="62">
                  <c:v>62.916568756103501</c:v>
                </c:pt>
                <c:pt idx="63">
                  <c:v>63.916339874267599</c:v>
                </c:pt>
                <c:pt idx="64">
                  <c:v>64.916984558105497</c:v>
                </c:pt>
                <c:pt idx="65">
                  <c:v>65.915573120117202</c:v>
                </c:pt>
                <c:pt idx="66">
                  <c:v>66.915618896484403</c:v>
                </c:pt>
                <c:pt idx="67">
                  <c:v>67.915885925292997</c:v>
                </c:pt>
                <c:pt idx="68">
                  <c:v>68.915313720703097</c:v>
                </c:pt>
                <c:pt idx="69">
                  <c:v>69.915275573730497</c:v>
                </c:pt>
                <c:pt idx="70">
                  <c:v>70.914840698242202</c:v>
                </c:pt>
                <c:pt idx="71">
                  <c:v>71.914207458496094</c:v>
                </c:pt>
                <c:pt idx="72">
                  <c:v>72.913742065429702</c:v>
                </c:pt>
                <c:pt idx="73">
                  <c:v>73.914459228515597</c:v>
                </c:pt>
                <c:pt idx="74">
                  <c:v>74.914337158203097</c:v>
                </c:pt>
                <c:pt idx="75">
                  <c:v>75.914085388183594</c:v>
                </c:pt>
                <c:pt idx="76">
                  <c:v>76.913314819335895</c:v>
                </c:pt>
                <c:pt idx="77">
                  <c:v>77.912590026855497</c:v>
                </c:pt>
                <c:pt idx="78">
                  <c:v>78.912864685058594</c:v>
                </c:pt>
                <c:pt idx="79">
                  <c:v>79.912483215332003</c:v>
                </c:pt>
                <c:pt idx="80">
                  <c:v>80.912239074707003</c:v>
                </c:pt>
                <c:pt idx="81">
                  <c:v>81.912063598632798</c:v>
                </c:pt>
                <c:pt idx="82">
                  <c:v>82.912574768066406</c:v>
                </c:pt>
                <c:pt idx="83">
                  <c:v>83.911842346191406</c:v>
                </c:pt>
                <c:pt idx="84">
                  <c:v>84.910728454589801</c:v>
                </c:pt>
                <c:pt idx="85">
                  <c:v>85.911003112792997</c:v>
                </c:pt>
                <c:pt idx="86">
                  <c:v>86.910461425781307</c:v>
                </c:pt>
                <c:pt idx="87">
                  <c:v>87.911247253417997</c:v>
                </c:pt>
                <c:pt idx="88">
                  <c:v>88.911003112792997</c:v>
                </c:pt>
                <c:pt idx="89">
                  <c:v>89.910247802734403</c:v>
                </c:pt>
                <c:pt idx="90">
                  <c:v>90.910079956054702</c:v>
                </c:pt>
                <c:pt idx="91">
                  <c:v>91.909942626953097</c:v>
                </c:pt>
                <c:pt idx="92">
                  <c:v>92.909812927246094</c:v>
                </c:pt>
                <c:pt idx="93">
                  <c:v>93.908538818359403</c:v>
                </c:pt>
                <c:pt idx="94">
                  <c:v>94.909324645996094</c:v>
                </c:pt>
                <c:pt idx="95">
                  <c:v>95.908882141113295</c:v>
                </c:pt>
                <c:pt idx="96">
                  <c:v>96.908645629882798</c:v>
                </c:pt>
                <c:pt idx="97">
                  <c:v>97.908065795898395</c:v>
                </c:pt>
                <c:pt idx="98">
                  <c:v>98.908271789550795</c:v>
                </c:pt>
                <c:pt idx="99">
                  <c:v>99.908683776855497</c:v>
                </c:pt>
                <c:pt idx="100">
                  <c:v>100.00122833252</c:v>
                </c:pt>
                <c:pt idx="101">
                  <c:v>100.001304626465</c:v>
                </c:pt>
                <c:pt idx="102">
                  <c:v>100.001335144043</c:v>
                </c:pt>
                <c:pt idx="103">
                  <c:v>100.000770568848</c:v>
                </c:pt>
                <c:pt idx="104">
                  <c:v>99.999687194824205</c:v>
                </c:pt>
                <c:pt idx="105">
                  <c:v>100.00074005127</c:v>
                </c:pt>
                <c:pt idx="106">
                  <c:v>100.000381469727</c:v>
                </c:pt>
                <c:pt idx="107">
                  <c:v>100.001815795898</c:v>
                </c:pt>
                <c:pt idx="108">
                  <c:v>99.999015808105497</c:v>
                </c:pt>
                <c:pt idx="109">
                  <c:v>100.00115966796901</c:v>
                </c:pt>
                <c:pt idx="110">
                  <c:v>100.00055694580099</c:v>
                </c:pt>
                <c:pt idx="111">
                  <c:v>99.999465942382798</c:v>
                </c:pt>
                <c:pt idx="112">
                  <c:v>99.999900817871094</c:v>
                </c:pt>
                <c:pt idx="113">
                  <c:v>100.001022338867</c:v>
                </c:pt>
                <c:pt idx="114">
                  <c:v>99.999122619628906</c:v>
                </c:pt>
                <c:pt idx="115">
                  <c:v>99.9998779296875</c:v>
                </c:pt>
                <c:pt idx="116">
                  <c:v>100.00038909912099</c:v>
                </c:pt>
                <c:pt idx="117">
                  <c:v>100.00251007080099</c:v>
                </c:pt>
                <c:pt idx="118">
                  <c:v>100.000930786133</c:v>
                </c:pt>
                <c:pt idx="119">
                  <c:v>100.001106262207</c:v>
                </c:pt>
                <c:pt idx="120">
                  <c:v>100.00131225585901</c:v>
                </c:pt>
                <c:pt idx="121">
                  <c:v>100.00030517578099</c:v>
                </c:pt>
                <c:pt idx="122">
                  <c:v>100.00018310546901</c:v>
                </c:pt>
                <c:pt idx="123">
                  <c:v>100.00122833252</c:v>
                </c:pt>
                <c:pt idx="124">
                  <c:v>100.000839233398</c:v>
                </c:pt>
                <c:pt idx="125">
                  <c:v>99.9998779296875</c:v>
                </c:pt>
                <c:pt idx="126">
                  <c:v>99.999580383300795</c:v>
                </c:pt>
                <c:pt idx="127">
                  <c:v>100.000160217285</c:v>
                </c:pt>
                <c:pt idx="128">
                  <c:v>99.999420166015597</c:v>
                </c:pt>
                <c:pt idx="129">
                  <c:v>99.999061584472699</c:v>
                </c:pt>
                <c:pt idx="130">
                  <c:v>99.075851440429702</c:v>
                </c:pt>
                <c:pt idx="131">
                  <c:v>98.076126098632798</c:v>
                </c:pt>
                <c:pt idx="132">
                  <c:v>97.074745178222699</c:v>
                </c:pt>
                <c:pt idx="133">
                  <c:v>96.072761535644503</c:v>
                </c:pt>
                <c:pt idx="134">
                  <c:v>95.075569152832003</c:v>
                </c:pt>
                <c:pt idx="135">
                  <c:v>94.076980590820298</c:v>
                </c:pt>
                <c:pt idx="136">
                  <c:v>93.0758056640625</c:v>
                </c:pt>
                <c:pt idx="137">
                  <c:v>92.072669982910199</c:v>
                </c:pt>
                <c:pt idx="138">
                  <c:v>91.073791503906307</c:v>
                </c:pt>
                <c:pt idx="139">
                  <c:v>90.076591491699205</c:v>
                </c:pt>
                <c:pt idx="140">
                  <c:v>89.078773498535199</c:v>
                </c:pt>
                <c:pt idx="141">
                  <c:v>88.078155517578097</c:v>
                </c:pt>
                <c:pt idx="142">
                  <c:v>87.076400756835895</c:v>
                </c:pt>
                <c:pt idx="143">
                  <c:v>86.078437805175795</c:v>
                </c:pt>
                <c:pt idx="144">
                  <c:v>85.078475952148395</c:v>
                </c:pt>
                <c:pt idx="145">
                  <c:v>84.079452514648395</c:v>
                </c:pt>
                <c:pt idx="146">
                  <c:v>83.077133178710895</c:v>
                </c:pt>
                <c:pt idx="147">
                  <c:v>82.076255798339801</c:v>
                </c:pt>
                <c:pt idx="148">
                  <c:v>81.076484680175795</c:v>
                </c:pt>
                <c:pt idx="149">
                  <c:v>80.077346801757798</c:v>
                </c:pt>
                <c:pt idx="150">
                  <c:v>79.077781677246094</c:v>
                </c:pt>
                <c:pt idx="151">
                  <c:v>78.077972412109403</c:v>
                </c:pt>
                <c:pt idx="152">
                  <c:v>77.077590942382798</c:v>
                </c:pt>
                <c:pt idx="153">
                  <c:v>76.078880310058594</c:v>
                </c:pt>
                <c:pt idx="154">
                  <c:v>75.078109741210895</c:v>
                </c:pt>
                <c:pt idx="155">
                  <c:v>74.078422546386705</c:v>
                </c:pt>
                <c:pt idx="156">
                  <c:v>73.079414367675795</c:v>
                </c:pt>
                <c:pt idx="157">
                  <c:v>72.079849243164105</c:v>
                </c:pt>
                <c:pt idx="158">
                  <c:v>71.079948425292997</c:v>
                </c:pt>
                <c:pt idx="159">
                  <c:v>70.07958984375</c:v>
                </c:pt>
                <c:pt idx="160">
                  <c:v>69.080078125</c:v>
                </c:pt>
                <c:pt idx="161">
                  <c:v>68.080062866210895</c:v>
                </c:pt>
                <c:pt idx="162">
                  <c:v>67.080230712890597</c:v>
                </c:pt>
                <c:pt idx="163">
                  <c:v>66.080764770507798</c:v>
                </c:pt>
                <c:pt idx="164">
                  <c:v>65.081047058105497</c:v>
                </c:pt>
                <c:pt idx="165">
                  <c:v>64.081130981445298</c:v>
                </c:pt>
                <c:pt idx="166">
                  <c:v>63.0814819335938</c:v>
                </c:pt>
                <c:pt idx="167">
                  <c:v>62.081417083740199</c:v>
                </c:pt>
                <c:pt idx="168">
                  <c:v>61.082408905029297</c:v>
                </c:pt>
                <c:pt idx="169">
                  <c:v>60.082572937011697</c:v>
                </c:pt>
                <c:pt idx="170">
                  <c:v>59.081939697265597</c:v>
                </c:pt>
                <c:pt idx="171">
                  <c:v>58.082748413085902</c:v>
                </c:pt>
                <c:pt idx="172">
                  <c:v>57.083267211914098</c:v>
                </c:pt>
                <c:pt idx="173">
                  <c:v>56.083099365234403</c:v>
                </c:pt>
                <c:pt idx="174">
                  <c:v>55.082958221435497</c:v>
                </c:pt>
                <c:pt idx="175">
                  <c:v>54.083969116210902</c:v>
                </c:pt>
                <c:pt idx="176">
                  <c:v>53.083518981933601</c:v>
                </c:pt>
                <c:pt idx="177">
                  <c:v>52.084152221679702</c:v>
                </c:pt>
                <c:pt idx="178">
                  <c:v>51.084274291992202</c:v>
                </c:pt>
                <c:pt idx="179">
                  <c:v>50.084556579589801</c:v>
                </c:pt>
                <c:pt idx="180">
                  <c:v>49.084617614746101</c:v>
                </c:pt>
                <c:pt idx="181">
                  <c:v>48.084957122802699</c:v>
                </c:pt>
                <c:pt idx="182">
                  <c:v>47.085731506347699</c:v>
                </c:pt>
                <c:pt idx="183">
                  <c:v>46.085563659667997</c:v>
                </c:pt>
                <c:pt idx="184">
                  <c:v>45.085617065429702</c:v>
                </c:pt>
                <c:pt idx="185">
                  <c:v>44.086055755615199</c:v>
                </c:pt>
                <c:pt idx="186">
                  <c:v>43.086345672607401</c:v>
                </c:pt>
                <c:pt idx="187">
                  <c:v>42.086616516113303</c:v>
                </c:pt>
                <c:pt idx="188">
                  <c:v>41.086296081542997</c:v>
                </c:pt>
                <c:pt idx="189">
                  <c:v>40.087181091308601</c:v>
                </c:pt>
                <c:pt idx="190">
                  <c:v>39.087657928466797</c:v>
                </c:pt>
                <c:pt idx="191">
                  <c:v>38.087730407714801</c:v>
                </c:pt>
                <c:pt idx="192">
                  <c:v>37.0880126953125</c:v>
                </c:pt>
                <c:pt idx="193">
                  <c:v>36.087959289550803</c:v>
                </c:pt>
                <c:pt idx="194">
                  <c:v>35.088565826416001</c:v>
                </c:pt>
                <c:pt idx="195">
                  <c:v>34.088382720947301</c:v>
                </c:pt>
                <c:pt idx="196">
                  <c:v>33.088859558105497</c:v>
                </c:pt>
                <c:pt idx="197">
                  <c:v>32.088893890380902</c:v>
                </c:pt>
                <c:pt idx="198">
                  <c:v>31.0891304016113</c:v>
                </c:pt>
                <c:pt idx="199">
                  <c:v>30.089157104492202</c:v>
                </c:pt>
                <c:pt idx="200">
                  <c:v>29.0896110534668</c:v>
                </c:pt>
                <c:pt idx="201">
                  <c:v>28.0894680023193</c:v>
                </c:pt>
                <c:pt idx="202">
                  <c:v>27.089841842651399</c:v>
                </c:pt>
                <c:pt idx="203">
                  <c:v>26.090610504150401</c:v>
                </c:pt>
                <c:pt idx="204">
                  <c:v>25.090446472168001</c:v>
                </c:pt>
                <c:pt idx="205">
                  <c:v>24.091159820556602</c:v>
                </c:pt>
                <c:pt idx="206">
                  <c:v>23.091392517089801</c:v>
                </c:pt>
                <c:pt idx="207">
                  <c:v>22.091426849365199</c:v>
                </c:pt>
                <c:pt idx="208">
                  <c:v>21.091650009155298</c:v>
                </c:pt>
                <c:pt idx="209">
                  <c:v>20.0919075012207</c:v>
                </c:pt>
                <c:pt idx="210">
                  <c:v>19.092191696166999</c:v>
                </c:pt>
                <c:pt idx="211">
                  <c:v>18.092369079589801</c:v>
                </c:pt>
                <c:pt idx="212">
                  <c:v>17.092586517333999</c:v>
                </c:pt>
                <c:pt idx="213">
                  <c:v>16.092731475830099</c:v>
                </c:pt>
                <c:pt idx="214">
                  <c:v>15.0928602218628</c:v>
                </c:pt>
                <c:pt idx="215">
                  <c:v>14.0926151275635</c:v>
                </c:pt>
                <c:pt idx="216">
                  <c:v>13.0925092697144</c:v>
                </c:pt>
                <c:pt idx="217">
                  <c:v>12.092485427856399</c:v>
                </c:pt>
                <c:pt idx="218">
                  <c:v>11.092365264892599</c:v>
                </c:pt>
                <c:pt idx="219">
                  <c:v>10.0922603607178</c:v>
                </c:pt>
                <c:pt idx="220">
                  <c:v>9.0921344757080096</c:v>
                </c:pt>
                <c:pt idx="221">
                  <c:v>8.0920133590698207</c:v>
                </c:pt>
                <c:pt idx="222">
                  <c:v>7.0921196937561</c:v>
                </c:pt>
                <c:pt idx="223">
                  <c:v>6.0921955108642596</c:v>
                </c:pt>
                <c:pt idx="224">
                  <c:v>5.0922279357910201</c:v>
                </c:pt>
                <c:pt idx="225">
                  <c:v>4.0922904014587402</c:v>
                </c:pt>
                <c:pt idx="226">
                  <c:v>3.0923330783843999</c:v>
                </c:pt>
                <c:pt idx="227">
                  <c:v>2.0922975540161102</c:v>
                </c:pt>
                <c:pt idx="229">
                  <c:v>9.2335864901542705E-2</c:v>
                </c:pt>
              </c:numCache>
            </c:numRef>
          </c:xVal>
          <c:yVal>
            <c:numRef>
              <c:f>Type_1_3_5___._1_thixotropy_rwd!$D$2:$D$231</c:f>
              <c:numCache>
                <c:formatCode>General</c:formatCode>
                <c:ptCount val="230"/>
                <c:pt idx="0">
                  <c:v>0.32166746258735701</c:v>
                </c:pt>
                <c:pt idx="1">
                  <c:v>0.28022846579551702</c:v>
                </c:pt>
                <c:pt idx="2">
                  <c:v>0.43009877204894997</c:v>
                </c:pt>
                <c:pt idx="3">
                  <c:v>0.445513755083084</c:v>
                </c:pt>
                <c:pt idx="4">
                  <c:v>0.60685139894485496</c:v>
                </c:pt>
                <c:pt idx="5">
                  <c:v>0.98524177074432395</c:v>
                </c:pt>
                <c:pt idx="6">
                  <c:v>1.12692058086395</c:v>
                </c:pt>
                <c:pt idx="7">
                  <c:v>1.41981077194214</c:v>
                </c:pt>
                <c:pt idx="8">
                  <c:v>1.8091453313827499</c:v>
                </c:pt>
                <c:pt idx="9">
                  <c:v>1.8887257575988801</c:v>
                </c:pt>
                <c:pt idx="10">
                  <c:v>2.3376019001007098</c:v>
                </c:pt>
                <c:pt idx="11">
                  <c:v>2.2183680534362802</c:v>
                </c:pt>
                <c:pt idx="12">
                  <c:v>2.7502415180206299</c:v>
                </c:pt>
                <c:pt idx="13">
                  <c:v>2.7780339717864999</c:v>
                </c:pt>
                <c:pt idx="14">
                  <c:v>3.02711009979248</c:v>
                </c:pt>
                <c:pt idx="15">
                  <c:v>3.2147512435913099</c:v>
                </c:pt>
                <c:pt idx="16">
                  <c:v>3.5530834197997998</c:v>
                </c:pt>
                <c:pt idx="17">
                  <c:v>3.91791915893555</c:v>
                </c:pt>
                <c:pt idx="18">
                  <c:v>3.9203200340271001</c:v>
                </c:pt>
                <c:pt idx="19">
                  <c:v>4.5492005348205602</c:v>
                </c:pt>
                <c:pt idx="20">
                  <c:v>5.1086692810058603</c:v>
                </c:pt>
                <c:pt idx="21">
                  <c:v>5.3312921524047896</c:v>
                </c:pt>
                <c:pt idx="22">
                  <c:v>6.2843670845031703</c:v>
                </c:pt>
                <c:pt idx="23">
                  <c:v>5.4907307624816903</c:v>
                </c:pt>
                <c:pt idx="24">
                  <c:v>6.0695743560790998</c:v>
                </c:pt>
                <c:pt idx="25">
                  <c:v>6.4840049743652299</c:v>
                </c:pt>
                <c:pt idx="26">
                  <c:v>6.4281277656555202</c:v>
                </c:pt>
                <c:pt idx="27">
                  <c:v>7.05405521392822</c:v>
                </c:pt>
                <c:pt idx="28">
                  <c:v>8.1352930068969709</c:v>
                </c:pt>
                <c:pt idx="29">
                  <c:v>7.8184318542480504</c:v>
                </c:pt>
                <c:pt idx="30">
                  <c:v>8.7457380294799805</c:v>
                </c:pt>
                <c:pt idx="31">
                  <c:v>9.6038312911987305</c:v>
                </c:pt>
                <c:pt idx="32">
                  <c:v>9.3078145980834996</c:v>
                </c:pt>
                <c:pt idx="33">
                  <c:v>9.7665672302246094</c:v>
                </c:pt>
                <c:pt idx="34">
                  <c:v>10.2941226959229</c:v>
                </c:pt>
                <c:pt idx="35">
                  <c:v>9.6237602233886701</c:v>
                </c:pt>
                <c:pt idx="36">
                  <c:v>10.5098876953125</c:v>
                </c:pt>
                <c:pt idx="37">
                  <c:v>11.289894104003899</c:v>
                </c:pt>
                <c:pt idx="38">
                  <c:v>12.229490280151399</c:v>
                </c:pt>
                <c:pt idx="39">
                  <c:v>11.6678810119629</c:v>
                </c:pt>
                <c:pt idx="40">
                  <c:v>11.403703689575201</c:v>
                </c:pt>
                <c:pt idx="41">
                  <c:v>14.117052078247101</c:v>
                </c:pt>
                <c:pt idx="42">
                  <c:v>13.929827690124499</c:v>
                </c:pt>
                <c:pt idx="43">
                  <c:v>15.5645046234131</c:v>
                </c:pt>
                <c:pt idx="44">
                  <c:v>14.7322101593018</c:v>
                </c:pt>
                <c:pt idx="45">
                  <c:v>15.060121536254901</c:v>
                </c:pt>
                <c:pt idx="46">
                  <c:v>17.067411422729499</c:v>
                </c:pt>
                <c:pt idx="47">
                  <c:v>16.838026046752901</c:v>
                </c:pt>
                <c:pt idx="48">
                  <c:v>17.418848037719702</c:v>
                </c:pt>
                <c:pt idx="49">
                  <c:v>18.977207183837901</c:v>
                </c:pt>
                <c:pt idx="50">
                  <c:v>20.787521362304702</c:v>
                </c:pt>
                <c:pt idx="51">
                  <c:v>20.838203430175799</c:v>
                </c:pt>
                <c:pt idx="52">
                  <c:v>22.170719146728501</c:v>
                </c:pt>
                <c:pt idx="53">
                  <c:v>23.615606307983398</c:v>
                </c:pt>
                <c:pt idx="54">
                  <c:v>23.078588485717798</c:v>
                </c:pt>
                <c:pt idx="55">
                  <c:v>25.633428573608398</c:v>
                </c:pt>
                <c:pt idx="56">
                  <c:v>25.813877105712901</c:v>
                </c:pt>
                <c:pt idx="57">
                  <c:v>28.637731552123999</c:v>
                </c:pt>
                <c:pt idx="58">
                  <c:v>30.653964996337901</c:v>
                </c:pt>
                <c:pt idx="59">
                  <c:v>30.636283874511701</c:v>
                </c:pt>
                <c:pt idx="60">
                  <c:v>30.663570404052699</c:v>
                </c:pt>
                <c:pt idx="61">
                  <c:v>34.846546173095703</c:v>
                </c:pt>
                <c:pt idx="62">
                  <c:v>33.769729614257798</c:v>
                </c:pt>
                <c:pt idx="63">
                  <c:v>34.528244018554702</c:v>
                </c:pt>
                <c:pt idx="64">
                  <c:v>36.750633239746101</c:v>
                </c:pt>
                <c:pt idx="65">
                  <c:v>37.171867370605497</c:v>
                </c:pt>
                <c:pt idx="66">
                  <c:v>38.865234375</c:v>
                </c:pt>
                <c:pt idx="67">
                  <c:v>42.0862846374512</c:v>
                </c:pt>
                <c:pt idx="68">
                  <c:v>42.597820281982401</c:v>
                </c:pt>
                <c:pt idx="69">
                  <c:v>41.265125274658203</c:v>
                </c:pt>
                <c:pt idx="70">
                  <c:v>44.912162780761697</c:v>
                </c:pt>
                <c:pt idx="71">
                  <c:v>45.099647521972699</c:v>
                </c:pt>
                <c:pt idx="72">
                  <c:v>44.247707366943402</c:v>
                </c:pt>
                <c:pt idx="73">
                  <c:v>45.841453552246101</c:v>
                </c:pt>
                <c:pt idx="74">
                  <c:v>48.509029388427699</c:v>
                </c:pt>
                <c:pt idx="75">
                  <c:v>48.595706939697301</c:v>
                </c:pt>
                <c:pt idx="76">
                  <c:v>51.063713073730497</c:v>
                </c:pt>
                <c:pt idx="77">
                  <c:v>50.594261169433601</c:v>
                </c:pt>
                <c:pt idx="78">
                  <c:v>51.239692687988303</c:v>
                </c:pt>
                <c:pt idx="79">
                  <c:v>52.359992980957003</c:v>
                </c:pt>
                <c:pt idx="80">
                  <c:v>55.443153381347699</c:v>
                </c:pt>
                <c:pt idx="81">
                  <c:v>55.025413513183601</c:v>
                </c:pt>
                <c:pt idx="82">
                  <c:v>55.340755462646499</c:v>
                </c:pt>
                <c:pt idx="83">
                  <c:v>54.062854766845703</c:v>
                </c:pt>
                <c:pt idx="84">
                  <c:v>55.712379455566399</c:v>
                </c:pt>
                <c:pt idx="85">
                  <c:v>55.856761932372997</c:v>
                </c:pt>
                <c:pt idx="86">
                  <c:v>53.550117492675803</c:v>
                </c:pt>
                <c:pt idx="87">
                  <c:v>59.334968566894503</c:v>
                </c:pt>
                <c:pt idx="88">
                  <c:v>54.194179534912102</c:v>
                </c:pt>
                <c:pt idx="89">
                  <c:v>53.184970855712898</c:v>
                </c:pt>
                <c:pt idx="90">
                  <c:v>58.925601959228501</c:v>
                </c:pt>
                <c:pt idx="91">
                  <c:v>56.7582397460938</c:v>
                </c:pt>
                <c:pt idx="92">
                  <c:v>57.037746429443402</c:v>
                </c:pt>
                <c:pt idx="93">
                  <c:v>60.949642181396499</c:v>
                </c:pt>
                <c:pt idx="94">
                  <c:v>57.243080139160199</c:v>
                </c:pt>
                <c:pt idx="95">
                  <c:v>57.438224792480497</c:v>
                </c:pt>
                <c:pt idx="96">
                  <c:v>62.239517211914098</c:v>
                </c:pt>
                <c:pt idx="97">
                  <c:v>62.172554016113303</c:v>
                </c:pt>
                <c:pt idx="98">
                  <c:v>60.23046875</c:v>
                </c:pt>
                <c:pt idx="99">
                  <c:v>61.804466247558601</c:v>
                </c:pt>
                <c:pt idx="100">
                  <c:v>66.358016967773395</c:v>
                </c:pt>
                <c:pt idx="101">
                  <c:v>63.993186950683601</c:v>
                </c:pt>
                <c:pt idx="102">
                  <c:v>61.103427886962898</c:v>
                </c:pt>
                <c:pt idx="103">
                  <c:v>62.030548095703097</c:v>
                </c:pt>
                <c:pt idx="104">
                  <c:v>61.076000213622997</c:v>
                </c:pt>
                <c:pt idx="105">
                  <c:v>64.109062194824205</c:v>
                </c:pt>
                <c:pt idx="106">
                  <c:v>60.904945373535199</c:v>
                </c:pt>
                <c:pt idx="107">
                  <c:v>63.043491363525398</c:v>
                </c:pt>
                <c:pt idx="108">
                  <c:v>62.692550659179702</c:v>
                </c:pt>
                <c:pt idx="109">
                  <c:v>65.422439575195298</c:v>
                </c:pt>
                <c:pt idx="110">
                  <c:v>57.076366424560497</c:v>
                </c:pt>
                <c:pt idx="111">
                  <c:v>66.484611511230497</c:v>
                </c:pt>
                <c:pt idx="112">
                  <c:v>62.844348907470703</c:v>
                </c:pt>
                <c:pt idx="113">
                  <c:v>66.871040344238295</c:v>
                </c:pt>
                <c:pt idx="114">
                  <c:v>59.182037353515597</c:v>
                </c:pt>
                <c:pt idx="115">
                  <c:v>63.567173004150398</c:v>
                </c:pt>
                <c:pt idx="116">
                  <c:v>67.670646667480497</c:v>
                </c:pt>
                <c:pt idx="117">
                  <c:v>60.694931030273402</c:v>
                </c:pt>
                <c:pt idx="118">
                  <c:v>57.891880035400398</c:v>
                </c:pt>
                <c:pt idx="119">
                  <c:v>60.307781219482401</c:v>
                </c:pt>
                <c:pt idx="120">
                  <c:v>63.518314361572301</c:v>
                </c:pt>
                <c:pt idx="121">
                  <c:v>60.788440704345703</c:v>
                </c:pt>
                <c:pt idx="122">
                  <c:v>61.749595642089801</c:v>
                </c:pt>
                <c:pt idx="123">
                  <c:v>63.496242523193402</c:v>
                </c:pt>
                <c:pt idx="124">
                  <c:v>60.098018646240199</c:v>
                </c:pt>
                <c:pt idx="125">
                  <c:v>63.2029418945313</c:v>
                </c:pt>
                <c:pt idx="126">
                  <c:v>65.876762390136705</c:v>
                </c:pt>
                <c:pt idx="127">
                  <c:v>65.071449279785199</c:v>
                </c:pt>
                <c:pt idx="128">
                  <c:v>61.916286468505902</c:v>
                </c:pt>
                <c:pt idx="129">
                  <c:v>61.039707183837898</c:v>
                </c:pt>
                <c:pt idx="130">
                  <c:v>66.042747497558594</c:v>
                </c:pt>
                <c:pt idx="131">
                  <c:v>60.868919372558601</c:v>
                </c:pt>
                <c:pt idx="132">
                  <c:v>61.673915863037102</c:v>
                </c:pt>
                <c:pt idx="133">
                  <c:v>57.537544250488303</c:v>
                </c:pt>
                <c:pt idx="134">
                  <c:v>57.6505317687988</c:v>
                </c:pt>
                <c:pt idx="135">
                  <c:v>57.756786346435497</c:v>
                </c:pt>
                <c:pt idx="136">
                  <c:v>54.774421691894503</c:v>
                </c:pt>
                <c:pt idx="137">
                  <c:v>53.744503021240199</c:v>
                </c:pt>
                <c:pt idx="138">
                  <c:v>54.005001068115199</c:v>
                </c:pt>
                <c:pt idx="139">
                  <c:v>53.906398773193402</c:v>
                </c:pt>
                <c:pt idx="140">
                  <c:v>52.290172576904297</c:v>
                </c:pt>
                <c:pt idx="141">
                  <c:v>53.6583862304688</c:v>
                </c:pt>
                <c:pt idx="142">
                  <c:v>52.470417022705099</c:v>
                </c:pt>
                <c:pt idx="143">
                  <c:v>48.566501617431598</c:v>
                </c:pt>
                <c:pt idx="144">
                  <c:v>50.492603302002003</c:v>
                </c:pt>
                <c:pt idx="145">
                  <c:v>47.540294647216797</c:v>
                </c:pt>
                <c:pt idx="146">
                  <c:v>46.275482177734403</c:v>
                </c:pt>
                <c:pt idx="147">
                  <c:v>46.819648742675803</c:v>
                </c:pt>
                <c:pt idx="148">
                  <c:v>44.713737487792997</c:v>
                </c:pt>
                <c:pt idx="149">
                  <c:v>46.491645812988303</c:v>
                </c:pt>
                <c:pt idx="150">
                  <c:v>45.820724487304702</c:v>
                </c:pt>
                <c:pt idx="151">
                  <c:v>46.655338287353501</c:v>
                </c:pt>
                <c:pt idx="152">
                  <c:v>43.363563537597699</c:v>
                </c:pt>
                <c:pt idx="153">
                  <c:v>41.762134552002003</c:v>
                </c:pt>
                <c:pt idx="154">
                  <c:v>41.425502777099602</c:v>
                </c:pt>
                <c:pt idx="155">
                  <c:v>41.0518798828125</c:v>
                </c:pt>
                <c:pt idx="156">
                  <c:v>40.091091156005902</c:v>
                </c:pt>
                <c:pt idx="157">
                  <c:v>38.415611267089801</c:v>
                </c:pt>
                <c:pt idx="158">
                  <c:v>36.602363586425803</c:v>
                </c:pt>
                <c:pt idx="159">
                  <c:v>38.8575439453125</c:v>
                </c:pt>
                <c:pt idx="160">
                  <c:v>36.788288116455099</c:v>
                </c:pt>
                <c:pt idx="161">
                  <c:v>35.420001983642599</c:v>
                </c:pt>
                <c:pt idx="162">
                  <c:v>34.974376678466797</c:v>
                </c:pt>
                <c:pt idx="163">
                  <c:v>34.108127593994098</c:v>
                </c:pt>
                <c:pt idx="164">
                  <c:v>35.005413055419901</c:v>
                </c:pt>
                <c:pt idx="165">
                  <c:v>33.318061828613303</c:v>
                </c:pt>
                <c:pt idx="166">
                  <c:v>30.659765243530298</c:v>
                </c:pt>
                <c:pt idx="167">
                  <c:v>30.188806533813501</c:v>
                </c:pt>
                <c:pt idx="168">
                  <c:v>29.098884582519499</c:v>
                </c:pt>
                <c:pt idx="169">
                  <c:v>27.831325531005898</c:v>
                </c:pt>
                <c:pt idx="170">
                  <c:v>27.3387775421143</c:v>
                </c:pt>
                <c:pt idx="171">
                  <c:v>27.036941528320298</c:v>
                </c:pt>
                <c:pt idx="172">
                  <c:v>24.608247756958001</c:v>
                </c:pt>
                <c:pt idx="173">
                  <c:v>23.507165908813501</c:v>
                </c:pt>
                <c:pt idx="174">
                  <c:v>22.3100776672363</c:v>
                </c:pt>
                <c:pt idx="175">
                  <c:v>21.876865386962901</c:v>
                </c:pt>
                <c:pt idx="176">
                  <c:v>20.027685165405298</c:v>
                </c:pt>
                <c:pt idx="177">
                  <c:v>19.847742080688501</c:v>
                </c:pt>
                <c:pt idx="178">
                  <c:v>18.106029510498001</c:v>
                </c:pt>
                <c:pt idx="179">
                  <c:v>18.021255493164102</c:v>
                </c:pt>
                <c:pt idx="180">
                  <c:v>17.4628009796143</c:v>
                </c:pt>
                <c:pt idx="181">
                  <c:v>16.098793029785199</c:v>
                </c:pt>
                <c:pt idx="182">
                  <c:v>16.429685592651399</c:v>
                </c:pt>
                <c:pt idx="183">
                  <c:v>14.8521528244019</c:v>
                </c:pt>
                <c:pt idx="184">
                  <c:v>16.156377792358398</c:v>
                </c:pt>
                <c:pt idx="185">
                  <c:v>14.7841739654541</c:v>
                </c:pt>
                <c:pt idx="186">
                  <c:v>13.944369316101101</c:v>
                </c:pt>
                <c:pt idx="187">
                  <c:v>13.827706336975099</c:v>
                </c:pt>
                <c:pt idx="188">
                  <c:v>12.2349529266357</c:v>
                </c:pt>
                <c:pt idx="189">
                  <c:v>11.903322219848601</c:v>
                </c:pt>
                <c:pt idx="190">
                  <c:v>12.407561302185099</c:v>
                </c:pt>
                <c:pt idx="191">
                  <c:v>10.6215925216675</c:v>
                </c:pt>
                <c:pt idx="192">
                  <c:v>9.7343921661377006</c:v>
                </c:pt>
                <c:pt idx="193">
                  <c:v>8.8098440170288104</c:v>
                </c:pt>
                <c:pt idx="194">
                  <c:v>7.8873920440673801</c:v>
                </c:pt>
                <c:pt idx="195">
                  <c:v>9.0048542022705096</c:v>
                </c:pt>
                <c:pt idx="196">
                  <c:v>9.1214561462402308</c:v>
                </c:pt>
                <c:pt idx="197">
                  <c:v>7.9763703346252397</c:v>
                </c:pt>
                <c:pt idx="198">
                  <c:v>7.4345049858093297</c:v>
                </c:pt>
                <c:pt idx="199">
                  <c:v>6.1837873458862296</c:v>
                </c:pt>
                <c:pt idx="200">
                  <c:v>5.9459214210510298</c:v>
                </c:pt>
                <c:pt idx="201">
                  <c:v>6.4253506660461399</c:v>
                </c:pt>
                <c:pt idx="202">
                  <c:v>5.7941532135009801</c:v>
                </c:pt>
                <c:pt idx="203">
                  <c:v>5.8418931961059597</c:v>
                </c:pt>
                <c:pt idx="204">
                  <c:v>5.22080326080322</c:v>
                </c:pt>
                <c:pt idx="205">
                  <c:v>4.0048069953918501</c:v>
                </c:pt>
                <c:pt idx="206">
                  <c:v>4.6026506423950204</c:v>
                </c:pt>
                <c:pt idx="207">
                  <c:v>4.4968214035034197</c:v>
                </c:pt>
                <c:pt idx="208">
                  <c:v>3.7640445232391402</c:v>
                </c:pt>
                <c:pt idx="209">
                  <c:v>3.43506526947021</c:v>
                </c:pt>
                <c:pt idx="210">
                  <c:v>3.88515973091125</c:v>
                </c:pt>
                <c:pt idx="211">
                  <c:v>3.5404427051544198</c:v>
                </c:pt>
                <c:pt idx="212">
                  <c:v>3.2594139575958301</c:v>
                </c:pt>
                <c:pt idx="213">
                  <c:v>2.7986528873443599</c:v>
                </c:pt>
                <c:pt idx="214">
                  <c:v>2.75513863563538</c:v>
                </c:pt>
                <c:pt idx="215">
                  <c:v>2.5085647106170699</c:v>
                </c:pt>
                <c:pt idx="216">
                  <c:v>2.2195246219635001</c:v>
                </c:pt>
                <c:pt idx="217">
                  <c:v>2.1459045410156299</c:v>
                </c:pt>
                <c:pt idx="218">
                  <c:v>1.6969567537307699</c:v>
                </c:pt>
                <c:pt idx="219">
                  <c:v>1.4691015481948899</c:v>
                </c:pt>
                <c:pt idx="220">
                  <c:v>1.21266937255859</c:v>
                </c:pt>
                <c:pt idx="221">
                  <c:v>1.0419057607650799</c:v>
                </c:pt>
                <c:pt idx="222">
                  <c:v>0.82160675525665305</c:v>
                </c:pt>
                <c:pt idx="223">
                  <c:v>0.67301625013351396</c:v>
                </c:pt>
                <c:pt idx="224">
                  <c:v>0.51058578491210904</c:v>
                </c:pt>
                <c:pt idx="225">
                  <c:v>0.38053643703460699</c:v>
                </c:pt>
                <c:pt idx="226">
                  <c:v>0.26227289438247697</c:v>
                </c:pt>
                <c:pt idx="227">
                  <c:v>0.22770842909812899</c:v>
                </c:pt>
                <c:pt idx="228">
                  <c:v>2.54768971353769E-3</c:v>
                </c:pt>
                <c:pt idx="229">
                  <c:v>5.255889147520070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A5B3-404B-80C2-20272412415F}"/>
            </c:ext>
          </c:extLst>
        </c:ser>
        <c:ser>
          <c:idx val="6"/>
          <c:order val="1"/>
          <c:tx>
            <c:v>5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>
                  <a:lumMod val="60000"/>
                </a:schemeClr>
              </a:solidFill>
              <a:ln w="9525">
                <a:solidFill>
                  <a:schemeClr val="accent1">
                    <a:lumMod val="60000"/>
                  </a:schemeClr>
                </a:solidFill>
              </a:ln>
              <a:effectLst/>
            </c:spPr>
          </c:marker>
          <c:xVal>
            <c:numRef>
              <c:f>Type_4_6__5___._1_thixotropy_rw!$F$2:$F$231</c:f>
              <c:numCache>
                <c:formatCode>General</c:formatCode>
                <c:ptCount val="230"/>
                <c:pt idx="0">
                  <c:v>0.92629134654998802</c:v>
                </c:pt>
                <c:pt idx="1">
                  <c:v>1.9262136220932</c:v>
                </c:pt>
                <c:pt idx="2">
                  <c:v>2.9263513088226301</c:v>
                </c:pt>
                <c:pt idx="3">
                  <c:v>3.9263162612914999</c:v>
                </c:pt>
                <c:pt idx="4">
                  <c:v>4.9263024330139196</c:v>
                </c:pt>
                <c:pt idx="5">
                  <c:v>5.9261674880981401</c:v>
                </c:pt>
                <c:pt idx="6">
                  <c:v>6.9288129806518599</c:v>
                </c:pt>
                <c:pt idx="7">
                  <c:v>7.9287843704223597</c:v>
                </c:pt>
                <c:pt idx="8">
                  <c:v>8.9289026260375994</c:v>
                </c:pt>
                <c:pt idx="9">
                  <c:v>9.9289960861206108</c:v>
                </c:pt>
                <c:pt idx="10">
                  <c:v>10.926317214965801</c:v>
                </c:pt>
                <c:pt idx="11">
                  <c:v>11.926307678222701</c:v>
                </c:pt>
                <c:pt idx="12">
                  <c:v>12.9264888763428</c:v>
                </c:pt>
                <c:pt idx="13">
                  <c:v>13.926652908325201</c:v>
                </c:pt>
                <c:pt idx="14">
                  <c:v>14.926682472229</c:v>
                </c:pt>
                <c:pt idx="15">
                  <c:v>15.926659584045399</c:v>
                </c:pt>
                <c:pt idx="16">
                  <c:v>16.926557540893601</c:v>
                </c:pt>
                <c:pt idx="17">
                  <c:v>17.92626953125</c:v>
                </c:pt>
                <c:pt idx="18">
                  <c:v>18.9263095855713</c:v>
                </c:pt>
                <c:pt idx="19">
                  <c:v>19.9258117675781</c:v>
                </c:pt>
                <c:pt idx="20">
                  <c:v>20.925514221191399</c:v>
                </c:pt>
                <c:pt idx="21">
                  <c:v>21.9253826141357</c:v>
                </c:pt>
                <c:pt idx="22">
                  <c:v>22.925296783447301</c:v>
                </c:pt>
                <c:pt idx="23">
                  <c:v>23.924812316894499</c:v>
                </c:pt>
                <c:pt idx="24">
                  <c:v>24.924860000610401</c:v>
                </c:pt>
                <c:pt idx="25">
                  <c:v>25.924299240112301</c:v>
                </c:pt>
                <c:pt idx="26">
                  <c:v>26.924360275268601</c:v>
                </c:pt>
                <c:pt idx="27">
                  <c:v>27.924074172973601</c:v>
                </c:pt>
                <c:pt idx="28">
                  <c:v>28.923866271972699</c:v>
                </c:pt>
                <c:pt idx="29">
                  <c:v>29.923406600952099</c:v>
                </c:pt>
                <c:pt idx="30">
                  <c:v>30.92333984375</c:v>
                </c:pt>
                <c:pt idx="31">
                  <c:v>31.922878265380898</c:v>
                </c:pt>
                <c:pt idx="32">
                  <c:v>32.9254150390625</c:v>
                </c:pt>
                <c:pt idx="33">
                  <c:v>33.925327301025398</c:v>
                </c:pt>
                <c:pt idx="34">
                  <c:v>34.924873352050803</c:v>
                </c:pt>
                <c:pt idx="35">
                  <c:v>35.924903869628899</c:v>
                </c:pt>
                <c:pt idx="36">
                  <c:v>36.924449920654297</c:v>
                </c:pt>
                <c:pt idx="37">
                  <c:v>37.9239311218262</c:v>
                </c:pt>
                <c:pt idx="38">
                  <c:v>38.923957824707003</c:v>
                </c:pt>
                <c:pt idx="39">
                  <c:v>39.9239311218262</c:v>
                </c:pt>
                <c:pt idx="40">
                  <c:v>40.923614501953097</c:v>
                </c:pt>
                <c:pt idx="41">
                  <c:v>41.923286437988303</c:v>
                </c:pt>
                <c:pt idx="42">
                  <c:v>42.923126220703097</c:v>
                </c:pt>
                <c:pt idx="43">
                  <c:v>43.922607421875</c:v>
                </c:pt>
                <c:pt idx="44">
                  <c:v>44.922683715820298</c:v>
                </c:pt>
                <c:pt idx="45">
                  <c:v>45.922389984130902</c:v>
                </c:pt>
                <c:pt idx="46">
                  <c:v>46.921710968017599</c:v>
                </c:pt>
                <c:pt idx="47">
                  <c:v>47.921333312988303</c:v>
                </c:pt>
                <c:pt idx="48">
                  <c:v>48.921558380127003</c:v>
                </c:pt>
                <c:pt idx="49">
                  <c:v>49.921222686767599</c:v>
                </c:pt>
                <c:pt idx="50">
                  <c:v>50.921222686767599</c:v>
                </c:pt>
                <c:pt idx="51">
                  <c:v>51.920925140380902</c:v>
                </c:pt>
                <c:pt idx="52">
                  <c:v>52.919872283935497</c:v>
                </c:pt>
                <c:pt idx="53">
                  <c:v>53.920047760009801</c:v>
                </c:pt>
                <c:pt idx="54">
                  <c:v>54.9195365905762</c:v>
                </c:pt>
                <c:pt idx="55">
                  <c:v>55.919712066650398</c:v>
                </c:pt>
                <c:pt idx="56">
                  <c:v>56.918998718261697</c:v>
                </c:pt>
                <c:pt idx="57">
                  <c:v>57.9191284179688</c:v>
                </c:pt>
                <c:pt idx="58">
                  <c:v>58.919239044189503</c:v>
                </c:pt>
                <c:pt idx="59">
                  <c:v>59.918506622314503</c:v>
                </c:pt>
                <c:pt idx="60">
                  <c:v>60.919197082519503</c:v>
                </c:pt>
                <c:pt idx="61">
                  <c:v>61.917617797851598</c:v>
                </c:pt>
                <c:pt idx="62">
                  <c:v>62.918319702148402</c:v>
                </c:pt>
                <c:pt idx="63">
                  <c:v>63.918041229247997</c:v>
                </c:pt>
                <c:pt idx="64">
                  <c:v>64.917640686035199</c:v>
                </c:pt>
                <c:pt idx="65">
                  <c:v>65.917991638183594</c:v>
                </c:pt>
                <c:pt idx="66">
                  <c:v>66.915924072265597</c:v>
                </c:pt>
                <c:pt idx="67">
                  <c:v>67.916511535644503</c:v>
                </c:pt>
                <c:pt idx="68">
                  <c:v>68.916534423828097</c:v>
                </c:pt>
                <c:pt idx="69">
                  <c:v>69.916053771972699</c:v>
                </c:pt>
                <c:pt idx="70">
                  <c:v>70.916122436523395</c:v>
                </c:pt>
                <c:pt idx="71">
                  <c:v>71.916168212890597</c:v>
                </c:pt>
                <c:pt idx="72">
                  <c:v>72.915290832519503</c:v>
                </c:pt>
                <c:pt idx="73">
                  <c:v>73.915267944335895</c:v>
                </c:pt>
                <c:pt idx="74">
                  <c:v>74.914649963378906</c:v>
                </c:pt>
                <c:pt idx="75">
                  <c:v>75.914886474609403</c:v>
                </c:pt>
                <c:pt idx="76">
                  <c:v>76.915229797363295</c:v>
                </c:pt>
                <c:pt idx="77">
                  <c:v>77.913658142089801</c:v>
                </c:pt>
                <c:pt idx="78">
                  <c:v>78.913673400878906</c:v>
                </c:pt>
                <c:pt idx="79">
                  <c:v>79.914039611816406</c:v>
                </c:pt>
                <c:pt idx="80">
                  <c:v>80.914070129394503</c:v>
                </c:pt>
                <c:pt idx="81">
                  <c:v>81.913734436035199</c:v>
                </c:pt>
                <c:pt idx="82">
                  <c:v>82.913192749023395</c:v>
                </c:pt>
                <c:pt idx="83">
                  <c:v>83.912132263183594</c:v>
                </c:pt>
                <c:pt idx="84">
                  <c:v>84.913581848144503</c:v>
                </c:pt>
                <c:pt idx="85">
                  <c:v>85.913764953613295</c:v>
                </c:pt>
                <c:pt idx="86">
                  <c:v>86.912422180175795</c:v>
                </c:pt>
                <c:pt idx="87">
                  <c:v>87.911506652832003</c:v>
                </c:pt>
                <c:pt idx="88">
                  <c:v>88.912223815917997</c:v>
                </c:pt>
                <c:pt idx="89">
                  <c:v>89.911453247070298</c:v>
                </c:pt>
                <c:pt idx="90">
                  <c:v>90.91162109375</c:v>
                </c:pt>
                <c:pt idx="91">
                  <c:v>91.909706115722699</c:v>
                </c:pt>
                <c:pt idx="92">
                  <c:v>92.910331726074205</c:v>
                </c:pt>
                <c:pt idx="93">
                  <c:v>93.910476684570298</c:v>
                </c:pt>
                <c:pt idx="94">
                  <c:v>94.9105224609375</c:v>
                </c:pt>
                <c:pt idx="95">
                  <c:v>95.910362243652301</c:v>
                </c:pt>
                <c:pt idx="96">
                  <c:v>96.910705566406307</c:v>
                </c:pt>
                <c:pt idx="97">
                  <c:v>97.908119201660199</c:v>
                </c:pt>
                <c:pt idx="98">
                  <c:v>98.909606933593807</c:v>
                </c:pt>
                <c:pt idx="99">
                  <c:v>99.908966064453097</c:v>
                </c:pt>
                <c:pt idx="100">
                  <c:v>100.000541687012</c:v>
                </c:pt>
                <c:pt idx="101">
                  <c:v>99.999496459960895</c:v>
                </c:pt>
                <c:pt idx="102">
                  <c:v>100.00067138671901</c:v>
                </c:pt>
                <c:pt idx="103">
                  <c:v>100.00050354003901</c:v>
                </c:pt>
                <c:pt idx="104">
                  <c:v>99.998336791992202</c:v>
                </c:pt>
                <c:pt idx="105">
                  <c:v>100.001792907715</c:v>
                </c:pt>
                <c:pt idx="106">
                  <c:v>99.999565124511705</c:v>
                </c:pt>
                <c:pt idx="107">
                  <c:v>99.999603271484403</c:v>
                </c:pt>
                <c:pt idx="108">
                  <c:v>100.00067138671901</c:v>
                </c:pt>
                <c:pt idx="109">
                  <c:v>100.00114440918</c:v>
                </c:pt>
                <c:pt idx="110">
                  <c:v>100.00017547607401</c:v>
                </c:pt>
                <c:pt idx="111">
                  <c:v>100.001815795898</c:v>
                </c:pt>
                <c:pt idx="112">
                  <c:v>100.000038146973</c:v>
                </c:pt>
                <c:pt idx="113">
                  <c:v>100.000106811523</c:v>
                </c:pt>
                <c:pt idx="114">
                  <c:v>100.00066375732401</c:v>
                </c:pt>
                <c:pt idx="115">
                  <c:v>100.000450134277</c:v>
                </c:pt>
                <c:pt idx="116">
                  <c:v>100.000274658203</c:v>
                </c:pt>
                <c:pt idx="117">
                  <c:v>100.00065612793</c:v>
                </c:pt>
                <c:pt idx="118">
                  <c:v>99.999900817871094</c:v>
                </c:pt>
                <c:pt idx="119">
                  <c:v>100.00006866455099</c:v>
                </c:pt>
                <c:pt idx="120">
                  <c:v>99.999275207519503</c:v>
                </c:pt>
                <c:pt idx="121">
                  <c:v>99.999641418457003</c:v>
                </c:pt>
                <c:pt idx="122">
                  <c:v>99.999908447265597</c:v>
                </c:pt>
                <c:pt idx="123">
                  <c:v>99.999412536621094</c:v>
                </c:pt>
                <c:pt idx="124">
                  <c:v>100.001754760742</c:v>
                </c:pt>
                <c:pt idx="125">
                  <c:v>100.00178527832</c:v>
                </c:pt>
                <c:pt idx="126">
                  <c:v>99.999038696289105</c:v>
                </c:pt>
                <c:pt idx="127">
                  <c:v>100.000381469727</c:v>
                </c:pt>
                <c:pt idx="128">
                  <c:v>100.00090789794901</c:v>
                </c:pt>
                <c:pt idx="129">
                  <c:v>99.999008178710895</c:v>
                </c:pt>
                <c:pt idx="130">
                  <c:v>99.075477600097699</c:v>
                </c:pt>
                <c:pt idx="131">
                  <c:v>98.075401306152301</c:v>
                </c:pt>
                <c:pt idx="132">
                  <c:v>97.073066711425795</c:v>
                </c:pt>
                <c:pt idx="133">
                  <c:v>96.072769165039105</c:v>
                </c:pt>
                <c:pt idx="134">
                  <c:v>95.076950073242202</c:v>
                </c:pt>
                <c:pt idx="135">
                  <c:v>94.076477050781307</c:v>
                </c:pt>
                <c:pt idx="136">
                  <c:v>93.076126098632798</c:v>
                </c:pt>
                <c:pt idx="137">
                  <c:v>92.074089050292997</c:v>
                </c:pt>
                <c:pt idx="138">
                  <c:v>91.074546813964801</c:v>
                </c:pt>
                <c:pt idx="139">
                  <c:v>90.078392028808594</c:v>
                </c:pt>
                <c:pt idx="140">
                  <c:v>89.077224731445298</c:v>
                </c:pt>
                <c:pt idx="141">
                  <c:v>88.0780029296875</c:v>
                </c:pt>
                <c:pt idx="142">
                  <c:v>87.074989318847699</c:v>
                </c:pt>
                <c:pt idx="143">
                  <c:v>86.078193664550795</c:v>
                </c:pt>
                <c:pt idx="144">
                  <c:v>85.078414916992202</c:v>
                </c:pt>
                <c:pt idx="145">
                  <c:v>84.078598022460895</c:v>
                </c:pt>
                <c:pt idx="146">
                  <c:v>83.079254150390597</c:v>
                </c:pt>
                <c:pt idx="147">
                  <c:v>82.080184936523395</c:v>
                </c:pt>
                <c:pt idx="148">
                  <c:v>81.079017639160199</c:v>
                </c:pt>
                <c:pt idx="149">
                  <c:v>80.080215454101605</c:v>
                </c:pt>
                <c:pt idx="150">
                  <c:v>79.079772949218807</c:v>
                </c:pt>
                <c:pt idx="151">
                  <c:v>78.080596923828097</c:v>
                </c:pt>
                <c:pt idx="152">
                  <c:v>77.080772399902301</c:v>
                </c:pt>
                <c:pt idx="153">
                  <c:v>76.080772399902301</c:v>
                </c:pt>
                <c:pt idx="154">
                  <c:v>75.082420349121094</c:v>
                </c:pt>
                <c:pt idx="155">
                  <c:v>74.080879211425795</c:v>
                </c:pt>
                <c:pt idx="156">
                  <c:v>73.081443786621094</c:v>
                </c:pt>
                <c:pt idx="157">
                  <c:v>72.081581115722699</c:v>
                </c:pt>
                <c:pt idx="158">
                  <c:v>71.0821533203125</c:v>
                </c:pt>
                <c:pt idx="159">
                  <c:v>70.080986022949205</c:v>
                </c:pt>
                <c:pt idx="160">
                  <c:v>69.082145690917997</c:v>
                </c:pt>
                <c:pt idx="161">
                  <c:v>68.082382202148395</c:v>
                </c:pt>
                <c:pt idx="162">
                  <c:v>67.082107543945298</c:v>
                </c:pt>
                <c:pt idx="163">
                  <c:v>66.083541870117202</c:v>
                </c:pt>
                <c:pt idx="164">
                  <c:v>65.080764770507798</c:v>
                </c:pt>
                <c:pt idx="165">
                  <c:v>64.080474853515597</c:v>
                </c:pt>
                <c:pt idx="166">
                  <c:v>63.081413269042997</c:v>
                </c:pt>
                <c:pt idx="167">
                  <c:v>62.082130432128899</c:v>
                </c:pt>
                <c:pt idx="168">
                  <c:v>61.082611083984403</c:v>
                </c:pt>
                <c:pt idx="169">
                  <c:v>60.082103729247997</c:v>
                </c:pt>
                <c:pt idx="170">
                  <c:v>59.082046508789098</c:v>
                </c:pt>
                <c:pt idx="171">
                  <c:v>58.082832336425803</c:v>
                </c:pt>
                <c:pt idx="172">
                  <c:v>57.082614898681598</c:v>
                </c:pt>
                <c:pt idx="173">
                  <c:v>56.082748413085902</c:v>
                </c:pt>
                <c:pt idx="174">
                  <c:v>55.083328247070298</c:v>
                </c:pt>
                <c:pt idx="175">
                  <c:v>54.083995819091797</c:v>
                </c:pt>
                <c:pt idx="176">
                  <c:v>53.083511352539098</c:v>
                </c:pt>
                <c:pt idx="177">
                  <c:v>52.084312438964801</c:v>
                </c:pt>
                <c:pt idx="178">
                  <c:v>51.084445953369098</c:v>
                </c:pt>
                <c:pt idx="179">
                  <c:v>50.084568023681598</c:v>
                </c:pt>
                <c:pt idx="180">
                  <c:v>49.085437774658203</c:v>
                </c:pt>
                <c:pt idx="181">
                  <c:v>48.084903717041001</c:v>
                </c:pt>
                <c:pt idx="182">
                  <c:v>47.085109710693402</c:v>
                </c:pt>
                <c:pt idx="183">
                  <c:v>46.085670471191399</c:v>
                </c:pt>
                <c:pt idx="184">
                  <c:v>45.085433959960902</c:v>
                </c:pt>
                <c:pt idx="185">
                  <c:v>44.086441040039098</c:v>
                </c:pt>
                <c:pt idx="186">
                  <c:v>43.086357116699197</c:v>
                </c:pt>
                <c:pt idx="187">
                  <c:v>42.086524963378899</c:v>
                </c:pt>
                <c:pt idx="188">
                  <c:v>41.087013244628899</c:v>
                </c:pt>
                <c:pt idx="189">
                  <c:v>40.087150573730497</c:v>
                </c:pt>
                <c:pt idx="190">
                  <c:v>39.087059020996101</c:v>
                </c:pt>
                <c:pt idx="191">
                  <c:v>38.087043762207003</c:v>
                </c:pt>
                <c:pt idx="192">
                  <c:v>37.087398529052699</c:v>
                </c:pt>
                <c:pt idx="193">
                  <c:v>36.087917327880902</c:v>
                </c:pt>
                <c:pt idx="194">
                  <c:v>35.088909149169901</c:v>
                </c:pt>
                <c:pt idx="195">
                  <c:v>34.088150024414098</c:v>
                </c:pt>
                <c:pt idx="196">
                  <c:v>33.088264465332003</c:v>
                </c:pt>
                <c:pt idx="197">
                  <c:v>32.088760375976598</c:v>
                </c:pt>
                <c:pt idx="198">
                  <c:v>31.089097976684599</c:v>
                </c:pt>
                <c:pt idx="199">
                  <c:v>30.089378356933601</c:v>
                </c:pt>
                <c:pt idx="200">
                  <c:v>29.089584350585898</c:v>
                </c:pt>
                <c:pt idx="201">
                  <c:v>28.0898551940918</c:v>
                </c:pt>
                <c:pt idx="202">
                  <c:v>27.090019226074201</c:v>
                </c:pt>
                <c:pt idx="203">
                  <c:v>26.090192794799801</c:v>
                </c:pt>
                <c:pt idx="204">
                  <c:v>25.090635299682599</c:v>
                </c:pt>
                <c:pt idx="205">
                  <c:v>24.090934753418001</c:v>
                </c:pt>
                <c:pt idx="206">
                  <c:v>23.091041564941399</c:v>
                </c:pt>
                <c:pt idx="207">
                  <c:v>22.0912780761719</c:v>
                </c:pt>
                <c:pt idx="208">
                  <c:v>21.091773986816399</c:v>
                </c:pt>
                <c:pt idx="209">
                  <c:v>20.0918292999268</c:v>
                </c:pt>
                <c:pt idx="210">
                  <c:v>19.09202003479</c:v>
                </c:pt>
                <c:pt idx="211">
                  <c:v>18.0923957824707</c:v>
                </c:pt>
                <c:pt idx="212">
                  <c:v>17.092563629150401</c:v>
                </c:pt>
                <c:pt idx="213">
                  <c:v>16.092937469482401</c:v>
                </c:pt>
                <c:pt idx="214">
                  <c:v>15.0927076339722</c:v>
                </c:pt>
                <c:pt idx="215">
                  <c:v>14.0926160812378</c:v>
                </c:pt>
                <c:pt idx="216">
                  <c:v>13.092587471008301</c:v>
                </c:pt>
                <c:pt idx="217">
                  <c:v>12.092405319213899</c:v>
                </c:pt>
                <c:pt idx="218">
                  <c:v>11.092358589172401</c:v>
                </c:pt>
                <c:pt idx="219">
                  <c:v>10.0922136306763</c:v>
                </c:pt>
                <c:pt idx="220">
                  <c:v>9.0921154022216797</c:v>
                </c:pt>
                <c:pt idx="221">
                  <c:v>8.0920581817627006</c:v>
                </c:pt>
                <c:pt idx="222">
                  <c:v>7.0920848846435502</c:v>
                </c:pt>
                <c:pt idx="223">
                  <c:v>6.0921506881713903</c:v>
                </c:pt>
                <c:pt idx="224">
                  <c:v>5.0922384262084996</c:v>
                </c:pt>
                <c:pt idx="225">
                  <c:v>4.0923190116882298</c:v>
                </c:pt>
                <c:pt idx="226">
                  <c:v>3.0922644138336199</c:v>
                </c:pt>
                <c:pt idx="227">
                  <c:v>2.0922944545745898</c:v>
                </c:pt>
                <c:pt idx="228">
                  <c:v>1.0922557115554801</c:v>
                </c:pt>
                <c:pt idx="229">
                  <c:v>9.2282697558403001E-2</c:v>
                </c:pt>
              </c:numCache>
            </c:numRef>
          </c:xVal>
          <c:yVal>
            <c:numRef>
              <c:f>Type_4_6__5___._1_thixotropy_rw!$D$2:$D$231</c:f>
              <c:numCache>
                <c:formatCode>General</c:formatCode>
                <c:ptCount val="230"/>
                <c:pt idx="0">
                  <c:v>4.1078987121581996</c:v>
                </c:pt>
                <c:pt idx="1">
                  <c:v>1.9773827791214</c:v>
                </c:pt>
                <c:pt idx="2">
                  <c:v>1.15112328529358</c:v>
                </c:pt>
                <c:pt idx="3">
                  <c:v>0.82450389862060502</c:v>
                </c:pt>
                <c:pt idx="4">
                  <c:v>1.18997442722321</c:v>
                </c:pt>
                <c:pt idx="5">
                  <c:v>1.16651964187622</c:v>
                </c:pt>
                <c:pt idx="6">
                  <c:v>1.2314268350601201</c:v>
                </c:pt>
                <c:pt idx="7">
                  <c:v>1.35079574584961</c:v>
                </c:pt>
                <c:pt idx="8">
                  <c:v>1.54523193836212</c:v>
                </c:pt>
                <c:pt idx="9">
                  <c:v>1.78161644935608</c:v>
                </c:pt>
                <c:pt idx="10">
                  <c:v>2.2646937370300302</c:v>
                </c:pt>
                <c:pt idx="11">
                  <c:v>2.5439910888671902</c:v>
                </c:pt>
                <c:pt idx="12">
                  <c:v>2.6246318817138699</c:v>
                </c:pt>
                <c:pt idx="13">
                  <c:v>2.3370299339294398</c:v>
                </c:pt>
                <c:pt idx="14">
                  <c:v>2.5359156131744398</c:v>
                </c:pt>
                <c:pt idx="15">
                  <c:v>2.82979440689087</c:v>
                </c:pt>
                <c:pt idx="16">
                  <c:v>3.5314600467681898</c:v>
                </c:pt>
                <c:pt idx="17">
                  <c:v>4.4853768348693803</c:v>
                </c:pt>
                <c:pt idx="18">
                  <c:v>5.10154008865356</c:v>
                </c:pt>
                <c:pt idx="19">
                  <c:v>5.0387163162231401</c:v>
                </c:pt>
                <c:pt idx="20">
                  <c:v>4.8491239547729501</c:v>
                </c:pt>
                <c:pt idx="21">
                  <c:v>5.2138986587524396</c:v>
                </c:pt>
                <c:pt idx="22">
                  <c:v>4.3543658256530797</c:v>
                </c:pt>
                <c:pt idx="23">
                  <c:v>5.1746850013732901</c:v>
                </c:pt>
                <c:pt idx="24">
                  <c:v>5.7103042602539098</c:v>
                </c:pt>
                <c:pt idx="25">
                  <c:v>5.4017353057861301</c:v>
                </c:pt>
                <c:pt idx="26">
                  <c:v>6.5002298355102504</c:v>
                </c:pt>
                <c:pt idx="27">
                  <c:v>5.9835691452026403</c:v>
                </c:pt>
                <c:pt idx="28">
                  <c:v>6.4805221557617196</c:v>
                </c:pt>
                <c:pt idx="29">
                  <c:v>7.0831732749939</c:v>
                </c:pt>
                <c:pt idx="30">
                  <c:v>8.1575298309326207</c:v>
                </c:pt>
                <c:pt idx="31">
                  <c:v>7.75064897537231</c:v>
                </c:pt>
                <c:pt idx="32">
                  <c:v>9.1396398544311506</c:v>
                </c:pt>
                <c:pt idx="33">
                  <c:v>8.9738273620605504</c:v>
                </c:pt>
                <c:pt idx="34">
                  <c:v>8.9986858367919904</c:v>
                </c:pt>
                <c:pt idx="35">
                  <c:v>10.1198329925537</c:v>
                </c:pt>
                <c:pt idx="36">
                  <c:v>10.155779838561999</c:v>
                </c:pt>
                <c:pt idx="37">
                  <c:v>11.416017532348601</c:v>
                </c:pt>
                <c:pt idx="38">
                  <c:v>12.264406204223601</c:v>
                </c:pt>
                <c:pt idx="39">
                  <c:v>13.241385459899901</c:v>
                </c:pt>
                <c:pt idx="40">
                  <c:v>12.216555595397899</c:v>
                </c:pt>
                <c:pt idx="41">
                  <c:v>14.1427145004272</c:v>
                </c:pt>
                <c:pt idx="42">
                  <c:v>13.890513420105</c:v>
                </c:pt>
                <c:pt idx="43">
                  <c:v>14.063362121581999</c:v>
                </c:pt>
                <c:pt idx="44">
                  <c:v>14.770793914794901</c:v>
                </c:pt>
                <c:pt idx="45">
                  <c:v>15.461368560791</c:v>
                </c:pt>
                <c:pt idx="46">
                  <c:v>14.822471618652299</c:v>
                </c:pt>
                <c:pt idx="47">
                  <c:v>16.467109680175799</c:v>
                </c:pt>
                <c:pt idx="48">
                  <c:v>16.138786315918001</c:v>
                </c:pt>
                <c:pt idx="49">
                  <c:v>16.062648773193398</c:v>
                </c:pt>
                <c:pt idx="50">
                  <c:v>17.124311447143601</c:v>
                </c:pt>
                <c:pt idx="51">
                  <c:v>17.2963752746582</c:v>
                </c:pt>
                <c:pt idx="52">
                  <c:v>20.620063781738299</c:v>
                </c:pt>
                <c:pt idx="53">
                  <c:v>21.748836517333999</c:v>
                </c:pt>
                <c:pt idx="54">
                  <c:v>19.847633361816399</c:v>
                </c:pt>
                <c:pt idx="55">
                  <c:v>21.108909606933601</c:v>
                </c:pt>
                <c:pt idx="56">
                  <c:v>22.182460784912099</c:v>
                </c:pt>
                <c:pt idx="57">
                  <c:v>23.1258850097656</c:v>
                </c:pt>
                <c:pt idx="58">
                  <c:v>25.925565719604499</c:v>
                </c:pt>
                <c:pt idx="59">
                  <c:v>25.373262405395501</c:v>
                </c:pt>
                <c:pt idx="60">
                  <c:v>26.738201141357401</c:v>
                </c:pt>
                <c:pt idx="61">
                  <c:v>26.640199661254901</c:v>
                </c:pt>
                <c:pt idx="62">
                  <c:v>27.970075607299801</c:v>
                </c:pt>
                <c:pt idx="63">
                  <c:v>27.743085861206101</c:v>
                </c:pt>
                <c:pt idx="64">
                  <c:v>30.438280105590799</c:v>
                </c:pt>
                <c:pt idx="65">
                  <c:v>29.460222244262699</c:v>
                </c:pt>
                <c:pt idx="66">
                  <c:v>31.138807296752901</c:v>
                </c:pt>
                <c:pt idx="67">
                  <c:v>32.769649505615199</c:v>
                </c:pt>
                <c:pt idx="68">
                  <c:v>34.395313262939503</c:v>
                </c:pt>
                <c:pt idx="69">
                  <c:v>37.331809997558601</c:v>
                </c:pt>
                <c:pt idx="70">
                  <c:v>38.327404022216797</c:v>
                </c:pt>
                <c:pt idx="71">
                  <c:v>37.946342468261697</c:v>
                </c:pt>
                <c:pt idx="72">
                  <c:v>37.254928588867202</c:v>
                </c:pt>
                <c:pt idx="73">
                  <c:v>37.661975860595703</c:v>
                </c:pt>
                <c:pt idx="74">
                  <c:v>40.008689880371101</c:v>
                </c:pt>
                <c:pt idx="75">
                  <c:v>39.924461364746101</c:v>
                </c:pt>
                <c:pt idx="76">
                  <c:v>40.198116302490199</c:v>
                </c:pt>
                <c:pt idx="77">
                  <c:v>40.761856079101598</c:v>
                </c:pt>
                <c:pt idx="78">
                  <c:v>42.577156066894503</c:v>
                </c:pt>
                <c:pt idx="79">
                  <c:v>45.210865020752003</c:v>
                </c:pt>
                <c:pt idx="80">
                  <c:v>46.698379516601598</c:v>
                </c:pt>
                <c:pt idx="81">
                  <c:v>47.384086608886697</c:v>
                </c:pt>
                <c:pt idx="82">
                  <c:v>48.039459228515597</c:v>
                </c:pt>
                <c:pt idx="83">
                  <c:v>47.832439422607401</c:v>
                </c:pt>
                <c:pt idx="84">
                  <c:v>51.809295654296903</c:v>
                </c:pt>
                <c:pt idx="85">
                  <c:v>50.866878509521499</c:v>
                </c:pt>
                <c:pt idx="86">
                  <c:v>49.804420471191399</c:v>
                </c:pt>
                <c:pt idx="87">
                  <c:v>48.460414886474602</c:v>
                </c:pt>
                <c:pt idx="88">
                  <c:v>47.282844543457003</c:v>
                </c:pt>
                <c:pt idx="89">
                  <c:v>51.3639106750488</c:v>
                </c:pt>
                <c:pt idx="90">
                  <c:v>49.5311470031738</c:v>
                </c:pt>
                <c:pt idx="91">
                  <c:v>51.269790649414098</c:v>
                </c:pt>
                <c:pt idx="92">
                  <c:v>52.247806549072301</c:v>
                </c:pt>
                <c:pt idx="93">
                  <c:v>53.863605499267599</c:v>
                </c:pt>
                <c:pt idx="94">
                  <c:v>51.211616516113303</c:v>
                </c:pt>
                <c:pt idx="95">
                  <c:v>53.941410064697301</c:v>
                </c:pt>
                <c:pt idx="96">
                  <c:v>54.010005950927699</c:v>
                </c:pt>
                <c:pt idx="97">
                  <c:v>54.103622436523402</c:v>
                </c:pt>
                <c:pt idx="98">
                  <c:v>55.4723091125488</c:v>
                </c:pt>
                <c:pt idx="99">
                  <c:v>54.5515327453613</c:v>
                </c:pt>
                <c:pt idx="100">
                  <c:v>54.585269927978501</c:v>
                </c:pt>
                <c:pt idx="101">
                  <c:v>55.460731506347699</c:v>
                </c:pt>
                <c:pt idx="102">
                  <c:v>56.838134765625</c:v>
                </c:pt>
                <c:pt idx="103">
                  <c:v>54.735176086425803</c:v>
                </c:pt>
                <c:pt idx="104">
                  <c:v>55.413417816162102</c:v>
                </c:pt>
                <c:pt idx="105">
                  <c:v>55.757457733154297</c:v>
                </c:pt>
                <c:pt idx="106">
                  <c:v>54.548419952392599</c:v>
                </c:pt>
                <c:pt idx="107">
                  <c:v>53.0655708312988</c:v>
                </c:pt>
                <c:pt idx="108">
                  <c:v>54.693572998046903</c:v>
                </c:pt>
                <c:pt idx="109">
                  <c:v>54.771121978759801</c:v>
                </c:pt>
                <c:pt idx="110">
                  <c:v>53.679141998291001</c:v>
                </c:pt>
                <c:pt idx="111">
                  <c:v>55.668769836425803</c:v>
                </c:pt>
                <c:pt idx="112">
                  <c:v>55.024955749511697</c:v>
                </c:pt>
                <c:pt idx="113">
                  <c:v>53.918262481689503</c:v>
                </c:pt>
                <c:pt idx="114">
                  <c:v>55.479827880859403</c:v>
                </c:pt>
                <c:pt idx="115">
                  <c:v>54.209362030029297</c:v>
                </c:pt>
                <c:pt idx="116">
                  <c:v>55.360664367675803</c:v>
                </c:pt>
                <c:pt idx="117">
                  <c:v>53.552742004394503</c:v>
                </c:pt>
                <c:pt idx="118">
                  <c:v>54.999553680419901</c:v>
                </c:pt>
                <c:pt idx="119">
                  <c:v>56.5559692382813</c:v>
                </c:pt>
                <c:pt idx="120">
                  <c:v>53.053371429443402</c:v>
                </c:pt>
                <c:pt idx="121">
                  <c:v>53.9361381530762</c:v>
                </c:pt>
                <c:pt idx="122">
                  <c:v>56.512100219726598</c:v>
                </c:pt>
                <c:pt idx="123">
                  <c:v>59.244102478027301</c:v>
                </c:pt>
                <c:pt idx="124">
                  <c:v>55.098384857177699</c:v>
                </c:pt>
                <c:pt idx="125">
                  <c:v>57.135166168212898</c:v>
                </c:pt>
                <c:pt idx="126">
                  <c:v>55.3290824890137</c:v>
                </c:pt>
                <c:pt idx="127">
                  <c:v>55.579315185546903</c:v>
                </c:pt>
                <c:pt idx="128">
                  <c:v>54.1082153320313</c:v>
                </c:pt>
                <c:pt idx="129">
                  <c:v>54.328018188476598</c:v>
                </c:pt>
                <c:pt idx="130">
                  <c:v>53.6130180358887</c:v>
                </c:pt>
                <c:pt idx="131">
                  <c:v>54.223217010497997</c:v>
                </c:pt>
                <c:pt idx="132">
                  <c:v>52.239658355712898</c:v>
                </c:pt>
                <c:pt idx="133">
                  <c:v>52.499904632568402</c:v>
                </c:pt>
                <c:pt idx="134">
                  <c:v>50.000980377197301</c:v>
                </c:pt>
                <c:pt idx="135">
                  <c:v>52.818817138671903</c:v>
                </c:pt>
                <c:pt idx="136">
                  <c:v>48.621135711669901</c:v>
                </c:pt>
                <c:pt idx="137">
                  <c:v>48.813045501708999</c:v>
                </c:pt>
                <c:pt idx="138">
                  <c:v>50.248161315917997</c:v>
                </c:pt>
                <c:pt idx="139">
                  <c:v>49.392784118652301</c:v>
                </c:pt>
                <c:pt idx="140">
                  <c:v>47.991954803466797</c:v>
                </c:pt>
                <c:pt idx="141">
                  <c:v>45.367210388183601</c:v>
                </c:pt>
                <c:pt idx="142">
                  <c:v>45.016525268554702</c:v>
                </c:pt>
                <c:pt idx="143">
                  <c:v>45.453529357910199</c:v>
                </c:pt>
                <c:pt idx="144">
                  <c:v>44.232669830322301</c:v>
                </c:pt>
                <c:pt idx="145">
                  <c:v>43.561546325683601</c:v>
                </c:pt>
                <c:pt idx="146">
                  <c:v>41.871707916259801</c:v>
                </c:pt>
                <c:pt idx="147">
                  <c:v>43.749687194824197</c:v>
                </c:pt>
                <c:pt idx="148">
                  <c:v>42.884712219238303</c:v>
                </c:pt>
                <c:pt idx="149">
                  <c:v>40.77001953125</c:v>
                </c:pt>
                <c:pt idx="150">
                  <c:v>39.713489532470703</c:v>
                </c:pt>
                <c:pt idx="151">
                  <c:v>44.091236114502003</c:v>
                </c:pt>
                <c:pt idx="152">
                  <c:v>37.788642883300803</c:v>
                </c:pt>
                <c:pt idx="153">
                  <c:v>37.462516784667997</c:v>
                </c:pt>
                <c:pt idx="154">
                  <c:v>37.889080047607401</c:v>
                </c:pt>
                <c:pt idx="155">
                  <c:v>36.881092071533203</c:v>
                </c:pt>
                <c:pt idx="156">
                  <c:v>37.184211730957003</c:v>
                </c:pt>
                <c:pt idx="157">
                  <c:v>35.963760375976598</c:v>
                </c:pt>
                <c:pt idx="158">
                  <c:v>35.587966918945298</c:v>
                </c:pt>
                <c:pt idx="159">
                  <c:v>34.077606201171903</c:v>
                </c:pt>
                <c:pt idx="160">
                  <c:v>33.958076477050803</c:v>
                </c:pt>
                <c:pt idx="161">
                  <c:v>34.106796264648402</c:v>
                </c:pt>
                <c:pt idx="162">
                  <c:v>33.502017974853501</c:v>
                </c:pt>
                <c:pt idx="163">
                  <c:v>31.873796463012699</c:v>
                </c:pt>
                <c:pt idx="164">
                  <c:v>31.4566955566406</c:v>
                </c:pt>
                <c:pt idx="165">
                  <c:v>28.4713745117188</c:v>
                </c:pt>
                <c:pt idx="166">
                  <c:v>26.748216629028299</c:v>
                </c:pt>
                <c:pt idx="167">
                  <c:v>28.248476028442401</c:v>
                </c:pt>
                <c:pt idx="168">
                  <c:v>24.215898513793899</c:v>
                </c:pt>
                <c:pt idx="169">
                  <c:v>25.4647426605225</c:v>
                </c:pt>
                <c:pt idx="170">
                  <c:v>24.76096534729</c:v>
                </c:pt>
                <c:pt idx="171">
                  <c:v>22.560693740844702</c:v>
                </c:pt>
                <c:pt idx="172">
                  <c:v>21.922754287719702</c:v>
                </c:pt>
                <c:pt idx="173">
                  <c:v>22.700841903686499</c:v>
                </c:pt>
                <c:pt idx="174">
                  <c:v>21.569969177246101</c:v>
                </c:pt>
                <c:pt idx="175">
                  <c:v>21.4813556671143</c:v>
                </c:pt>
                <c:pt idx="176">
                  <c:v>19.090518951416001</c:v>
                </c:pt>
                <c:pt idx="177">
                  <c:v>18.732242584228501</c:v>
                </c:pt>
                <c:pt idx="178">
                  <c:v>17.9950160980225</c:v>
                </c:pt>
                <c:pt idx="179">
                  <c:v>18.4581413269043</c:v>
                </c:pt>
                <c:pt idx="180">
                  <c:v>16.5872917175293</c:v>
                </c:pt>
                <c:pt idx="181">
                  <c:v>15.928459167480501</c:v>
                </c:pt>
                <c:pt idx="182">
                  <c:v>15.9218664169312</c:v>
                </c:pt>
                <c:pt idx="183">
                  <c:v>15.672611236572299</c:v>
                </c:pt>
                <c:pt idx="184">
                  <c:v>14.722126007080099</c:v>
                </c:pt>
                <c:pt idx="185">
                  <c:v>14.143293380737299</c:v>
                </c:pt>
                <c:pt idx="186">
                  <c:v>13.657361984252899</c:v>
                </c:pt>
                <c:pt idx="187">
                  <c:v>13.6997575759888</c:v>
                </c:pt>
                <c:pt idx="188">
                  <c:v>12.3927221298218</c:v>
                </c:pt>
                <c:pt idx="189">
                  <c:v>12.290956497192401</c:v>
                </c:pt>
                <c:pt idx="190">
                  <c:v>11.576376914978001</c:v>
                </c:pt>
                <c:pt idx="191">
                  <c:v>10.2151803970337</c:v>
                </c:pt>
                <c:pt idx="192">
                  <c:v>10.9295148849487</c:v>
                </c:pt>
                <c:pt idx="193">
                  <c:v>9.9417295455932599</c:v>
                </c:pt>
                <c:pt idx="194">
                  <c:v>9.7423076629638707</c:v>
                </c:pt>
                <c:pt idx="195">
                  <c:v>9.5330533981323207</c:v>
                </c:pt>
                <c:pt idx="196">
                  <c:v>9.1188220977783203</c:v>
                </c:pt>
                <c:pt idx="197">
                  <c:v>8.2848119735717791</c:v>
                </c:pt>
                <c:pt idx="198">
                  <c:v>8.4944219589233398</c:v>
                </c:pt>
                <c:pt idx="199">
                  <c:v>7.4200749397277797</c:v>
                </c:pt>
                <c:pt idx="200">
                  <c:v>6.4091100692748997</c:v>
                </c:pt>
                <c:pt idx="201">
                  <c:v>7.4050273895263699</c:v>
                </c:pt>
                <c:pt idx="202">
                  <c:v>6.0325126647949201</c:v>
                </c:pt>
                <c:pt idx="203">
                  <c:v>6.2358317375183097</c:v>
                </c:pt>
                <c:pt idx="204">
                  <c:v>5.4953556060790998</c:v>
                </c:pt>
                <c:pt idx="205">
                  <c:v>4.9619221687316903</c:v>
                </c:pt>
                <c:pt idx="206">
                  <c:v>5.14931392669678</c:v>
                </c:pt>
                <c:pt idx="207">
                  <c:v>4.1995983123779297</c:v>
                </c:pt>
                <c:pt idx="208">
                  <c:v>3.9334745407104501</c:v>
                </c:pt>
                <c:pt idx="209">
                  <c:v>4.0299816131591797</c:v>
                </c:pt>
                <c:pt idx="210">
                  <c:v>3.7366535663604701</c:v>
                </c:pt>
                <c:pt idx="211">
                  <c:v>3.0499451160430899</c:v>
                </c:pt>
                <c:pt idx="212">
                  <c:v>2.8640298843383798</c:v>
                </c:pt>
                <c:pt idx="213">
                  <c:v>2.44447994232178</c:v>
                </c:pt>
                <c:pt idx="214">
                  <c:v>2.300137758255</c:v>
                </c:pt>
                <c:pt idx="215">
                  <c:v>2.1269104480743399</c:v>
                </c:pt>
                <c:pt idx="216">
                  <c:v>2.0382320880889901</c:v>
                </c:pt>
                <c:pt idx="217">
                  <c:v>1.74735891819</c:v>
                </c:pt>
                <c:pt idx="218">
                  <c:v>1.59491515159607</c:v>
                </c:pt>
                <c:pt idx="219">
                  <c:v>1.3888300657272299</c:v>
                </c:pt>
                <c:pt idx="220">
                  <c:v>1.2059369087219201</c:v>
                </c:pt>
                <c:pt idx="221">
                  <c:v>0.97701603174209595</c:v>
                </c:pt>
                <c:pt idx="222">
                  <c:v>0.78193014860153198</c:v>
                </c:pt>
                <c:pt idx="223">
                  <c:v>0.68846380710601796</c:v>
                </c:pt>
                <c:pt idx="224">
                  <c:v>0.49168619513511702</c:v>
                </c:pt>
                <c:pt idx="225">
                  <c:v>0.37465268373489402</c:v>
                </c:pt>
                <c:pt idx="226">
                  <c:v>0.22366933524608601</c:v>
                </c:pt>
                <c:pt idx="227">
                  <c:v>9.8221816122531905E-2</c:v>
                </c:pt>
                <c:pt idx="228">
                  <c:v>0.19915682077407801</c:v>
                </c:pt>
                <c:pt idx="229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A5B3-404B-80C2-20272412415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stress, </a:t>
                </a:r>
                <a:r>
                  <a:rPr lang="el-GR"/>
                  <a:t>τ</a:t>
                </a:r>
                <a:r>
                  <a:rPr lang="en-GB"/>
                  <a:t> (Pa)</a:t>
                </a:r>
                <a:r>
                  <a:rPr lang="en-GB" baseline="0"/>
                  <a:t> 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all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7"/>
          <c:order val="0"/>
          <c:tx>
            <c:v>2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xVal>
            <c:numRef>
              <c:f>_29_01_bss_4_6_ramp_3_1_rwd!$F$2:$F$231</c:f>
              <c:numCache>
                <c:formatCode>General</c:formatCode>
                <c:ptCount val="230"/>
                <c:pt idx="0">
                  <c:v>1.0561596136540201E-3</c:v>
                </c:pt>
                <c:pt idx="1">
                  <c:v>2.1097159478813401E-3</c:v>
                </c:pt>
                <c:pt idx="2">
                  <c:v>4.1652671061456203E-3</c:v>
                </c:pt>
                <c:pt idx="3">
                  <c:v>8.3777662366628595E-3</c:v>
                </c:pt>
                <c:pt idx="4">
                  <c:v>1.68315470218658E-2</c:v>
                </c:pt>
                <c:pt idx="5">
                  <c:v>3.3519431948661797E-2</c:v>
                </c:pt>
                <c:pt idx="6">
                  <c:v>6.70357346534729E-2</c:v>
                </c:pt>
                <c:pt idx="7">
                  <c:v>0.13092847168445601</c:v>
                </c:pt>
                <c:pt idx="8">
                  <c:v>0.26177260279655501</c:v>
                </c:pt>
                <c:pt idx="9">
                  <c:v>0.52359634637832597</c:v>
                </c:pt>
                <c:pt idx="10">
                  <c:v>1.0470039844512899</c:v>
                </c:pt>
                <c:pt idx="11">
                  <c:v>2.09400582313538</c:v>
                </c:pt>
                <c:pt idx="12">
                  <c:v>4.1890068054199201</c:v>
                </c:pt>
                <c:pt idx="13">
                  <c:v>8.3780097961425799</c:v>
                </c:pt>
                <c:pt idx="14">
                  <c:v>16.760007858276399</c:v>
                </c:pt>
                <c:pt idx="15">
                  <c:v>33.509933471679702</c:v>
                </c:pt>
                <c:pt idx="16">
                  <c:v>67.019798278808594</c:v>
                </c:pt>
                <c:pt idx="17">
                  <c:v>130.89918518066401</c:v>
                </c:pt>
                <c:pt idx="18">
                  <c:v>67.019775390625</c:v>
                </c:pt>
                <c:pt idx="19">
                  <c:v>33.509925842285199</c:v>
                </c:pt>
                <c:pt idx="20">
                  <c:v>16.759981155395501</c:v>
                </c:pt>
                <c:pt idx="21">
                  <c:v>8.3780021667480504</c:v>
                </c:pt>
                <c:pt idx="22">
                  <c:v>4.18900442123413</c:v>
                </c:pt>
                <c:pt idx="23">
                  <c:v>2.0939707756042498</c:v>
                </c:pt>
                <c:pt idx="24">
                  <c:v>1.0469985008239699</c:v>
                </c:pt>
                <c:pt idx="25">
                  <c:v>0.52360874414444003</c:v>
                </c:pt>
                <c:pt idx="26">
                  <c:v>0.26178795099258401</c:v>
                </c:pt>
                <c:pt idx="27">
                  <c:v>0.13089922070503199</c:v>
                </c:pt>
                <c:pt idx="28">
                  <c:v>6.7021064460277599E-2</c:v>
                </c:pt>
                <c:pt idx="29">
                  <c:v>3.35106216371059E-2</c:v>
                </c:pt>
                <c:pt idx="30">
                  <c:v>1.6760181635618199E-2</c:v>
                </c:pt>
                <c:pt idx="31">
                  <c:v>8.3737308159470593E-3</c:v>
                </c:pt>
                <c:pt idx="32">
                  <c:v>4.2167571373283898E-3</c:v>
                </c:pt>
                <c:pt idx="33">
                  <c:v>2.0914764609187798E-3</c:v>
                </c:pt>
                <c:pt idx="34">
                  <c:v>1.04548304807395E-3</c:v>
                </c:pt>
              </c:numCache>
            </c:numRef>
          </c:xVal>
          <c:yVal>
            <c:numRef>
              <c:f>_27_01_bss_4_6_thixotropy_3_1_r!$G$2:$G$231</c:f>
              <c:numCache>
                <c:formatCode>General</c:formatCode>
                <c:ptCount val="230"/>
                <c:pt idx="0">
                  <c:v>449.50466918945301</c:v>
                </c:pt>
                <c:pt idx="1">
                  <c:v>178.94738769531301</c:v>
                </c:pt>
                <c:pt idx="2">
                  <c:v>97.809814453125</c:v>
                </c:pt>
                <c:pt idx="3">
                  <c:v>61.606315612792997</c:v>
                </c:pt>
                <c:pt idx="4">
                  <c:v>50.392101287841797</c:v>
                </c:pt>
                <c:pt idx="5">
                  <c:v>36.245937347412102</c:v>
                </c:pt>
                <c:pt idx="6">
                  <c:v>31.674730300903299</c:v>
                </c:pt>
                <c:pt idx="7">
                  <c:v>29.1780700683594</c:v>
                </c:pt>
                <c:pt idx="8">
                  <c:v>35.625026702880902</c:v>
                </c:pt>
                <c:pt idx="9">
                  <c:v>18.1487922668457</c:v>
                </c:pt>
                <c:pt idx="10">
                  <c:v>15.7055768966675</c:v>
                </c:pt>
                <c:pt idx="11">
                  <c:v>15.660135269165</c:v>
                </c:pt>
                <c:pt idx="12">
                  <c:v>14.8124446868896</c:v>
                </c:pt>
                <c:pt idx="13">
                  <c:v>14.521303176879901</c:v>
                </c:pt>
                <c:pt idx="14">
                  <c:v>13.503302574157701</c:v>
                </c:pt>
                <c:pt idx="15">
                  <c:v>12.5005807876587</c:v>
                </c:pt>
                <c:pt idx="16">
                  <c:v>11.735425949096699</c:v>
                </c:pt>
                <c:pt idx="17">
                  <c:v>11.0030603408813</c:v>
                </c:pt>
                <c:pt idx="18">
                  <c:v>10.354688644409199</c:v>
                </c:pt>
                <c:pt idx="19">
                  <c:v>10.234745025634799</c:v>
                </c:pt>
                <c:pt idx="20">
                  <c:v>9.3115463256835902</c:v>
                </c:pt>
                <c:pt idx="21">
                  <c:v>9.1776666641235405</c:v>
                </c:pt>
                <c:pt idx="22">
                  <c:v>8.8962030410766602</c:v>
                </c:pt>
                <c:pt idx="23">
                  <c:v>8.4803075790405291</c:v>
                </c:pt>
                <c:pt idx="24">
                  <c:v>7.9108786582946804</c:v>
                </c:pt>
                <c:pt idx="25">
                  <c:v>8.0818548202514595</c:v>
                </c:pt>
                <c:pt idx="26">
                  <c:v>4.4012513160705602</c:v>
                </c:pt>
                <c:pt idx="27">
                  <c:v>4.5092349052429199</c:v>
                </c:pt>
                <c:pt idx="28">
                  <c:v>4.3394236564636204</c:v>
                </c:pt>
                <c:pt idx="29">
                  <c:v>4.6104001998901403</c:v>
                </c:pt>
                <c:pt idx="30">
                  <c:v>4.3039026260376003</c:v>
                </c:pt>
                <c:pt idx="31">
                  <c:v>4.7980160713195801</c:v>
                </c:pt>
                <c:pt idx="32">
                  <c:v>4.1822705268859899</c:v>
                </c:pt>
                <c:pt idx="33">
                  <c:v>4.1536111831665004</c:v>
                </c:pt>
                <c:pt idx="34">
                  <c:v>4.1813282966613796</c:v>
                </c:pt>
                <c:pt idx="35">
                  <c:v>4.07236576080322</c:v>
                </c:pt>
                <c:pt idx="36">
                  <c:v>4.4163103103637704</c:v>
                </c:pt>
                <c:pt idx="37">
                  <c:v>3.9344222545623802</c:v>
                </c:pt>
                <c:pt idx="38">
                  <c:v>3.7338941097259499</c:v>
                </c:pt>
                <c:pt idx="39">
                  <c:v>3.5884709358215301</c:v>
                </c:pt>
                <c:pt idx="40">
                  <c:v>3.66620993614197</c:v>
                </c:pt>
                <c:pt idx="41">
                  <c:v>3.2995965480804399</c:v>
                </c:pt>
                <c:pt idx="42">
                  <c:v>3.8707187175750701</c:v>
                </c:pt>
                <c:pt idx="43">
                  <c:v>3.4511559009552002</c:v>
                </c:pt>
                <c:pt idx="44">
                  <c:v>3.3517210483550999</c:v>
                </c:pt>
                <c:pt idx="45">
                  <c:v>3.3425703048706099</c:v>
                </c:pt>
                <c:pt idx="46">
                  <c:v>3.2534167766571001</c:v>
                </c:pt>
                <c:pt idx="47">
                  <c:v>3.1505510807037398</c:v>
                </c:pt>
                <c:pt idx="48">
                  <c:v>3.0721187591552699</c:v>
                </c:pt>
                <c:pt idx="49">
                  <c:v>3.0619375705718999</c:v>
                </c:pt>
                <c:pt idx="50">
                  <c:v>3.0989000797271702</c:v>
                </c:pt>
                <c:pt idx="51">
                  <c:v>2.7360963821411102</c:v>
                </c:pt>
                <c:pt idx="52">
                  <c:v>2.7335369586944598</c:v>
                </c:pt>
                <c:pt idx="53">
                  <c:v>4.1061768531799299</c:v>
                </c:pt>
                <c:pt idx="54">
                  <c:v>4.7269434928893999</c:v>
                </c:pt>
                <c:pt idx="55">
                  <c:v>4.2313199043273899</c:v>
                </c:pt>
                <c:pt idx="56">
                  <c:v>3.4624357223510702</c:v>
                </c:pt>
                <c:pt idx="57">
                  <c:v>3.7423791885375999</c:v>
                </c:pt>
                <c:pt idx="58">
                  <c:v>3.70257616043091</c:v>
                </c:pt>
                <c:pt idx="59">
                  <c:v>3.7887375354766801</c:v>
                </c:pt>
                <c:pt idx="60">
                  <c:v>3.3092672824859601</c:v>
                </c:pt>
                <c:pt idx="61">
                  <c:v>3.17556929588318</c:v>
                </c:pt>
                <c:pt idx="62">
                  <c:v>3.3194522857665998</c:v>
                </c:pt>
                <c:pt idx="63">
                  <c:v>3.1094391345977801</c:v>
                </c:pt>
                <c:pt idx="64">
                  <c:v>3.32698273658752</c:v>
                </c:pt>
                <c:pt idx="65">
                  <c:v>3.41950511932373</c:v>
                </c:pt>
                <c:pt idx="66">
                  <c:v>3.1134045124053999</c:v>
                </c:pt>
                <c:pt idx="67">
                  <c:v>3.0206105709075901</c:v>
                </c:pt>
                <c:pt idx="68">
                  <c:v>3.0608532428741499</c:v>
                </c:pt>
                <c:pt idx="69">
                  <c:v>3.08253741264343</c:v>
                </c:pt>
                <c:pt idx="70">
                  <c:v>3.0478353500366202</c:v>
                </c:pt>
                <c:pt idx="71">
                  <c:v>3.2925095558166499</c:v>
                </c:pt>
                <c:pt idx="72">
                  <c:v>3.0151071548461901</c:v>
                </c:pt>
                <c:pt idx="73">
                  <c:v>2.972501039505</c:v>
                </c:pt>
                <c:pt idx="74">
                  <c:v>2.9185552597045898</c:v>
                </c:pt>
                <c:pt idx="75">
                  <c:v>2.9664506912231401</c:v>
                </c:pt>
                <c:pt idx="76">
                  <c:v>2.8790631294250502</c:v>
                </c:pt>
                <c:pt idx="77">
                  <c:v>3.0417640209197998</c:v>
                </c:pt>
                <c:pt idx="78">
                  <c:v>3.0652554035186799</c:v>
                </c:pt>
                <c:pt idx="79">
                  <c:v>3.0216472148895299</c:v>
                </c:pt>
                <c:pt idx="80">
                  <c:v>3.08584356307983</c:v>
                </c:pt>
                <c:pt idx="81">
                  <c:v>2.9849913120269802</c:v>
                </c:pt>
                <c:pt idx="82">
                  <c:v>3.2639865875244101</c:v>
                </c:pt>
                <c:pt idx="83">
                  <c:v>3.0779604911804199</c:v>
                </c:pt>
                <c:pt idx="84">
                  <c:v>2.9088375568389901</c:v>
                </c:pt>
                <c:pt idx="85">
                  <c:v>2.8682942390441899</c:v>
                </c:pt>
                <c:pt idx="86">
                  <c:v>2.8877825736999498</c:v>
                </c:pt>
                <c:pt idx="87">
                  <c:v>2.86188411712646</c:v>
                </c:pt>
                <c:pt idx="88">
                  <c:v>2.8852891921997101</c:v>
                </c:pt>
                <c:pt idx="89">
                  <c:v>2.9813392162322998</c:v>
                </c:pt>
                <c:pt idx="90">
                  <c:v>2.8873326778411901</c:v>
                </c:pt>
                <c:pt idx="91">
                  <c:v>3.1323828697204599</c:v>
                </c:pt>
                <c:pt idx="92">
                  <c:v>2.8031084537506099</c:v>
                </c:pt>
                <c:pt idx="93">
                  <c:v>2.9937396049499498</c:v>
                </c:pt>
                <c:pt idx="94">
                  <c:v>3.1856155395507799</c:v>
                </c:pt>
                <c:pt idx="95">
                  <c:v>3.0044078826904301</c:v>
                </c:pt>
                <c:pt idx="96">
                  <c:v>3.1952769756317099</c:v>
                </c:pt>
                <c:pt idx="97">
                  <c:v>3.1134598255157502</c:v>
                </c:pt>
                <c:pt idx="98">
                  <c:v>2.7831916809082</c:v>
                </c:pt>
                <c:pt idx="99">
                  <c:v>2.9674298763275102</c:v>
                </c:pt>
                <c:pt idx="100">
                  <c:v>2.9137110710143999</c:v>
                </c:pt>
                <c:pt idx="101">
                  <c:v>2.9405703544616699</c:v>
                </c:pt>
                <c:pt idx="102">
                  <c:v>2.9822664260864298</c:v>
                </c:pt>
                <c:pt idx="103">
                  <c:v>3.0032920837402299</c:v>
                </c:pt>
                <c:pt idx="104">
                  <c:v>2.9543333053588898</c:v>
                </c:pt>
                <c:pt idx="105">
                  <c:v>2.9830787181854199</c:v>
                </c:pt>
                <c:pt idx="106">
                  <c:v>3.0790104866027801</c:v>
                </c:pt>
                <c:pt idx="107">
                  <c:v>3.09850072860718</c:v>
                </c:pt>
                <c:pt idx="108">
                  <c:v>3.0997240543365501</c:v>
                </c:pt>
                <c:pt idx="109">
                  <c:v>3.17484426498413</c:v>
                </c:pt>
                <c:pt idx="110">
                  <c:v>3.12857222557068</c:v>
                </c:pt>
                <c:pt idx="111">
                  <c:v>3.17503809928894</c:v>
                </c:pt>
                <c:pt idx="112">
                  <c:v>3.2553608417511</c:v>
                </c:pt>
                <c:pt idx="113">
                  <c:v>3.2200770378112802</c:v>
                </c:pt>
                <c:pt idx="114">
                  <c:v>3.2718052864074698</c:v>
                </c:pt>
                <c:pt idx="115">
                  <c:v>3.5352146625518799</c:v>
                </c:pt>
                <c:pt idx="116">
                  <c:v>3.5031976699829102</c:v>
                </c:pt>
                <c:pt idx="117">
                  <c:v>3.7068650722503702</c:v>
                </c:pt>
                <c:pt idx="118">
                  <c:v>3.6087551116943399</c:v>
                </c:pt>
                <c:pt idx="119">
                  <c:v>3.7249662876129199</c:v>
                </c:pt>
                <c:pt idx="120">
                  <c:v>3.5713222026825</c:v>
                </c:pt>
                <c:pt idx="121">
                  <c:v>3.5091075897216801</c:v>
                </c:pt>
                <c:pt idx="122">
                  <c:v>3.4778368473053001</c:v>
                </c:pt>
                <c:pt idx="123">
                  <c:v>3.4641685485839799</c:v>
                </c:pt>
                <c:pt idx="124">
                  <c:v>3.32058501243591</c:v>
                </c:pt>
                <c:pt idx="125">
                  <c:v>3.3804855346679701</c:v>
                </c:pt>
                <c:pt idx="126">
                  <c:v>3.2878062725067099</c:v>
                </c:pt>
                <c:pt idx="127">
                  <c:v>3.2196617126464799</c:v>
                </c:pt>
                <c:pt idx="128">
                  <c:v>3.2499406337738002</c:v>
                </c:pt>
                <c:pt idx="129">
                  <c:v>3.2102324962615998</c:v>
                </c:pt>
                <c:pt idx="130">
                  <c:v>3.2407581806182901</c:v>
                </c:pt>
                <c:pt idx="131">
                  <c:v>3.2485156059265101</c:v>
                </c:pt>
                <c:pt idx="132">
                  <c:v>3.2340953350067099</c:v>
                </c:pt>
                <c:pt idx="133">
                  <c:v>3.1979730129241899</c:v>
                </c:pt>
                <c:pt idx="134">
                  <c:v>3.1758217811584499</c:v>
                </c:pt>
                <c:pt idx="135">
                  <c:v>3.2688024044036901</c:v>
                </c:pt>
                <c:pt idx="136">
                  <c:v>3.31403684616089</c:v>
                </c:pt>
                <c:pt idx="137">
                  <c:v>3.46530318260193</c:v>
                </c:pt>
                <c:pt idx="138">
                  <c:v>3.77642798423767</c:v>
                </c:pt>
                <c:pt idx="139">
                  <c:v>3.6237735748290998</c:v>
                </c:pt>
                <c:pt idx="140">
                  <c:v>3.50000095367432</c:v>
                </c:pt>
                <c:pt idx="141">
                  <c:v>3.4409563541412398</c:v>
                </c:pt>
                <c:pt idx="142">
                  <c:v>3.24719333648682</c:v>
                </c:pt>
                <c:pt idx="143">
                  <c:v>3.18231201171875</c:v>
                </c:pt>
                <c:pt idx="144">
                  <c:v>3.1353788375854501</c:v>
                </c:pt>
                <c:pt idx="145">
                  <c:v>3.1713957786560099</c:v>
                </c:pt>
                <c:pt idx="146">
                  <c:v>3.0369894504547101</c:v>
                </c:pt>
                <c:pt idx="147">
                  <c:v>3.0563702583313002</c:v>
                </c:pt>
                <c:pt idx="148">
                  <c:v>3.1642363071441699</c:v>
                </c:pt>
                <c:pt idx="149">
                  <c:v>3.1198377609252899</c:v>
                </c:pt>
                <c:pt idx="150">
                  <c:v>3.1635184288024898</c:v>
                </c:pt>
                <c:pt idx="151">
                  <c:v>3.1307845115661599</c:v>
                </c:pt>
                <c:pt idx="152">
                  <c:v>3.1315057277679399</c:v>
                </c:pt>
                <c:pt idx="153">
                  <c:v>3.1738727092742902</c:v>
                </c:pt>
                <c:pt idx="154">
                  <c:v>3.1078245639800999</c:v>
                </c:pt>
                <c:pt idx="155">
                  <c:v>3.1074645519256601</c:v>
                </c:pt>
                <c:pt idx="156">
                  <c:v>3.0561878681182901</c:v>
                </c:pt>
                <c:pt idx="157">
                  <c:v>2.9313147068023699</c:v>
                </c:pt>
                <c:pt idx="158">
                  <c:v>3.0871105194091801</c:v>
                </c:pt>
                <c:pt idx="159">
                  <c:v>3.1758699417114298</c:v>
                </c:pt>
                <c:pt idx="160">
                  <c:v>3.1777298450470002</c:v>
                </c:pt>
                <c:pt idx="161">
                  <c:v>3.2767598628997798</c:v>
                </c:pt>
                <c:pt idx="162">
                  <c:v>3.2126054763793901</c:v>
                </c:pt>
                <c:pt idx="163">
                  <c:v>3.2891752719879199</c:v>
                </c:pt>
                <c:pt idx="164">
                  <c:v>3.3072104454040501</c:v>
                </c:pt>
                <c:pt idx="165">
                  <c:v>3.3417508602142298</c:v>
                </c:pt>
                <c:pt idx="166">
                  <c:v>3.3278901576995898</c:v>
                </c:pt>
                <c:pt idx="167">
                  <c:v>3.33801317214966</c:v>
                </c:pt>
                <c:pt idx="168">
                  <c:v>3.4156467914581299</c:v>
                </c:pt>
                <c:pt idx="169">
                  <c:v>3.3089187145233199</c:v>
                </c:pt>
                <c:pt idx="170">
                  <c:v>3.4131841659545898</c:v>
                </c:pt>
                <c:pt idx="171">
                  <c:v>3.4087204933166499</c:v>
                </c:pt>
                <c:pt idx="172">
                  <c:v>3.3487620353698699</c:v>
                </c:pt>
                <c:pt idx="173">
                  <c:v>3.49607157707214</c:v>
                </c:pt>
                <c:pt idx="174">
                  <c:v>3.6876249313354501</c:v>
                </c:pt>
                <c:pt idx="175">
                  <c:v>3.7263159751892099</c:v>
                </c:pt>
                <c:pt idx="176">
                  <c:v>3.81419777870178</c:v>
                </c:pt>
                <c:pt idx="177">
                  <c:v>3.8262722492218</c:v>
                </c:pt>
                <c:pt idx="178">
                  <c:v>3.7515227794647199</c:v>
                </c:pt>
                <c:pt idx="179">
                  <c:v>3.7232136726379399</c:v>
                </c:pt>
                <c:pt idx="180">
                  <c:v>3.9203662872314502</c:v>
                </c:pt>
                <c:pt idx="181">
                  <c:v>3.6943104267120401</c:v>
                </c:pt>
                <c:pt idx="182">
                  <c:v>3.4452645778656001</c:v>
                </c:pt>
                <c:pt idx="183">
                  <c:v>3.7854542732238801</c:v>
                </c:pt>
                <c:pt idx="184">
                  <c:v>3.7296595573425302</c:v>
                </c:pt>
                <c:pt idx="185">
                  <c:v>3.71649241447449</c:v>
                </c:pt>
                <c:pt idx="186">
                  <c:v>3.6908020973205602</c:v>
                </c:pt>
                <c:pt idx="187">
                  <c:v>3.9001767635345499</c:v>
                </c:pt>
                <c:pt idx="188">
                  <c:v>3.8136501312255899</c:v>
                </c:pt>
                <c:pt idx="189">
                  <c:v>3.9182324409484899</c:v>
                </c:pt>
                <c:pt idx="190">
                  <c:v>3.8930718898773198</c:v>
                </c:pt>
                <c:pt idx="191">
                  <c:v>4.0807638168334996</c:v>
                </c:pt>
                <c:pt idx="192">
                  <c:v>4.2554202079772896</c:v>
                </c:pt>
                <c:pt idx="193">
                  <c:v>4.1595101356506303</c:v>
                </c:pt>
                <c:pt idx="194">
                  <c:v>4.0834331512451199</c:v>
                </c:pt>
                <c:pt idx="195">
                  <c:v>3.9315528869628902</c:v>
                </c:pt>
                <c:pt idx="196">
                  <c:v>4.07757520675659</c:v>
                </c:pt>
                <c:pt idx="197">
                  <c:v>3.9033651351928702</c:v>
                </c:pt>
                <c:pt idx="198">
                  <c:v>4.4237751960754403</c:v>
                </c:pt>
                <c:pt idx="199">
                  <c:v>4.6854629516601598</c:v>
                </c:pt>
                <c:pt idx="200">
                  <c:v>4.0756101608276403</c:v>
                </c:pt>
                <c:pt idx="201">
                  <c:v>4.1246457099914604</c:v>
                </c:pt>
                <c:pt idx="202">
                  <c:v>4.0069818496704102</c:v>
                </c:pt>
                <c:pt idx="203">
                  <c:v>4.38087701797485</c:v>
                </c:pt>
                <c:pt idx="204">
                  <c:v>4.7233719825744602</c:v>
                </c:pt>
                <c:pt idx="205">
                  <c:v>4.9703445434570304</c:v>
                </c:pt>
                <c:pt idx="206">
                  <c:v>5.12282466888428</c:v>
                </c:pt>
                <c:pt idx="207">
                  <c:v>5.3104186058044398</c:v>
                </c:pt>
                <c:pt idx="208">
                  <c:v>5.33286476135254</c:v>
                </c:pt>
                <c:pt idx="209">
                  <c:v>5.7225461006164604</c:v>
                </c:pt>
                <c:pt idx="210">
                  <c:v>5.1880149841308603</c:v>
                </c:pt>
                <c:pt idx="211">
                  <c:v>5.51556348800659</c:v>
                </c:pt>
                <c:pt idx="212">
                  <c:v>3.8345899581909202</c:v>
                </c:pt>
                <c:pt idx="213">
                  <c:v>4.2955846786498997</c:v>
                </c:pt>
                <c:pt idx="214">
                  <c:v>4.6167569160461399</c:v>
                </c:pt>
                <c:pt idx="215">
                  <c:v>5.1281652450561497</c:v>
                </c:pt>
                <c:pt idx="216">
                  <c:v>6.0559663772582999</c:v>
                </c:pt>
                <c:pt idx="217">
                  <c:v>6.3117470741271999</c:v>
                </c:pt>
                <c:pt idx="218">
                  <c:v>6.8388333320617702</c:v>
                </c:pt>
                <c:pt idx="219">
                  <c:v>7.20589399337769</c:v>
                </c:pt>
                <c:pt idx="220">
                  <c:v>7.4571151733398402</c:v>
                </c:pt>
                <c:pt idx="221">
                  <c:v>7.7720208168029803</c:v>
                </c:pt>
                <c:pt idx="222">
                  <c:v>8.5062150955200195</c:v>
                </c:pt>
                <c:pt idx="223">
                  <c:v>9.3675308227539098</c:v>
                </c:pt>
                <c:pt idx="224">
                  <c:v>11.153812408447299</c:v>
                </c:pt>
                <c:pt idx="225">
                  <c:v>14.338092803955099</c:v>
                </c:pt>
                <c:pt idx="226">
                  <c:v>17.660425186157202</c:v>
                </c:pt>
                <c:pt idx="227">
                  <c:v>26.789665222168001</c:v>
                </c:pt>
                <c:pt idx="228">
                  <c:v>46.888359069824197</c:v>
                </c:pt>
                <c:pt idx="229">
                  <c:v>339.949829101563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3C77-4EC3-A284-9B4A87E05636}"/>
            </c:ext>
          </c:extLst>
        </c:ser>
        <c:ser>
          <c:idx val="8"/>
          <c:order val="1"/>
          <c:tx>
            <c:v>34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>
                  <a:lumMod val="60000"/>
                </a:schemeClr>
              </a:solidFill>
              <a:ln w="9525">
                <a:solidFill>
                  <a:schemeClr val="accent3">
                    <a:lumMod val="60000"/>
                  </a:schemeClr>
                </a:solidFill>
              </a:ln>
              <a:effectLst/>
            </c:spPr>
          </c:marker>
          <c:xVal>
            <c:numRef>
              <c:f>_29_01_bss_1_3_ramp_5_1_rwd!$F$2:$F$231</c:f>
              <c:numCache>
                <c:formatCode>General</c:formatCode>
                <c:ptCount val="230"/>
                <c:pt idx="0">
                  <c:v>8.6642842506989804E-4</c:v>
                </c:pt>
                <c:pt idx="1">
                  <c:v>1.9955534953624001E-3</c:v>
                </c:pt>
                <c:pt idx="2">
                  <c:v>4.2129689827561396E-3</c:v>
                </c:pt>
                <c:pt idx="3">
                  <c:v>8.3743957802653295E-3</c:v>
                </c:pt>
                <c:pt idx="4">
                  <c:v>1.6794353723526001E-2</c:v>
                </c:pt>
                <c:pt idx="5">
                  <c:v>3.35339233279228E-2</c:v>
                </c:pt>
                <c:pt idx="6">
                  <c:v>6.7066550254821805E-2</c:v>
                </c:pt>
                <c:pt idx="7">
                  <c:v>0.130984276533127</c:v>
                </c:pt>
                <c:pt idx="8">
                  <c:v>0.26190847158432001</c:v>
                </c:pt>
                <c:pt idx="9">
                  <c:v>0.52369469404220603</c:v>
                </c:pt>
                <c:pt idx="10">
                  <c:v>1.0471224784851101</c:v>
                </c:pt>
                <c:pt idx="11">
                  <c:v>2.09406590461731</c:v>
                </c:pt>
                <c:pt idx="12">
                  <c:v>4.1890077590942401</c:v>
                </c:pt>
                <c:pt idx="13">
                  <c:v>8.3779993057250994</c:v>
                </c:pt>
                <c:pt idx="14">
                  <c:v>16.760086059570298</c:v>
                </c:pt>
                <c:pt idx="15">
                  <c:v>33.510021209716797</c:v>
                </c:pt>
                <c:pt idx="16">
                  <c:v>67.019828796386705</c:v>
                </c:pt>
                <c:pt idx="17">
                  <c:v>130.89927673339801</c:v>
                </c:pt>
                <c:pt idx="18">
                  <c:v>67.019958496093807</c:v>
                </c:pt>
                <c:pt idx="19">
                  <c:v>33.510047912597699</c:v>
                </c:pt>
                <c:pt idx="20">
                  <c:v>16.759757995605501</c:v>
                </c:pt>
                <c:pt idx="21">
                  <c:v>8.3780250549316406</c:v>
                </c:pt>
                <c:pt idx="22">
                  <c:v>4.1889724731445304</c:v>
                </c:pt>
                <c:pt idx="23">
                  <c:v>2.0941514968872101</c:v>
                </c:pt>
                <c:pt idx="24">
                  <c:v>1.0469810962677</c:v>
                </c:pt>
                <c:pt idx="25">
                  <c:v>0.52363485097885099</c:v>
                </c:pt>
                <c:pt idx="26">
                  <c:v>0.26187151670455899</c:v>
                </c:pt>
                <c:pt idx="27">
                  <c:v>0.13097143173217801</c:v>
                </c:pt>
                <c:pt idx="28">
                  <c:v>6.7024447023868602E-2</c:v>
                </c:pt>
                <c:pt idx="29">
                  <c:v>3.3491868525743498E-2</c:v>
                </c:pt>
                <c:pt idx="30">
                  <c:v>1.6761451959609999E-2</c:v>
                </c:pt>
                <c:pt idx="31">
                  <c:v>8.3842230960726703E-3</c:v>
                </c:pt>
                <c:pt idx="32">
                  <c:v>4.1828132234513803E-3</c:v>
                </c:pt>
                <c:pt idx="33">
                  <c:v>2.09529744461179E-3</c:v>
                </c:pt>
                <c:pt idx="34">
                  <c:v>1.0517609771341101E-3</c:v>
                </c:pt>
              </c:numCache>
            </c:numRef>
          </c:xVal>
          <c:yVal>
            <c:numRef>
              <c:f>_29_01_bss_1_3_ramp_5_1_rwd!$G$2:$G$231</c:f>
              <c:numCache>
                <c:formatCode>General</c:formatCode>
                <c:ptCount val="230"/>
                <c:pt idx="0">
                  <c:v>403981.75</c:v>
                </c:pt>
                <c:pt idx="1">
                  <c:v>492676.875</c:v>
                </c:pt>
                <c:pt idx="2">
                  <c:v>305420.34375</c:v>
                </c:pt>
                <c:pt idx="3">
                  <c:v>158669.84375</c:v>
                </c:pt>
                <c:pt idx="4">
                  <c:v>85791.921875</c:v>
                </c:pt>
                <c:pt idx="5">
                  <c:v>43926.12890625</c:v>
                </c:pt>
                <c:pt idx="6">
                  <c:v>20210.283203125</c:v>
                </c:pt>
                <c:pt idx="7">
                  <c:v>7443.09716796875</c:v>
                </c:pt>
                <c:pt idx="8">
                  <c:v>2782.03955078125</c:v>
                </c:pt>
                <c:pt idx="9">
                  <c:v>1223.42041015625</c:v>
                </c:pt>
                <c:pt idx="10">
                  <c:v>560.68902587890602</c:v>
                </c:pt>
                <c:pt idx="11">
                  <c:v>253.71163940429699</c:v>
                </c:pt>
                <c:pt idx="12">
                  <c:v>106.033317565918</c:v>
                </c:pt>
                <c:pt idx="13">
                  <c:v>30.364158630371101</c:v>
                </c:pt>
                <c:pt idx="14">
                  <c:v>13.903845787048301</c:v>
                </c:pt>
                <c:pt idx="15">
                  <c:v>5.3055725097656303</c:v>
                </c:pt>
                <c:pt idx="16">
                  <c:v>2.6982278823852499</c:v>
                </c:pt>
                <c:pt idx="17">
                  <c:v>1.6310133934021001</c:v>
                </c:pt>
                <c:pt idx="18">
                  <c:v>1.9959360361099201</c:v>
                </c:pt>
                <c:pt idx="19">
                  <c:v>3.93220114707947</c:v>
                </c:pt>
                <c:pt idx="20">
                  <c:v>14.136712074279799</c:v>
                </c:pt>
                <c:pt idx="21">
                  <c:v>55.831558227539098</c:v>
                </c:pt>
                <c:pt idx="22">
                  <c:v>128.00399780273401</c:v>
                </c:pt>
                <c:pt idx="23">
                  <c:v>123.50763702392599</c:v>
                </c:pt>
                <c:pt idx="24">
                  <c:v>372.76669311523398</c:v>
                </c:pt>
                <c:pt idx="25">
                  <c:v>1013.70141601563</c:v>
                </c:pt>
                <c:pt idx="26">
                  <c:v>1659.50891113281</c:v>
                </c:pt>
                <c:pt idx="27">
                  <c:v>3197.3857421875</c:v>
                </c:pt>
                <c:pt idx="28">
                  <c:v>3151.01538085938</c:v>
                </c:pt>
                <c:pt idx="29">
                  <c:v>5814.85546875</c:v>
                </c:pt>
                <c:pt idx="30">
                  <c:v>14281.6845703125</c:v>
                </c:pt>
                <c:pt idx="31">
                  <c:v>30626.47265625</c:v>
                </c:pt>
                <c:pt idx="32">
                  <c:v>61103.80859375</c:v>
                </c:pt>
                <c:pt idx="33">
                  <c:v>117822.9609375</c:v>
                </c:pt>
                <c:pt idx="34">
                  <c:v>20768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3C77-4EC3-A284-9B4A87E0563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logBase val="10"/>
          <c:orientation val="minMax"/>
          <c:max val="100"/>
          <c:min val="1.0000000000000002E-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Viscosity, </a:t>
                </a:r>
                <a:r>
                  <a:rPr lang="el-GR"/>
                  <a:t>η</a:t>
                </a:r>
                <a:r>
                  <a:rPr lang="en-GB"/>
                  <a:t> (Pas)</a:t>
                </a:r>
                <a:r>
                  <a:rPr lang="en-GB" baseline="0"/>
                  <a:t> 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1.0000000000000002E-3"/>
        <c:crossBetween val="midCat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all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7"/>
          <c:order val="0"/>
          <c:tx>
            <c:v>2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xVal>
            <c:numRef>
              <c:f>_29_01_bss_4_6_ramp_3_1_rwd!$F$2:$F$231</c:f>
              <c:numCache>
                <c:formatCode>General</c:formatCode>
                <c:ptCount val="230"/>
                <c:pt idx="0">
                  <c:v>1.0561596136540201E-3</c:v>
                </c:pt>
                <c:pt idx="1">
                  <c:v>2.1097159478813401E-3</c:v>
                </c:pt>
                <c:pt idx="2">
                  <c:v>4.1652671061456203E-3</c:v>
                </c:pt>
                <c:pt idx="3">
                  <c:v>8.3777662366628595E-3</c:v>
                </c:pt>
                <c:pt idx="4">
                  <c:v>1.68315470218658E-2</c:v>
                </c:pt>
                <c:pt idx="5">
                  <c:v>3.3519431948661797E-2</c:v>
                </c:pt>
                <c:pt idx="6">
                  <c:v>6.70357346534729E-2</c:v>
                </c:pt>
                <c:pt idx="7">
                  <c:v>0.13092847168445601</c:v>
                </c:pt>
                <c:pt idx="8">
                  <c:v>0.26177260279655501</c:v>
                </c:pt>
                <c:pt idx="9">
                  <c:v>0.52359634637832597</c:v>
                </c:pt>
                <c:pt idx="10">
                  <c:v>1.0470039844512899</c:v>
                </c:pt>
                <c:pt idx="11">
                  <c:v>2.09400582313538</c:v>
                </c:pt>
                <c:pt idx="12">
                  <c:v>4.1890068054199201</c:v>
                </c:pt>
                <c:pt idx="13">
                  <c:v>8.3780097961425799</c:v>
                </c:pt>
                <c:pt idx="14">
                  <c:v>16.760007858276399</c:v>
                </c:pt>
                <c:pt idx="15">
                  <c:v>33.509933471679702</c:v>
                </c:pt>
                <c:pt idx="16">
                  <c:v>67.019798278808594</c:v>
                </c:pt>
                <c:pt idx="17">
                  <c:v>130.89918518066401</c:v>
                </c:pt>
                <c:pt idx="18">
                  <c:v>67.019775390625</c:v>
                </c:pt>
                <c:pt idx="19">
                  <c:v>33.509925842285199</c:v>
                </c:pt>
                <c:pt idx="20">
                  <c:v>16.759981155395501</c:v>
                </c:pt>
                <c:pt idx="21">
                  <c:v>8.3780021667480504</c:v>
                </c:pt>
                <c:pt idx="22">
                  <c:v>4.18900442123413</c:v>
                </c:pt>
                <c:pt idx="23">
                  <c:v>2.0939707756042498</c:v>
                </c:pt>
                <c:pt idx="24">
                  <c:v>1.0469985008239699</c:v>
                </c:pt>
                <c:pt idx="25">
                  <c:v>0.52360874414444003</c:v>
                </c:pt>
                <c:pt idx="26">
                  <c:v>0.26178795099258401</c:v>
                </c:pt>
                <c:pt idx="27">
                  <c:v>0.13089922070503199</c:v>
                </c:pt>
                <c:pt idx="28">
                  <c:v>6.7021064460277599E-2</c:v>
                </c:pt>
                <c:pt idx="29">
                  <c:v>3.35106216371059E-2</c:v>
                </c:pt>
                <c:pt idx="30">
                  <c:v>1.6760181635618199E-2</c:v>
                </c:pt>
                <c:pt idx="31">
                  <c:v>8.3737308159470593E-3</c:v>
                </c:pt>
                <c:pt idx="32">
                  <c:v>4.2167571373283898E-3</c:v>
                </c:pt>
                <c:pt idx="33">
                  <c:v>2.0914764609187798E-3</c:v>
                </c:pt>
                <c:pt idx="34">
                  <c:v>1.04548304807395E-3</c:v>
                </c:pt>
              </c:numCache>
            </c:numRef>
          </c:xVal>
          <c:yVal>
            <c:numRef>
              <c:f>_27_01_bss_4_6_thixotropy_3_1_r!$D$2:$D$231</c:f>
              <c:numCache>
                <c:formatCode>General</c:formatCode>
                <c:ptCount val="230"/>
                <c:pt idx="0">
                  <c:v>415.9384765625</c:v>
                </c:pt>
                <c:pt idx="1">
                  <c:v>344.47695922851602</c:v>
                </c:pt>
                <c:pt idx="2">
                  <c:v>286.08810424804699</c:v>
                </c:pt>
                <c:pt idx="3">
                  <c:v>241.77169799804699</c:v>
                </c:pt>
                <c:pt idx="4">
                  <c:v>248.17408752441401</c:v>
                </c:pt>
                <c:pt idx="5">
                  <c:v>214.75753784179699</c:v>
                </c:pt>
                <c:pt idx="6">
                  <c:v>219.42068481445301</c:v>
                </c:pt>
                <c:pt idx="7">
                  <c:v>231.30740356445301</c:v>
                </c:pt>
                <c:pt idx="8">
                  <c:v>318.00906372070301</c:v>
                </c:pt>
                <c:pt idx="9">
                  <c:v>180.12809753418</c:v>
                </c:pt>
                <c:pt idx="10">
                  <c:v>171.58247375488301</c:v>
                </c:pt>
                <c:pt idx="11">
                  <c:v>186.74623107910199</c:v>
                </c:pt>
                <c:pt idx="12">
                  <c:v>191.45429992675801</c:v>
                </c:pt>
                <c:pt idx="13">
                  <c:v>202.21499633789099</c:v>
                </c:pt>
                <c:pt idx="14">
                  <c:v>201.54151916503901</c:v>
                </c:pt>
                <c:pt idx="15">
                  <c:v>199.07829284668</c:v>
                </c:pt>
                <c:pt idx="16">
                  <c:v>198.62570190429699</c:v>
                </c:pt>
                <c:pt idx="17">
                  <c:v>197.23106384277301</c:v>
                </c:pt>
                <c:pt idx="18">
                  <c:v>195.95938110351599</c:v>
                </c:pt>
                <c:pt idx="19">
                  <c:v>203.92332458496099</c:v>
                </c:pt>
                <c:pt idx="20">
                  <c:v>194.83679199218801</c:v>
                </c:pt>
                <c:pt idx="21">
                  <c:v>201.21292114257801</c:v>
                </c:pt>
                <c:pt idx="22">
                  <c:v>203.93356323242199</c:v>
                </c:pt>
                <c:pt idx="23">
                  <c:v>202.88003540039099</c:v>
                </c:pt>
                <c:pt idx="24">
                  <c:v>197.16445922851599</c:v>
                </c:pt>
                <c:pt idx="25">
                  <c:v>209.50492858886699</c:v>
                </c:pt>
                <c:pt idx="26">
                  <c:v>118.494506835938</c:v>
                </c:pt>
                <c:pt idx="27">
                  <c:v>125.90843200683599</c:v>
                </c:pt>
                <c:pt idx="28">
                  <c:v>125.506065368652</c:v>
                </c:pt>
                <c:pt idx="29">
                  <c:v>137.95291137695301</c:v>
                </c:pt>
                <c:pt idx="30">
                  <c:v>133.08470153808599</c:v>
                </c:pt>
                <c:pt idx="31">
                  <c:v>153.16014099121099</c:v>
                </c:pt>
                <c:pt idx="32">
                  <c:v>137.68524169921901</c:v>
                </c:pt>
                <c:pt idx="33">
                  <c:v>140.89437866210901</c:v>
                </c:pt>
                <c:pt idx="34">
                  <c:v>146.015869140625</c:v>
                </c:pt>
                <c:pt idx="35">
                  <c:v>146.28227233886699</c:v>
                </c:pt>
                <c:pt idx="36">
                  <c:v>163.05111694335901</c:v>
                </c:pt>
                <c:pt idx="37">
                  <c:v>149.19259643554699</c:v>
                </c:pt>
                <c:pt idx="38">
                  <c:v>145.32183837890599</c:v>
                </c:pt>
                <c:pt idx="39">
                  <c:v>143.25016784668</c:v>
                </c:pt>
                <c:pt idx="40">
                  <c:v>150.017654418945</c:v>
                </c:pt>
                <c:pt idx="41">
                  <c:v>138.32583618164099</c:v>
                </c:pt>
                <c:pt idx="42">
                  <c:v>166.13754272460901</c:v>
                </c:pt>
                <c:pt idx="43">
                  <c:v>151.58389282226599</c:v>
                </c:pt>
                <c:pt idx="44">
                  <c:v>150.56265258789099</c:v>
                </c:pt>
                <c:pt idx="45">
                  <c:v>153.49348449707</c:v>
                </c:pt>
                <c:pt idx="46">
                  <c:v>152.65243530273401</c:v>
                </c:pt>
                <c:pt idx="47">
                  <c:v>150.97552490234401</c:v>
                </c:pt>
                <c:pt idx="48">
                  <c:v>150.28875732421901</c:v>
                </c:pt>
                <c:pt idx="49">
                  <c:v>152.85168457031301</c:v>
                </c:pt>
                <c:pt idx="50">
                  <c:v>157.79591369628901</c:v>
                </c:pt>
                <c:pt idx="51">
                  <c:v>142.05604553222699</c:v>
                </c:pt>
                <c:pt idx="52">
                  <c:v>144.65686035156301</c:v>
                </c:pt>
                <c:pt idx="53">
                  <c:v>221.40182495117199</c:v>
                </c:pt>
                <c:pt idx="54">
                  <c:v>259.59762573242199</c:v>
                </c:pt>
                <c:pt idx="55">
                  <c:v>236.61006164550801</c:v>
                </c:pt>
                <c:pt idx="56">
                  <c:v>197.07574462890599</c:v>
                </c:pt>
                <c:pt idx="57">
                  <c:v>216.75192260742199</c:v>
                </c:pt>
                <c:pt idx="58">
                  <c:v>218.14685058593801</c:v>
                </c:pt>
                <c:pt idx="59">
                  <c:v>227.01231384277301</c:v>
                </c:pt>
                <c:pt idx="60">
                  <c:v>201.590576171875</c:v>
                </c:pt>
                <c:pt idx="61">
                  <c:v>196.62261962890599</c:v>
                </c:pt>
                <c:pt idx="62">
                  <c:v>208.84973144531301</c:v>
                </c:pt>
                <c:pt idx="63">
                  <c:v>198.74473571777301</c:v>
                </c:pt>
                <c:pt idx="64">
                  <c:v>215.97491455078099</c:v>
                </c:pt>
                <c:pt idx="65">
                  <c:v>225.40042114257801</c:v>
                </c:pt>
                <c:pt idx="66">
                  <c:v>208.33522033691401</c:v>
                </c:pt>
                <c:pt idx="67">
                  <c:v>205.146408081055</c:v>
                </c:pt>
                <c:pt idx="68">
                  <c:v>210.94024658203099</c:v>
                </c:pt>
                <c:pt idx="69">
                  <c:v>215.51631164550801</c:v>
                </c:pt>
                <c:pt idx="70">
                  <c:v>216.13714599609401</c:v>
                </c:pt>
                <c:pt idx="71">
                  <c:v>236.77899169921901</c:v>
                </c:pt>
                <c:pt idx="72">
                  <c:v>219.84451293945301</c:v>
                </c:pt>
                <c:pt idx="73">
                  <c:v>219.7099609375</c:v>
                </c:pt>
                <c:pt idx="74">
                  <c:v>218.63926696777301</c:v>
                </c:pt>
                <c:pt idx="75">
                  <c:v>225.19418334960901</c:v>
                </c:pt>
                <c:pt idx="76">
                  <c:v>221.43760681152301</c:v>
                </c:pt>
                <c:pt idx="77">
                  <c:v>236.99261474609401</c:v>
                </c:pt>
                <c:pt idx="78">
                  <c:v>241.88813781738301</c:v>
                </c:pt>
                <c:pt idx="79">
                  <c:v>241.46824645996099</c:v>
                </c:pt>
                <c:pt idx="80">
                  <c:v>249.68238830566401</c:v>
                </c:pt>
                <c:pt idx="81">
                  <c:v>244.507247924805</c:v>
                </c:pt>
                <c:pt idx="82">
                  <c:v>270.62243652343801</c:v>
                </c:pt>
                <c:pt idx="83">
                  <c:v>258.27737426757801</c:v>
                </c:pt>
                <c:pt idx="84">
                  <c:v>246.99391174316401</c:v>
                </c:pt>
                <c:pt idx="85">
                  <c:v>246.41769409179699</c:v>
                </c:pt>
                <c:pt idx="86">
                  <c:v>250.98019409179699</c:v>
                </c:pt>
                <c:pt idx="87">
                  <c:v>251.589767456055</c:v>
                </c:pt>
                <c:pt idx="88">
                  <c:v>256.53250122070301</c:v>
                </c:pt>
                <c:pt idx="89">
                  <c:v>268.05221557617199</c:v>
                </c:pt>
                <c:pt idx="90">
                  <c:v>262.48684692382801</c:v>
                </c:pt>
                <c:pt idx="91">
                  <c:v>287.89590454101602</c:v>
                </c:pt>
                <c:pt idx="92">
                  <c:v>260.43591308593801</c:v>
                </c:pt>
                <c:pt idx="93">
                  <c:v>281.13876342773398</c:v>
                </c:pt>
                <c:pt idx="94">
                  <c:v>302.34387207031301</c:v>
                </c:pt>
                <c:pt idx="95">
                  <c:v>288.1494140625</c:v>
                </c:pt>
                <c:pt idx="96">
                  <c:v>309.64889526367199</c:v>
                </c:pt>
                <c:pt idx="97">
                  <c:v>304.83380126953102</c:v>
                </c:pt>
                <c:pt idx="98">
                  <c:v>275.28009033203102</c:v>
                </c:pt>
                <c:pt idx="99">
                  <c:v>296.46896362304699</c:v>
                </c:pt>
                <c:pt idx="100">
                  <c:v>291.37167358398398</c:v>
                </c:pt>
                <c:pt idx="101">
                  <c:v>294.05612182617199</c:v>
                </c:pt>
                <c:pt idx="102">
                  <c:v>298.22604370117199</c:v>
                </c:pt>
                <c:pt idx="103">
                  <c:v>300.32913208007801</c:v>
                </c:pt>
                <c:pt idx="104">
                  <c:v>295.43218994140602</c:v>
                </c:pt>
                <c:pt idx="105">
                  <c:v>298.30731201171898</c:v>
                </c:pt>
                <c:pt idx="106">
                  <c:v>307.90087890625</c:v>
                </c:pt>
                <c:pt idx="107">
                  <c:v>309.85028076171898</c:v>
                </c:pt>
                <c:pt idx="108">
                  <c:v>309.97250366210898</c:v>
                </c:pt>
                <c:pt idx="109">
                  <c:v>317.48370361328102</c:v>
                </c:pt>
                <c:pt idx="110">
                  <c:v>312.85800170898398</c:v>
                </c:pt>
                <c:pt idx="111">
                  <c:v>317.50311279296898</c:v>
                </c:pt>
                <c:pt idx="112">
                  <c:v>325.53662109375</c:v>
                </c:pt>
                <c:pt idx="113">
                  <c:v>322.00735473632801</c:v>
                </c:pt>
                <c:pt idx="114">
                  <c:v>327.180908203125</c:v>
                </c:pt>
                <c:pt idx="115">
                  <c:v>353.52340698242199</c:v>
                </c:pt>
                <c:pt idx="116">
                  <c:v>350.31964111328102</c:v>
                </c:pt>
                <c:pt idx="117">
                  <c:v>370.68634033203102</c:v>
                </c:pt>
                <c:pt idx="118">
                  <c:v>360.87533569335898</c:v>
                </c:pt>
                <c:pt idx="119">
                  <c:v>372.49734497070301</c:v>
                </c:pt>
                <c:pt idx="120">
                  <c:v>357.1328125</c:v>
                </c:pt>
                <c:pt idx="121">
                  <c:v>350.91067504882801</c:v>
                </c:pt>
                <c:pt idx="122">
                  <c:v>347.78375244140602</c:v>
                </c:pt>
                <c:pt idx="123">
                  <c:v>346.41732788085898</c:v>
                </c:pt>
                <c:pt idx="124">
                  <c:v>332.05798339843801</c:v>
                </c:pt>
                <c:pt idx="125">
                  <c:v>338.04803466796898</c:v>
                </c:pt>
                <c:pt idx="126">
                  <c:v>328.77969360351602</c:v>
                </c:pt>
                <c:pt idx="127">
                  <c:v>321.96600341796898</c:v>
                </c:pt>
                <c:pt idx="128">
                  <c:v>324.99359130859398</c:v>
                </c:pt>
                <c:pt idx="129">
                  <c:v>321.02328491210898</c:v>
                </c:pt>
                <c:pt idx="130">
                  <c:v>321.07482910156301</c:v>
                </c:pt>
                <c:pt idx="131">
                  <c:v>318.59640502929699</c:v>
                </c:pt>
                <c:pt idx="132">
                  <c:v>313.94796752929699</c:v>
                </c:pt>
                <c:pt idx="133">
                  <c:v>307.23580932617199</c:v>
                </c:pt>
                <c:pt idx="134">
                  <c:v>301.94110107421898</c:v>
                </c:pt>
                <c:pt idx="135">
                  <c:v>307.51336669921898</c:v>
                </c:pt>
                <c:pt idx="136">
                  <c:v>308.45568847656301</c:v>
                </c:pt>
                <c:pt idx="137">
                  <c:v>319.06982421875</c:v>
                </c:pt>
                <c:pt idx="138">
                  <c:v>343.93127441406301</c:v>
                </c:pt>
                <c:pt idx="139">
                  <c:v>326.41567993164102</c:v>
                </c:pt>
                <c:pt idx="140">
                  <c:v>311.76724243164102</c:v>
                </c:pt>
                <c:pt idx="141">
                  <c:v>303.06808471679699</c:v>
                </c:pt>
                <c:pt idx="142">
                  <c:v>282.75567626953102</c:v>
                </c:pt>
                <c:pt idx="143">
                  <c:v>273.92419433593801</c:v>
                </c:pt>
                <c:pt idx="144">
                  <c:v>266.75</c:v>
                </c:pt>
                <c:pt idx="145">
                  <c:v>266.64321899414102</c:v>
                </c:pt>
                <c:pt idx="146">
                  <c:v>252.30668640136699</c:v>
                </c:pt>
                <c:pt idx="147">
                  <c:v>250.86099243164099</c:v>
                </c:pt>
                <c:pt idx="148">
                  <c:v>256.55163574218801</c:v>
                </c:pt>
                <c:pt idx="149">
                  <c:v>249.83239746093801</c:v>
                </c:pt>
                <c:pt idx="150">
                  <c:v>250.16752624511699</c:v>
                </c:pt>
                <c:pt idx="151">
                  <c:v>244.44889831543</c:v>
                </c:pt>
                <c:pt idx="152">
                  <c:v>241.37440490722699</c:v>
                </c:pt>
                <c:pt idx="153">
                  <c:v>241.46656799316401</c:v>
                </c:pt>
                <c:pt idx="154">
                  <c:v>233.33583068847699</c:v>
                </c:pt>
                <c:pt idx="155">
                  <c:v>230.20103454589801</c:v>
                </c:pt>
                <c:pt idx="156">
                  <c:v>223.34706115722699</c:v>
                </c:pt>
                <c:pt idx="157">
                  <c:v>211.29148864746099</c:v>
                </c:pt>
                <c:pt idx="158">
                  <c:v>219.43399047851599</c:v>
                </c:pt>
                <c:pt idx="159">
                  <c:v>222.56921386718801</c:v>
                </c:pt>
                <c:pt idx="160">
                  <c:v>219.52194213867199</c:v>
                </c:pt>
                <c:pt idx="161">
                  <c:v>223.086837768555</c:v>
                </c:pt>
                <c:pt idx="162">
                  <c:v>215.50721740722699</c:v>
                </c:pt>
                <c:pt idx="163">
                  <c:v>217.35578918457</c:v>
                </c:pt>
                <c:pt idx="164">
                  <c:v>215.24024963378901</c:v>
                </c:pt>
                <c:pt idx="165">
                  <c:v>214.14709472656301</c:v>
                </c:pt>
                <c:pt idx="166">
                  <c:v>209.93246459960901</c:v>
                </c:pt>
                <c:pt idx="167">
                  <c:v>207.23408508300801</c:v>
                </c:pt>
                <c:pt idx="168">
                  <c:v>208.63873291015599</c:v>
                </c:pt>
                <c:pt idx="169">
                  <c:v>198.81147766113301</c:v>
                </c:pt>
                <c:pt idx="170">
                  <c:v>201.66355895996099</c:v>
                </c:pt>
                <c:pt idx="171">
                  <c:v>197.99191284179699</c:v>
                </c:pt>
                <c:pt idx="172">
                  <c:v>191.15194702148401</c:v>
                </c:pt>
                <c:pt idx="173">
                  <c:v>196.07458496093801</c:v>
                </c:pt>
                <c:pt idx="174">
                  <c:v>203.12098693847699</c:v>
                </c:pt>
                <c:pt idx="175">
                  <c:v>201.52659606933599</c:v>
                </c:pt>
                <c:pt idx="176">
                  <c:v>202.46723937988301</c:v>
                </c:pt>
                <c:pt idx="177">
                  <c:v>199.28266906738301</c:v>
                </c:pt>
                <c:pt idx="178">
                  <c:v>191.63807678222699</c:v>
                </c:pt>
                <c:pt idx="179">
                  <c:v>186.47085571289099</c:v>
                </c:pt>
                <c:pt idx="180">
                  <c:v>192.42425537109401</c:v>
                </c:pt>
                <c:pt idx="181">
                  <c:v>177.63604736328099</c:v>
                </c:pt>
                <c:pt idx="182">
                  <c:v>162.21600341796901</c:v>
                </c:pt>
                <c:pt idx="183">
                  <c:v>174.44950866699199</c:v>
                </c:pt>
                <c:pt idx="184">
                  <c:v>168.14927673339801</c:v>
                </c:pt>
                <c:pt idx="185">
                  <c:v>163.84030151367199</c:v>
                </c:pt>
                <c:pt idx="186">
                  <c:v>159.01744079589801</c:v>
                </c:pt>
                <c:pt idx="187">
                  <c:v>164.13955688476599</c:v>
                </c:pt>
                <c:pt idx="188">
                  <c:v>156.68417358398401</c:v>
                </c:pt>
                <c:pt idx="189">
                  <c:v>157.064865112305</c:v>
                </c:pt>
                <c:pt idx="190">
                  <c:v>152.16374206543</c:v>
                </c:pt>
                <c:pt idx="191">
                  <c:v>155.41961669921901</c:v>
                </c:pt>
                <c:pt idx="192">
                  <c:v>157.81832885742199</c:v>
                </c:pt>
                <c:pt idx="193">
                  <c:v>150.10298156738301</c:v>
                </c:pt>
                <c:pt idx="194">
                  <c:v>143.27403259277301</c:v>
                </c:pt>
                <c:pt idx="195">
                  <c:v>134.01490783691401</c:v>
                </c:pt>
                <c:pt idx="196">
                  <c:v>134.91567993164099</c:v>
                </c:pt>
                <c:pt idx="197">
                  <c:v>125.24991607666</c:v>
                </c:pt>
                <c:pt idx="198">
                  <c:v>137.52540588378901</c:v>
                </c:pt>
                <c:pt idx="199">
                  <c:v>140.97642517089801</c:v>
                </c:pt>
                <c:pt idx="200">
                  <c:v>118.55320739746099</c:v>
                </c:pt>
                <c:pt idx="201">
                  <c:v>115.85480499267599</c:v>
                </c:pt>
                <c:pt idx="202">
                  <c:v>108.543663024902</c:v>
                </c:pt>
                <c:pt idx="203">
                  <c:v>114.292526245117</c:v>
                </c:pt>
                <c:pt idx="204">
                  <c:v>118.505668640137</c:v>
                </c:pt>
                <c:pt idx="205">
                  <c:v>119.732040405273</c:v>
                </c:pt>
                <c:pt idx="206">
                  <c:v>118.28497314453099</c:v>
                </c:pt>
                <c:pt idx="207">
                  <c:v>117.307914733887</c:v>
                </c:pt>
                <c:pt idx="208">
                  <c:v>112.471328735352</c:v>
                </c:pt>
                <c:pt idx="209">
                  <c:v>114.969131469727</c:v>
                </c:pt>
                <c:pt idx="210">
                  <c:v>99.043701171875</c:v>
                </c:pt>
                <c:pt idx="211">
                  <c:v>99.780601501464801</c:v>
                </c:pt>
                <c:pt idx="212">
                  <c:v>65.537452697753906</c:v>
                </c:pt>
                <c:pt idx="213">
                  <c:v>69.122589111328097</c:v>
                </c:pt>
                <c:pt idx="214">
                  <c:v>69.673423767089801</c:v>
                </c:pt>
                <c:pt idx="215">
                  <c:v>72.262931823730497</c:v>
                </c:pt>
                <c:pt idx="216">
                  <c:v>79.281028747558594</c:v>
                </c:pt>
                <c:pt idx="217">
                  <c:v>76.3160400390625</c:v>
                </c:pt>
                <c:pt idx="218">
                  <c:v>75.850227355957003</c:v>
                </c:pt>
                <c:pt idx="219">
                  <c:v>72.713394165039105</c:v>
                </c:pt>
                <c:pt idx="220">
                  <c:v>67.790641784667997</c:v>
                </c:pt>
                <c:pt idx="221">
                  <c:v>62.882274627685497</c:v>
                </c:pt>
                <c:pt idx="222">
                  <c:v>60.313529968261697</c:v>
                </c:pt>
                <c:pt idx="223">
                  <c:v>57.055461883544901</c:v>
                </c:pt>
                <c:pt idx="224">
                  <c:v>56.7811889648438</c:v>
                </c:pt>
                <c:pt idx="225">
                  <c:v>58.655086517333999</c:v>
                </c:pt>
                <c:pt idx="226">
                  <c:v>54.588954925537102</c:v>
                </c:pt>
                <c:pt idx="227">
                  <c:v>56.0074272155762</c:v>
                </c:pt>
                <c:pt idx="228">
                  <c:v>51.144405364990199</c:v>
                </c:pt>
                <c:pt idx="229">
                  <c:v>30.9648361206055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27F-4C78-BAA9-B1277997F596}"/>
            </c:ext>
          </c:extLst>
        </c:ser>
        <c:ser>
          <c:idx val="8"/>
          <c:order val="1"/>
          <c:tx>
            <c:v>34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>
                  <a:lumMod val="60000"/>
                </a:schemeClr>
              </a:solidFill>
              <a:ln w="9525">
                <a:solidFill>
                  <a:schemeClr val="accent3">
                    <a:lumMod val="60000"/>
                  </a:schemeClr>
                </a:solidFill>
              </a:ln>
              <a:effectLst/>
            </c:spPr>
          </c:marker>
          <c:xVal>
            <c:numRef>
              <c:f>_29_01_bss_1_3_ramp_5_1_rwd!$F$2:$F$231</c:f>
              <c:numCache>
                <c:formatCode>General</c:formatCode>
                <c:ptCount val="230"/>
                <c:pt idx="0">
                  <c:v>8.6642842506989804E-4</c:v>
                </c:pt>
                <c:pt idx="1">
                  <c:v>1.9955534953624001E-3</c:v>
                </c:pt>
                <c:pt idx="2">
                  <c:v>4.2129689827561396E-3</c:v>
                </c:pt>
                <c:pt idx="3">
                  <c:v>8.3743957802653295E-3</c:v>
                </c:pt>
                <c:pt idx="4">
                  <c:v>1.6794353723526001E-2</c:v>
                </c:pt>
                <c:pt idx="5">
                  <c:v>3.35339233279228E-2</c:v>
                </c:pt>
                <c:pt idx="6">
                  <c:v>6.7066550254821805E-2</c:v>
                </c:pt>
                <c:pt idx="7">
                  <c:v>0.130984276533127</c:v>
                </c:pt>
                <c:pt idx="8">
                  <c:v>0.26190847158432001</c:v>
                </c:pt>
                <c:pt idx="9">
                  <c:v>0.52369469404220603</c:v>
                </c:pt>
                <c:pt idx="10">
                  <c:v>1.0471224784851101</c:v>
                </c:pt>
                <c:pt idx="11">
                  <c:v>2.09406590461731</c:v>
                </c:pt>
                <c:pt idx="12">
                  <c:v>4.1890077590942401</c:v>
                </c:pt>
                <c:pt idx="13">
                  <c:v>8.3779993057250994</c:v>
                </c:pt>
                <c:pt idx="14">
                  <c:v>16.760086059570298</c:v>
                </c:pt>
                <c:pt idx="15">
                  <c:v>33.510021209716797</c:v>
                </c:pt>
                <c:pt idx="16">
                  <c:v>67.019828796386705</c:v>
                </c:pt>
                <c:pt idx="17">
                  <c:v>130.89927673339801</c:v>
                </c:pt>
                <c:pt idx="18">
                  <c:v>67.019958496093807</c:v>
                </c:pt>
                <c:pt idx="19">
                  <c:v>33.510047912597699</c:v>
                </c:pt>
                <c:pt idx="20">
                  <c:v>16.759757995605501</c:v>
                </c:pt>
                <c:pt idx="21">
                  <c:v>8.3780250549316406</c:v>
                </c:pt>
                <c:pt idx="22">
                  <c:v>4.1889724731445304</c:v>
                </c:pt>
                <c:pt idx="23">
                  <c:v>2.0941514968872101</c:v>
                </c:pt>
                <c:pt idx="24">
                  <c:v>1.0469810962677</c:v>
                </c:pt>
                <c:pt idx="25">
                  <c:v>0.52363485097885099</c:v>
                </c:pt>
                <c:pt idx="26">
                  <c:v>0.26187151670455899</c:v>
                </c:pt>
                <c:pt idx="27">
                  <c:v>0.13097143173217801</c:v>
                </c:pt>
                <c:pt idx="28">
                  <c:v>6.7024447023868602E-2</c:v>
                </c:pt>
                <c:pt idx="29">
                  <c:v>3.3491868525743498E-2</c:v>
                </c:pt>
                <c:pt idx="30">
                  <c:v>1.6761451959609999E-2</c:v>
                </c:pt>
                <c:pt idx="31">
                  <c:v>8.3842230960726703E-3</c:v>
                </c:pt>
                <c:pt idx="32">
                  <c:v>4.1828132234513803E-3</c:v>
                </c:pt>
                <c:pt idx="33">
                  <c:v>2.09529744461179E-3</c:v>
                </c:pt>
                <c:pt idx="34">
                  <c:v>1.0517609771341101E-3</c:v>
                </c:pt>
              </c:numCache>
            </c:numRef>
          </c:xVal>
          <c:yVal>
            <c:numRef>
              <c:f>_29_01_bss_1_3_ramp_5_1_rwd!$D$2:$D$36</c:f>
              <c:numCache>
                <c:formatCode>General</c:formatCode>
                <c:ptCount val="35"/>
                <c:pt idx="0">
                  <c:v>350.02127075195301</c:v>
                </c:pt>
                <c:pt idx="1">
                  <c:v>983.1630859375</c:v>
                </c:pt>
                <c:pt idx="2">
                  <c:v>1286.72644042969</c:v>
                </c:pt>
                <c:pt idx="3">
                  <c:v>1328.76403808594</c:v>
                </c:pt>
                <c:pt idx="4">
                  <c:v>1440.81982421875</c:v>
                </c:pt>
                <c:pt idx="5">
                  <c:v>1473.01550292969</c:v>
                </c:pt>
                <c:pt idx="6">
                  <c:v>1355.43395996094</c:v>
                </c:pt>
                <c:pt idx="7">
                  <c:v>974.9287109375</c:v>
                </c:pt>
                <c:pt idx="8">
                  <c:v>728.63970947265602</c:v>
                </c:pt>
                <c:pt idx="9">
                  <c:v>640.69879150390602</c:v>
                </c:pt>
                <c:pt idx="10">
                  <c:v>587.110107421875</c:v>
                </c:pt>
                <c:pt idx="11">
                  <c:v>531.28887939453102</c:v>
                </c:pt>
                <c:pt idx="12">
                  <c:v>444.17437744140602</c:v>
                </c:pt>
                <c:pt idx="13">
                  <c:v>254.39089965820301</c:v>
                </c:pt>
                <c:pt idx="14">
                  <c:v>233.02964782714801</c:v>
                </c:pt>
                <c:pt idx="15">
                  <c:v>177.78984069824199</c:v>
                </c:pt>
                <c:pt idx="16">
                  <c:v>180.83477783203099</c:v>
                </c:pt>
                <c:pt idx="17">
                  <c:v>213.49847412109401</c:v>
                </c:pt>
                <c:pt idx="18">
                  <c:v>133.76754760742199</c:v>
                </c:pt>
                <c:pt idx="19">
                  <c:v>131.76824951171901</c:v>
                </c:pt>
                <c:pt idx="20">
                  <c:v>236.92787170410199</c:v>
                </c:pt>
                <c:pt idx="21">
                  <c:v>467.75817871093801</c:v>
                </c:pt>
                <c:pt idx="22">
                  <c:v>536.20520019531295</c:v>
                </c:pt>
                <c:pt idx="23">
                  <c:v>258.64370727539102</c:v>
                </c:pt>
                <c:pt idx="24">
                  <c:v>390.27969360351602</c:v>
                </c:pt>
                <c:pt idx="25">
                  <c:v>530.80938720703102</c:v>
                </c:pt>
                <c:pt idx="26">
                  <c:v>434.578125</c:v>
                </c:pt>
                <c:pt idx="27">
                  <c:v>418.76617431640602</c:v>
                </c:pt>
                <c:pt idx="28">
                  <c:v>211.195068359375</c:v>
                </c:pt>
                <c:pt idx="29">
                  <c:v>194.75038146972699</c:v>
                </c:pt>
                <c:pt idx="30">
                  <c:v>239.38177490234401</c:v>
                </c:pt>
                <c:pt idx="31">
                  <c:v>256.77917480468801</c:v>
                </c:pt>
                <c:pt idx="32">
                  <c:v>255.58581542968801</c:v>
                </c:pt>
                <c:pt idx="33">
                  <c:v>246.87414550781301</c:v>
                </c:pt>
                <c:pt idx="34">
                  <c:v>218.4360351562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27F-4C78-BAA9-B1277997F5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logBase val="10"/>
          <c:orientation val="minMax"/>
          <c:max val="100"/>
          <c:min val="1.0000000000000002E-3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stress, </a:t>
                </a:r>
                <a:r>
                  <a:rPr lang="el-GR"/>
                  <a:t>τ</a:t>
                </a:r>
                <a:r>
                  <a:rPr lang="en-GB"/>
                  <a:t> (Pa)</a:t>
                </a:r>
                <a:r>
                  <a:rPr lang="en-GB" baseline="0"/>
                  <a:t> 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1.0000000000000002E-3"/>
        <c:crossBetween val="midCat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all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4"/>
          <c:order val="0"/>
          <c:tx>
            <c:v>1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Type_4_6__1___._2_thixotropy_rw!$F$2:$F$231</c:f>
              <c:numCache>
                <c:formatCode>General</c:formatCode>
                <c:ptCount val="230"/>
                <c:pt idx="0">
                  <c:v>0.92626893520355202</c:v>
                </c:pt>
                <c:pt idx="1">
                  <c:v>1.92630386352539</c:v>
                </c:pt>
                <c:pt idx="2">
                  <c:v>2.9263260364532502</c:v>
                </c:pt>
                <c:pt idx="3">
                  <c:v>3.9263260364532502</c:v>
                </c:pt>
                <c:pt idx="4">
                  <c:v>4.9262723922729501</c:v>
                </c:pt>
                <c:pt idx="5">
                  <c:v>5.9289836883544904</c:v>
                </c:pt>
                <c:pt idx="6">
                  <c:v>6.9289107322692898</c:v>
                </c:pt>
                <c:pt idx="7">
                  <c:v>7.9288258552551296</c:v>
                </c:pt>
                <c:pt idx="8">
                  <c:v>8.9288921356201207</c:v>
                </c:pt>
                <c:pt idx="9">
                  <c:v>9.9262228012084996</c:v>
                </c:pt>
                <c:pt idx="10">
                  <c:v>10.9263353347778</c:v>
                </c:pt>
                <c:pt idx="11">
                  <c:v>11.926438331604</c:v>
                </c:pt>
                <c:pt idx="12">
                  <c:v>12.9265432357788</c:v>
                </c:pt>
                <c:pt idx="13">
                  <c:v>13.9266004562378</c:v>
                </c:pt>
                <c:pt idx="14">
                  <c:v>14.926714897155801</c:v>
                </c:pt>
                <c:pt idx="15">
                  <c:v>15.9267387390137</c:v>
                </c:pt>
                <c:pt idx="16">
                  <c:v>16.926578521728501</c:v>
                </c:pt>
                <c:pt idx="17">
                  <c:v>17.926345825195298</c:v>
                </c:pt>
                <c:pt idx="18">
                  <c:v>18.9261474609375</c:v>
                </c:pt>
                <c:pt idx="19">
                  <c:v>19.925796508789102</c:v>
                </c:pt>
                <c:pt idx="20">
                  <c:v>20.925657272338899</c:v>
                </c:pt>
                <c:pt idx="21">
                  <c:v>21.925378799438501</c:v>
                </c:pt>
                <c:pt idx="22">
                  <c:v>22.925144195556602</c:v>
                </c:pt>
                <c:pt idx="23">
                  <c:v>23.924888610839801</c:v>
                </c:pt>
                <c:pt idx="24">
                  <c:v>24.9246425628662</c:v>
                </c:pt>
                <c:pt idx="25">
                  <c:v>25.924333572387699</c:v>
                </c:pt>
                <c:pt idx="26">
                  <c:v>26.924066543579102</c:v>
                </c:pt>
                <c:pt idx="27">
                  <c:v>27.923885345458999</c:v>
                </c:pt>
                <c:pt idx="28">
                  <c:v>28.923652648925799</c:v>
                </c:pt>
                <c:pt idx="29">
                  <c:v>29.9233798980713</c:v>
                </c:pt>
                <c:pt idx="30">
                  <c:v>30.923093795776399</c:v>
                </c:pt>
                <c:pt idx="31">
                  <c:v>31.922967910766602</c:v>
                </c:pt>
                <c:pt idx="32">
                  <c:v>32.922771453857401</c:v>
                </c:pt>
                <c:pt idx="33">
                  <c:v>33.922534942627003</c:v>
                </c:pt>
                <c:pt idx="34">
                  <c:v>34.9225044250488</c:v>
                </c:pt>
                <c:pt idx="35">
                  <c:v>35.9218559265137</c:v>
                </c:pt>
                <c:pt idx="36">
                  <c:v>36.9217338562012</c:v>
                </c:pt>
                <c:pt idx="37">
                  <c:v>37.921531677246101</c:v>
                </c:pt>
                <c:pt idx="38">
                  <c:v>38.921318054199197</c:v>
                </c:pt>
                <c:pt idx="39">
                  <c:v>39.921298980712898</c:v>
                </c:pt>
                <c:pt idx="40">
                  <c:v>40.920730590820298</c:v>
                </c:pt>
                <c:pt idx="41">
                  <c:v>41.923580169677699</c:v>
                </c:pt>
                <c:pt idx="42">
                  <c:v>42.923274993896499</c:v>
                </c:pt>
                <c:pt idx="43">
                  <c:v>43.922767639160199</c:v>
                </c:pt>
                <c:pt idx="44">
                  <c:v>44.922660827636697</c:v>
                </c:pt>
                <c:pt idx="45">
                  <c:v>45.922172546386697</c:v>
                </c:pt>
                <c:pt idx="46">
                  <c:v>46.921989440917997</c:v>
                </c:pt>
                <c:pt idx="47">
                  <c:v>47.921955108642599</c:v>
                </c:pt>
                <c:pt idx="48">
                  <c:v>48.921459197997997</c:v>
                </c:pt>
                <c:pt idx="49">
                  <c:v>49.921432495117202</c:v>
                </c:pt>
                <c:pt idx="50">
                  <c:v>50.920974731445298</c:v>
                </c:pt>
                <c:pt idx="51">
                  <c:v>51.920944213867202</c:v>
                </c:pt>
                <c:pt idx="52">
                  <c:v>52.9206352233887</c:v>
                </c:pt>
                <c:pt idx="53">
                  <c:v>53.92041015625</c:v>
                </c:pt>
                <c:pt idx="54">
                  <c:v>54.920108795166001</c:v>
                </c:pt>
                <c:pt idx="55">
                  <c:v>55.9198188781738</c:v>
                </c:pt>
                <c:pt idx="56">
                  <c:v>56.919479370117202</c:v>
                </c:pt>
                <c:pt idx="57">
                  <c:v>57.919563293457003</c:v>
                </c:pt>
                <c:pt idx="58">
                  <c:v>58.918827056884801</c:v>
                </c:pt>
                <c:pt idx="59">
                  <c:v>59.9188041687012</c:v>
                </c:pt>
                <c:pt idx="60">
                  <c:v>60.918498992919901</c:v>
                </c:pt>
                <c:pt idx="61">
                  <c:v>61.918636322021499</c:v>
                </c:pt>
                <c:pt idx="62">
                  <c:v>62.917766571044901</c:v>
                </c:pt>
                <c:pt idx="63">
                  <c:v>63.917881011962898</c:v>
                </c:pt>
                <c:pt idx="64">
                  <c:v>64.917785644531307</c:v>
                </c:pt>
                <c:pt idx="65">
                  <c:v>65.917686462402301</c:v>
                </c:pt>
                <c:pt idx="66">
                  <c:v>66.917259216308594</c:v>
                </c:pt>
                <c:pt idx="67">
                  <c:v>67.916755676269503</c:v>
                </c:pt>
                <c:pt idx="68">
                  <c:v>68.916877746582003</c:v>
                </c:pt>
                <c:pt idx="69">
                  <c:v>69.916168212890597</c:v>
                </c:pt>
                <c:pt idx="70">
                  <c:v>70.916961669921903</c:v>
                </c:pt>
                <c:pt idx="71">
                  <c:v>71.915626525878906</c:v>
                </c:pt>
                <c:pt idx="72">
                  <c:v>72.915756225585895</c:v>
                </c:pt>
                <c:pt idx="73">
                  <c:v>73.915847778320298</c:v>
                </c:pt>
                <c:pt idx="74">
                  <c:v>74.914619445800795</c:v>
                </c:pt>
                <c:pt idx="75">
                  <c:v>75.915168762207003</c:v>
                </c:pt>
                <c:pt idx="76">
                  <c:v>76.914871215820298</c:v>
                </c:pt>
                <c:pt idx="77">
                  <c:v>77.914489746093807</c:v>
                </c:pt>
                <c:pt idx="78">
                  <c:v>78.9149169921875</c:v>
                </c:pt>
                <c:pt idx="79">
                  <c:v>79.913276672363295</c:v>
                </c:pt>
                <c:pt idx="80">
                  <c:v>80.913566589355497</c:v>
                </c:pt>
                <c:pt idx="81">
                  <c:v>81.9127197265625</c:v>
                </c:pt>
                <c:pt idx="82">
                  <c:v>82.912857055664105</c:v>
                </c:pt>
                <c:pt idx="83">
                  <c:v>83.912895202636705</c:v>
                </c:pt>
                <c:pt idx="84">
                  <c:v>84.912513732910199</c:v>
                </c:pt>
                <c:pt idx="85">
                  <c:v>85.9114990234375</c:v>
                </c:pt>
                <c:pt idx="86">
                  <c:v>86.913093566894503</c:v>
                </c:pt>
                <c:pt idx="87">
                  <c:v>87.911354064941406</c:v>
                </c:pt>
                <c:pt idx="88">
                  <c:v>88.912826538085895</c:v>
                </c:pt>
                <c:pt idx="89">
                  <c:v>89.9111328125</c:v>
                </c:pt>
                <c:pt idx="90">
                  <c:v>90.911193847656307</c:v>
                </c:pt>
                <c:pt idx="91">
                  <c:v>91.909370422363295</c:v>
                </c:pt>
                <c:pt idx="92">
                  <c:v>92.911392211914105</c:v>
                </c:pt>
                <c:pt idx="93">
                  <c:v>93.912338256835895</c:v>
                </c:pt>
                <c:pt idx="94">
                  <c:v>94.908874511718807</c:v>
                </c:pt>
                <c:pt idx="95">
                  <c:v>95.911018371582003</c:v>
                </c:pt>
                <c:pt idx="96">
                  <c:v>96.908073425292997</c:v>
                </c:pt>
                <c:pt idx="97">
                  <c:v>97.909896850585895</c:v>
                </c:pt>
                <c:pt idx="98">
                  <c:v>98.910110473632798</c:v>
                </c:pt>
                <c:pt idx="99">
                  <c:v>99.907936096191406</c:v>
                </c:pt>
                <c:pt idx="100">
                  <c:v>100.00155639648401</c:v>
                </c:pt>
                <c:pt idx="101">
                  <c:v>100.003860473633</c:v>
                </c:pt>
                <c:pt idx="102">
                  <c:v>100.00033569335901</c:v>
                </c:pt>
                <c:pt idx="103">
                  <c:v>99.997627258300795</c:v>
                </c:pt>
                <c:pt idx="104">
                  <c:v>99.9971923828125</c:v>
                </c:pt>
                <c:pt idx="105">
                  <c:v>99.999099731445298</c:v>
                </c:pt>
                <c:pt idx="106">
                  <c:v>99.998870849609403</c:v>
                </c:pt>
                <c:pt idx="107">
                  <c:v>99.998497009277301</c:v>
                </c:pt>
                <c:pt idx="108">
                  <c:v>99.999320983886705</c:v>
                </c:pt>
                <c:pt idx="109">
                  <c:v>100.00042724609401</c:v>
                </c:pt>
                <c:pt idx="110">
                  <c:v>99.997711181640597</c:v>
                </c:pt>
                <c:pt idx="111">
                  <c:v>99.998611450195298</c:v>
                </c:pt>
                <c:pt idx="112">
                  <c:v>99.999450683593807</c:v>
                </c:pt>
                <c:pt idx="113">
                  <c:v>99.999107360839801</c:v>
                </c:pt>
                <c:pt idx="114">
                  <c:v>99.999603271484403</c:v>
                </c:pt>
                <c:pt idx="115">
                  <c:v>100.000244140625</c:v>
                </c:pt>
                <c:pt idx="116">
                  <c:v>99.999458312988295</c:v>
                </c:pt>
                <c:pt idx="117">
                  <c:v>100.00063323974599</c:v>
                </c:pt>
                <c:pt idx="118">
                  <c:v>100.00057983398401</c:v>
                </c:pt>
                <c:pt idx="119">
                  <c:v>100.00022125244099</c:v>
                </c:pt>
                <c:pt idx="120">
                  <c:v>99.998466491699205</c:v>
                </c:pt>
                <c:pt idx="121">
                  <c:v>99.996772766113295</c:v>
                </c:pt>
                <c:pt idx="122">
                  <c:v>99.999107360839801</c:v>
                </c:pt>
                <c:pt idx="123">
                  <c:v>100.001792907715</c:v>
                </c:pt>
                <c:pt idx="124">
                  <c:v>100.001304626465</c:v>
                </c:pt>
                <c:pt idx="125">
                  <c:v>100.00234985351599</c:v>
                </c:pt>
                <c:pt idx="126">
                  <c:v>100.00178527832</c:v>
                </c:pt>
                <c:pt idx="127">
                  <c:v>99.999900817871094</c:v>
                </c:pt>
                <c:pt idx="128">
                  <c:v>99.997627258300795</c:v>
                </c:pt>
                <c:pt idx="129">
                  <c:v>99.999076843261705</c:v>
                </c:pt>
                <c:pt idx="130">
                  <c:v>99.075309753417997</c:v>
                </c:pt>
                <c:pt idx="131">
                  <c:v>98.070663452148395</c:v>
                </c:pt>
                <c:pt idx="132">
                  <c:v>97.077011108398395</c:v>
                </c:pt>
                <c:pt idx="133">
                  <c:v>96.069519042968807</c:v>
                </c:pt>
                <c:pt idx="134">
                  <c:v>95.075546264648395</c:v>
                </c:pt>
                <c:pt idx="135">
                  <c:v>94.074890136718807</c:v>
                </c:pt>
                <c:pt idx="136">
                  <c:v>93.074790954589801</c:v>
                </c:pt>
                <c:pt idx="137">
                  <c:v>92.077011108398395</c:v>
                </c:pt>
                <c:pt idx="138">
                  <c:v>91.073410034179702</c:v>
                </c:pt>
                <c:pt idx="139">
                  <c:v>90.076461791992202</c:v>
                </c:pt>
                <c:pt idx="140">
                  <c:v>89.076469421386705</c:v>
                </c:pt>
                <c:pt idx="141">
                  <c:v>88.078201293945298</c:v>
                </c:pt>
                <c:pt idx="142">
                  <c:v>87.077049255371094</c:v>
                </c:pt>
                <c:pt idx="143">
                  <c:v>86.076210021972699</c:v>
                </c:pt>
                <c:pt idx="144">
                  <c:v>85.077835083007798</c:v>
                </c:pt>
                <c:pt idx="145">
                  <c:v>84.077835083007798</c:v>
                </c:pt>
                <c:pt idx="146">
                  <c:v>83.077865600585895</c:v>
                </c:pt>
                <c:pt idx="147">
                  <c:v>82.078018188476605</c:v>
                </c:pt>
                <c:pt idx="148">
                  <c:v>81.0782470703125</c:v>
                </c:pt>
                <c:pt idx="149">
                  <c:v>80.078903198242202</c:v>
                </c:pt>
                <c:pt idx="150">
                  <c:v>79.078109741210895</c:v>
                </c:pt>
                <c:pt idx="151">
                  <c:v>78.078880310058594</c:v>
                </c:pt>
                <c:pt idx="152">
                  <c:v>77.079216003417997</c:v>
                </c:pt>
                <c:pt idx="153">
                  <c:v>76.079994201660199</c:v>
                </c:pt>
                <c:pt idx="154">
                  <c:v>75.079650878906307</c:v>
                </c:pt>
                <c:pt idx="155">
                  <c:v>74.079437255859403</c:v>
                </c:pt>
                <c:pt idx="156">
                  <c:v>73.080078125</c:v>
                </c:pt>
                <c:pt idx="157">
                  <c:v>72.080337524414105</c:v>
                </c:pt>
                <c:pt idx="158">
                  <c:v>71.080528259277301</c:v>
                </c:pt>
                <c:pt idx="159">
                  <c:v>70.081306457519503</c:v>
                </c:pt>
                <c:pt idx="160">
                  <c:v>69.081527709960895</c:v>
                </c:pt>
                <c:pt idx="161">
                  <c:v>68.081306457519503</c:v>
                </c:pt>
                <c:pt idx="162">
                  <c:v>67.082214355468807</c:v>
                </c:pt>
                <c:pt idx="163">
                  <c:v>66.082534790039105</c:v>
                </c:pt>
                <c:pt idx="164">
                  <c:v>65.082527160644503</c:v>
                </c:pt>
                <c:pt idx="165">
                  <c:v>64.082229614257798</c:v>
                </c:pt>
                <c:pt idx="166">
                  <c:v>63.082550048828097</c:v>
                </c:pt>
                <c:pt idx="167">
                  <c:v>62.0828857421875</c:v>
                </c:pt>
                <c:pt idx="168">
                  <c:v>61.083183288574197</c:v>
                </c:pt>
                <c:pt idx="169">
                  <c:v>60.083442687988303</c:v>
                </c:pt>
                <c:pt idx="170">
                  <c:v>59.083389282226598</c:v>
                </c:pt>
                <c:pt idx="171">
                  <c:v>58.081504821777301</c:v>
                </c:pt>
                <c:pt idx="172">
                  <c:v>57.083915710449197</c:v>
                </c:pt>
                <c:pt idx="173">
                  <c:v>56.081501007080099</c:v>
                </c:pt>
                <c:pt idx="174">
                  <c:v>55.084934234619098</c:v>
                </c:pt>
                <c:pt idx="175">
                  <c:v>54.081993103027301</c:v>
                </c:pt>
                <c:pt idx="176">
                  <c:v>53.082595825195298</c:v>
                </c:pt>
                <c:pt idx="177">
                  <c:v>52.0827026367188</c:v>
                </c:pt>
                <c:pt idx="178">
                  <c:v>51.082832336425803</c:v>
                </c:pt>
                <c:pt idx="179">
                  <c:v>50.082859039306598</c:v>
                </c:pt>
                <c:pt idx="180">
                  <c:v>49.083538055419901</c:v>
                </c:pt>
                <c:pt idx="181">
                  <c:v>48.083660125732401</c:v>
                </c:pt>
                <c:pt idx="182">
                  <c:v>47.0840034484863</c:v>
                </c:pt>
                <c:pt idx="183">
                  <c:v>46.084133148193402</c:v>
                </c:pt>
                <c:pt idx="184">
                  <c:v>45.084465026855497</c:v>
                </c:pt>
                <c:pt idx="185">
                  <c:v>44.084659576416001</c:v>
                </c:pt>
                <c:pt idx="186">
                  <c:v>43.0848197937012</c:v>
                </c:pt>
                <c:pt idx="187">
                  <c:v>42.085243225097699</c:v>
                </c:pt>
                <c:pt idx="188">
                  <c:v>41.085079193115199</c:v>
                </c:pt>
                <c:pt idx="189">
                  <c:v>40.085494995117202</c:v>
                </c:pt>
                <c:pt idx="190">
                  <c:v>39.085865020752003</c:v>
                </c:pt>
                <c:pt idx="191">
                  <c:v>38.085830688476598</c:v>
                </c:pt>
                <c:pt idx="192">
                  <c:v>37.0863037109375</c:v>
                </c:pt>
                <c:pt idx="193">
                  <c:v>36.086711883544901</c:v>
                </c:pt>
                <c:pt idx="194">
                  <c:v>35.086738586425803</c:v>
                </c:pt>
                <c:pt idx="195">
                  <c:v>34.087062835693402</c:v>
                </c:pt>
                <c:pt idx="196">
                  <c:v>33.0871772766113</c:v>
                </c:pt>
                <c:pt idx="197">
                  <c:v>32.087566375732401</c:v>
                </c:pt>
                <c:pt idx="198">
                  <c:v>31.087863922119102</c:v>
                </c:pt>
                <c:pt idx="199">
                  <c:v>30.087984085083001</c:v>
                </c:pt>
                <c:pt idx="200">
                  <c:v>29.088253021240199</c:v>
                </c:pt>
                <c:pt idx="201">
                  <c:v>28.088516235351602</c:v>
                </c:pt>
                <c:pt idx="202">
                  <c:v>27.088752746581999</c:v>
                </c:pt>
                <c:pt idx="203">
                  <c:v>26.089031219482401</c:v>
                </c:pt>
                <c:pt idx="204">
                  <c:v>25.0891933441162</c:v>
                </c:pt>
                <c:pt idx="205">
                  <c:v>24.0894660949707</c:v>
                </c:pt>
                <c:pt idx="206">
                  <c:v>23.0896911621094</c:v>
                </c:pt>
                <c:pt idx="207">
                  <c:v>22.0899562835693</c:v>
                </c:pt>
                <c:pt idx="208">
                  <c:v>21.090110778808601</c:v>
                </c:pt>
                <c:pt idx="209">
                  <c:v>20.0904750823975</c:v>
                </c:pt>
                <c:pt idx="210">
                  <c:v>19.090631484985401</c:v>
                </c:pt>
                <c:pt idx="211">
                  <c:v>18.090913772583001</c:v>
                </c:pt>
                <c:pt idx="212">
                  <c:v>17.091190338134801</c:v>
                </c:pt>
                <c:pt idx="213">
                  <c:v>16.091350555419901</c:v>
                </c:pt>
                <c:pt idx="214">
                  <c:v>15.091340065002401</c:v>
                </c:pt>
                <c:pt idx="215">
                  <c:v>14.0912475585938</c:v>
                </c:pt>
                <c:pt idx="216">
                  <c:v>13.0911045074463</c:v>
                </c:pt>
                <c:pt idx="217">
                  <c:v>12.091001510620099</c:v>
                </c:pt>
                <c:pt idx="218">
                  <c:v>11.090938568115201</c:v>
                </c:pt>
                <c:pt idx="219">
                  <c:v>10.0907936096191</c:v>
                </c:pt>
                <c:pt idx="220">
                  <c:v>9.0907239913940394</c:v>
                </c:pt>
                <c:pt idx="221">
                  <c:v>8.0906438827514595</c:v>
                </c:pt>
                <c:pt idx="222">
                  <c:v>7.0906696319580096</c:v>
                </c:pt>
                <c:pt idx="223">
                  <c:v>6.0907416343689</c:v>
                </c:pt>
                <c:pt idx="224">
                  <c:v>5.0908346176147496</c:v>
                </c:pt>
                <c:pt idx="225">
                  <c:v>4.0909299850463903</c:v>
                </c:pt>
                <c:pt idx="226">
                  <c:v>3.0909454822540301</c:v>
                </c:pt>
                <c:pt idx="227">
                  <c:v>2.0909590721130402</c:v>
                </c:pt>
                <c:pt idx="228">
                  <c:v>1.0908886194229099</c:v>
                </c:pt>
                <c:pt idx="229">
                  <c:v>9.0864457190036801E-2</c:v>
                </c:pt>
              </c:numCache>
            </c:numRef>
          </c:xVal>
          <c:yVal>
            <c:numRef>
              <c:f>Type_4_6__1___._2_thixotropy_rw!$G$2:$G$231</c:f>
              <c:numCache>
                <c:formatCode>General</c:formatCode>
                <c:ptCount val="230"/>
                <c:pt idx="0">
                  <c:v>4.7103065997362102E-2</c:v>
                </c:pt>
                <c:pt idx="1">
                  <c:v>1.9638285040855401E-2</c:v>
                </c:pt>
                <c:pt idx="2">
                  <c:v>3.3769495785236402E-3</c:v>
                </c:pt>
                <c:pt idx="3">
                  <c:v>2.18872707337141E-2</c:v>
                </c:pt>
                <c:pt idx="4">
                  <c:v>4.8497915267944301E-2</c:v>
                </c:pt>
                <c:pt idx="5">
                  <c:v>5.79525716602802E-2</c:v>
                </c:pt>
                <c:pt idx="6">
                  <c:v>3.7467610090971E-2</c:v>
                </c:pt>
                <c:pt idx="7">
                  <c:v>6.1947803944349303E-2</c:v>
                </c:pt>
                <c:pt idx="8">
                  <c:v>4.8648141324520097E-2</c:v>
                </c:pt>
                <c:pt idx="9">
                  <c:v>5.2862238138914101E-2</c:v>
                </c:pt>
                <c:pt idx="10">
                  <c:v>4.62979152798653E-2</c:v>
                </c:pt>
                <c:pt idx="11">
                  <c:v>4.7802489250898403E-2</c:v>
                </c:pt>
                <c:pt idx="12">
                  <c:v>6.0215968638658503E-2</c:v>
                </c:pt>
                <c:pt idx="13">
                  <c:v>6.3497468829154996E-2</c:v>
                </c:pt>
                <c:pt idx="14">
                  <c:v>7.3021031916141496E-2</c:v>
                </c:pt>
                <c:pt idx="15">
                  <c:v>7.6150611042976393E-2</c:v>
                </c:pt>
                <c:pt idx="16">
                  <c:v>6.50658309459686E-2</c:v>
                </c:pt>
                <c:pt idx="17">
                  <c:v>7.4993930757045704E-2</c:v>
                </c:pt>
                <c:pt idx="18">
                  <c:v>7.4682563543319702E-2</c:v>
                </c:pt>
                <c:pt idx="19">
                  <c:v>7.8237853944301605E-2</c:v>
                </c:pt>
                <c:pt idx="20">
                  <c:v>8.1456288695335402E-2</c:v>
                </c:pt>
                <c:pt idx="21">
                  <c:v>8.5039064288139302E-2</c:v>
                </c:pt>
                <c:pt idx="22">
                  <c:v>9.4267241656780201E-2</c:v>
                </c:pt>
                <c:pt idx="23">
                  <c:v>9.8321914672851604E-2</c:v>
                </c:pt>
                <c:pt idx="24">
                  <c:v>0.106680028140545</c:v>
                </c:pt>
                <c:pt idx="25">
                  <c:v>0.105300322175026</c:v>
                </c:pt>
                <c:pt idx="26">
                  <c:v>0.102509468793869</c:v>
                </c:pt>
                <c:pt idx="27">
                  <c:v>0.11719914525747301</c:v>
                </c:pt>
                <c:pt idx="28">
                  <c:v>0.11590592563152299</c:v>
                </c:pt>
                <c:pt idx="29">
                  <c:v>0.12653189897537201</c:v>
                </c:pt>
                <c:pt idx="30">
                  <c:v>0.124609157443047</c:v>
                </c:pt>
                <c:pt idx="31">
                  <c:v>0.13862790167331701</c:v>
                </c:pt>
                <c:pt idx="32">
                  <c:v>0.148226007819176</c:v>
                </c:pt>
                <c:pt idx="33">
                  <c:v>0.16647772490978199</c:v>
                </c:pt>
                <c:pt idx="34">
                  <c:v>0.18084004521369901</c:v>
                </c:pt>
                <c:pt idx="35">
                  <c:v>0.166944339871407</c:v>
                </c:pt>
                <c:pt idx="36">
                  <c:v>0.18557898700237299</c:v>
                </c:pt>
                <c:pt idx="37">
                  <c:v>0.177905693650246</c:v>
                </c:pt>
                <c:pt idx="38">
                  <c:v>0.208374723792076</c:v>
                </c:pt>
                <c:pt idx="39">
                  <c:v>0.182645559310913</c:v>
                </c:pt>
                <c:pt idx="40">
                  <c:v>0.18201054632663699</c:v>
                </c:pt>
                <c:pt idx="41">
                  <c:v>0.18836808204650901</c:v>
                </c:pt>
                <c:pt idx="42">
                  <c:v>0.17725421488285101</c:v>
                </c:pt>
                <c:pt idx="43">
                  <c:v>0.16926763951778401</c:v>
                </c:pt>
                <c:pt idx="44">
                  <c:v>0.18829885125160201</c:v>
                </c:pt>
                <c:pt idx="45">
                  <c:v>0.17683741450309801</c:v>
                </c:pt>
                <c:pt idx="46">
                  <c:v>0.189443320035934</c:v>
                </c:pt>
                <c:pt idx="47">
                  <c:v>0.18643212318420399</c:v>
                </c:pt>
                <c:pt idx="48">
                  <c:v>0.18319587409496299</c:v>
                </c:pt>
                <c:pt idx="49">
                  <c:v>0.18239650130271901</c:v>
                </c:pt>
                <c:pt idx="50">
                  <c:v>0.17012423276901201</c:v>
                </c:pt>
                <c:pt idx="51">
                  <c:v>0.19300822913646701</c:v>
                </c:pt>
                <c:pt idx="52">
                  <c:v>0.19052094221115101</c:v>
                </c:pt>
                <c:pt idx="53">
                  <c:v>0.19319327175617201</c:v>
                </c:pt>
                <c:pt idx="54">
                  <c:v>0.21222312748432201</c:v>
                </c:pt>
                <c:pt idx="55">
                  <c:v>0.19063943624496499</c:v>
                </c:pt>
                <c:pt idx="56">
                  <c:v>0.19898828864097601</c:v>
                </c:pt>
                <c:pt idx="57">
                  <c:v>0.21904847025871299</c:v>
                </c:pt>
                <c:pt idx="58">
                  <c:v>0.209347173571587</c:v>
                </c:pt>
                <c:pt idx="59">
                  <c:v>0.23126344382762901</c:v>
                </c:pt>
                <c:pt idx="60">
                  <c:v>0.20933157205581701</c:v>
                </c:pt>
                <c:pt idx="61">
                  <c:v>0.23835159838199599</c:v>
                </c:pt>
                <c:pt idx="62">
                  <c:v>0.227818489074707</c:v>
                </c:pt>
                <c:pt idx="63">
                  <c:v>0.243512898683548</c:v>
                </c:pt>
                <c:pt idx="64">
                  <c:v>0.245156079530716</c:v>
                </c:pt>
                <c:pt idx="65">
                  <c:v>0.25951248407363903</c:v>
                </c:pt>
                <c:pt idx="66">
                  <c:v>0.27317351102829002</c:v>
                </c:pt>
                <c:pt idx="67">
                  <c:v>0.27851948142051702</c:v>
                </c:pt>
                <c:pt idx="68">
                  <c:v>0.29024752974510198</c:v>
                </c:pt>
                <c:pt idx="69">
                  <c:v>0.28197452425956698</c:v>
                </c:pt>
                <c:pt idx="70">
                  <c:v>0.29218819737434398</c:v>
                </c:pt>
                <c:pt idx="71">
                  <c:v>0.28736129403114302</c:v>
                </c:pt>
                <c:pt idx="72">
                  <c:v>0.29629355669021601</c:v>
                </c:pt>
                <c:pt idx="73">
                  <c:v>0.27771323919296298</c:v>
                </c:pt>
                <c:pt idx="74">
                  <c:v>0.27478948235511802</c:v>
                </c:pt>
                <c:pt idx="75">
                  <c:v>0.29077753424644498</c:v>
                </c:pt>
                <c:pt idx="76">
                  <c:v>0.301675945520401</c:v>
                </c:pt>
                <c:pt idx="77">
                  <c:v>0.29633194208145103</c:v>
                </c:pt>
                <c:pt idx="78">
                  <c:v>0.35606074333190901</c:v>
                </c:pt>
                <c:pt idx="79">
                  <c:v>0.34827578067779502</c:v>
                </c:pt>
                <c:pt idx="80">
                  <c:v>0.3453009724617</c:v>
                </c:pt>
                <c:pt idx="81">
                  <c:v>0.33847200870513899</c:v>
                </c:pt>
                <c:pt idx="82">
                  <c:v>0.34041082859039301</c:v>
                </c:pt>
                <c:pt idx="83">
                  <c:v>0.32879725098609902</c:v>
                </c:pt>
                <c:pt idx="84">
                  <c:v>0.33688116073608398</c:v>
                </c:pt>
                <c:pt idx="85">
                  <c:v>0.34151354432106001</c:v>
                </c:pt>
                <c:pt idx="86">
                  <c:v>0.329138994216919</c:v>
                </c:pt>
                <c:pt idx="87">
                  <c:v>0.321932762861252</c:v>
                </c:pt>
                <c:pt idx="88">
                  <c:v>0.32258844375610402</c:v>
                </c:pt>
                <c:pt idx="89">
                  <c:v>0.298360764980316</c:v>
                </c:pt>
                <c:pt idx="90">
                  <c:v>0.334013491868973</c:v>
                </c:pt>
                <c:pt idx="91">
                  <c:v>0.32161292433738697</c:v>
                </c:pt>
                <c:pt idx="92">
                  <c:v>0.34212163090705899</c:v>
                </c:pt>
                <c:pt idx="93">
                  <c:v>0.308428555727005</c:v>
                </c:pt>
                <c:pt idx="94">
                  <c:v>0.33566728234291099</c:v>
                </c:pt>
                <c:pt idx="95">
                  <c:v>0.31095087528228799</c:v>
                </c:pt>
                <c:pt idx="96">
                  <c:v>0.34262758493423501</c:v>
                </c:pt>
                <c:pt idx="97">
                  <c:v>0.31282702088356001</c:v>
                </c:pt>
                <c:pt idx="98">
                  <c:v>0.32109647989273099</c:v>
                </c:pt>
                <c:pt idx="99">
                  <c:v>0.322649747133255</c:v>
                </c:pt>
                <c:pt idx="100">
                  <c:v>0.33620074391365101</c:v>
                </c:pt>
                <c:pt idx="101">
                  <c:v>0.31542068719863903</c:v>
                </c:pt>
                <c:pt idx="102">
                  <c:v>0.27253279089927701</c:v>
                </c:pt>
                <c:pt idx="103">
                  <c:v>0.29692807793617199</c:v>
                </c:pt>
                <c:pt idx="104">
                  <c:v>0.32710635662078902</c:v>
                </c:pt>
                <c:pt idx="105">
                  <c:v>0.33953696489334101</c:v>
                </c:pt>
                <c:pt idx="106">
                  <c:v>0.318736553192139</c:v>
                </c:pt>
                <c:pt idx="107">
                  <c:v>0.31562128663062999</c:v>
                </c:pt>
                <c:pt idx="108">
                  <c:v>0.32137864828109702</c:v>
                </c:pt>
                <c:pt idx="109">
                  <c:v>0.33317476511001598</c:v>
                </c:pt>
                <c:pt idx="110">
                  <c:v>0.33477181196212802</c:v>
                </c:pt>
                <c:pt idx="111">
                  <c:v>0.33348253369331399</c:v>
                </c:pt>
                <c:pt idx="112">
                  <c:v>0.32892933487892201</c:v>
                </c:pt>
                <c:pt idx="113">
                  <c:v>0.31954425573348999</c:v>
                </c:pt>
                <c:pt idx="114">
                  <c:v>0.3250412940979</c:v>
                </c:pt>
                <c:pt idx="115">
                  <c:v>0.33606210350990301</c:v>
                </c:pt>
                <c:pt idx="116">
                  <c:v>0.31419754028320301</c:v>
                </c:pt>
                <c:pt idx="117">
                  <c:v>0.33417287468910201</c:v>
                </c:pt>
                <c:pt idx="118">
                  <c:v>0.30914258956909202</c:v>
                </c:pt>
                <c:pt idx="119">
                  <c:v>0.30829647183418302</c:v>
                </c:pt>
                <c:pt idx="120">
                  <c:v>0.306518495082855</c:v>
                </c:pt>
                <c:pt idx="121">
                  <c:v>0.35310205817222601</c:v>
                </c:pt>
                <c:pt idx="122">
                  <c:v>0.34522491693496699</c:v>
                </c:pt>
                <c:pt idx="123">
                  <c:v>0.34742248058319097</c:v>
                </c:pt>
                <c:pt idx="124">
                  <c:v>0.33682280778884899</c:v>
                </c:pt>
                <c:pt idx="125">
                  <c:v>0.32731646299362199</c:v>
                </c:pt>
                <c:pt idx="126">
                  <c:v>0.30836424231529203</c:v>
                </c:pt>
                <c:pt idx="127">
                  <c:v>0.29591849446296697</c:v>
                </c:pt>
                <c:pt idx="128">
                  <c:v>0.30465966463089</c:v>
                </c:pt>
                <c:pt idx="129">
                  <c:v>0.31430006027221702</c:v>
                </c:pt>
                <c:pt idx="130">
                  <c:v>0.32270219922065702</c:v>
                </c:pt>
                <c:pt idx="131">
                  <c:v>0.32370755076408397</c:v>
                </c:pt>
                <c:pt idx="132">
                  <c:v>0.29258269071579002</c:v>
                </c:pt>
                <c:pt idx="133">
                  <c:v>0.33585950732231101</c:v>
                </c:pt>
                <c:pt idx="134">
                  <c:v>0.28350102901458701</c:v>
                </c:pt>
                <c:pt idx="135">
                  <c:v>0.33881512284278897</c:v>
                </c:pt>
                <c:pt idx="136">
                  <c:v>0.27945527434349099</c:v>
                </c:pt>
                <c:pt idx="137">
                  <c:v>0.32397112250328097</c:v>
                </c:pt>
                <c:pt idx="138">
                  <c:v>0.28679412603378301</c:v>
                </c:pt>
                <c:pt idx="139">
                  <c:v>0.29887786507606501</c:v>
                </c:pt>
                <c:pt idx="140">
                  <c:v>0.29149895906448398</c:v>
                </c:pt>
                <c:pt idx="141">
                  <c:v>0.31060755252838101</c:v>
                </c:pt>
                <c:pt idx="142">
                  <c:v>0.30495262145996099</c:v>
                </c:pt>
                <c:pt idx="143">
                  <c:v>0.30307200551032998</c:v>
                </c:pt>
                <c:pt idx="144">
                  <c:v>0.294429421424866</c:v>
                </c:pt>
                <c:pt idx="145">
                  <c:v>0.30405110120773299</c:v>
                </c:pt>
                <c:pt idx="146">
                  <c:v>0.30295988917350802</c:v>
                </c:pt>
                <c:pt idx="147">
                  <c:v>0.30810296535491899</c:v>
                </c:pt>
                <c:pt idx="148">
                  <c:v>0.310545444488525</c:v>
                </c:pt>
                <c:pt idx="149">
                  <c:v>0.30624786019325301</c:v>
                </c:pt>
                <c:pt idx="150">
                  <c:v>0.29297173023223899</c:v>
                </c:pt>
                <c:pt idx="151">
                  <c:v>0.30025586485862699</c:v>
                </c:pt>
                <c:pt idx="152">
                  <c:v>0.30160757899284402</c:v>
                </c:pt>
                <c:pt idx="153">
                  <c:v>0.305483609437943</c:v>
                </c:pt>
                <c:pt idx="154">
                  <c:v>0.291207164525986</c:v>
                </c:pt>
                <c:pt idx="155">
                  <c:v>0.28718605637550398</c:v>
                </c:pt>
                <c:pt idx="156">
                  <c:v>0.28745520114898698</c:v>
                </c:pt>
                <c:pt idx="157">
                  <c:v>0.274075567722321</c:v>
                </c:pt>
                <c:pt idx="158">
                  <c:v>0.28239139914512601</c:v>
                </c:pt>
                <c:pt idx="159">
                  <c:v>0.27442023158073398</c:v>
                </c:pt>
                <c:pt idx="160">
                  <c:v>0.267526805400848</c:v>
                </c:pt>
                <c:pt idx="161">
                  <c:v>0.26283660531044001</c:v>
                </c:pt>
                <c:pt idx="162">
                  <c:v>0.26189249753951999</c:v>
                </c:pt>
                <c:pt idx="163">
                  <c:v>0.243555322289467</c:v>
                </c:pt>
                <c:pt idx="164">
                  <c:v>0.23127719759941101</c:v>
                </c:pt>
                <c:pt idx="165">
                  <c:v>0.199299916625023</c:v>
                </c:pt>
                <c:pt idx="166">
                  <c:v>0.22794915735721599</c:v>
                </c:pt>
                <c:pt idx="167">
                  <c:v>0.19184441864490501</c:v>
                </c:pt>
                <c:pt idx="168">
                  <c:v>0.21019272506236999</c:v>
                </c:pt>
                <c:pt idx="169">
                  <c:v>0.20153827965259599</c:v>
                </c:pt>
                <c:pt idx="170">
                  <c:v>0.18971586227417001</c:v>
                </c:pt>
                <c:pt idx="171">
                  <c:v>0.212618619203568</c:v>
                </c:pt>
                <c:pt idx="172">
                  <c:v>0.18005830049514801</c:v>
                </c:pt>
                <c:pt idx="173">
                  <c:v>0.180819541215897</c:v>
                </c:pt>
                <c:pt idx="174">
                  <c:v>0.174389883875847</c:v>
                </c:pt>
                <c:pt idx="175">
                  <c:v>0.19325913488864899</c:v>
                </c:pt>
                <c:pt idx="176">
                  <c:v>0.17282629013061501</c:v>
                </c:pt>
                <c:pt idx="177">
                  <c:v>0.182603970170021</c:v>
                </c:pt>
                <c:pt idx="178">
                  <c:v>0.168085873126984</c:v>
                </c:pt>
                <c:pt idx="179">
                  <c:v>0.18130043148994399</c:v>
                </c:pt>
                <c:pt idx="180">
                  <c:v>0.16568960249424</c:v>
                </c:pt>
                <c:pt idx="181">
                  <c:v>0.16429442167282099</c:v>
                </c:pt>
                <c:pt idx="182">
                  <c:v>0.15647305548191101</c:v>
                </c:pt>
                <c:pt idx="183">
                  <c:v>0.17088547348976099</c:v>
                </c:pt>
                <c:pt idx="184">
                  <c:v>0.163174644112587</c:v>
                </c:pt>
                <c:pt idx="185">
                  <c:v>0.17287822067737599</c:v>
                </c:pt>
                <c:pt idx="186">
                  <c:v>0.164913609623909</c:v>
                </c:pt>
                <c:pt idx="187">
                  <c:v>0.17431198060512501</c:v>
                </c:pt>
                <c:pt idx="188">
                  <c:v>0.18365530669689201</c:v>
                </c:pt>
                <c:pt idx="189">
                  <c:v>0.15595205128192899</c:v>
                </c:pt>
                <c:pt idx="190">
                  <c:v>0.17359741032123599</c:v>
                </c:pt>
                <c:pt idx="191">
                  <c:v>0.17987425625324199</c:v>
                </c:pt>
                <c:pt idx="192">
                  <c:v>0.169201880693436</c:v>
                </c:pt>
                <c:pt idx="193">
                  <c:v>0.166923657059669</c:v>
                </c:pt>
                <c:pt idx="194">
                  <c:v>0.16092763841152199</c:v>
                </c:pt>
                <c:pt idx="195">
                  <c:v>0.16722486913204199</c:v>
                </c:pt>
                <c:pt idx="196">
                  <c:v>0.16356082260608701</c:v>
                </c:pt>
                <c:pt idx="197">
                  <c:v>0.14732405543327301</c:v>
                </c:pt>
                <c:pt idx="198">
                  <c:v>0.124234661459923</c:v>
                </c:pt>
                <c:pt idx="199">
                  <c:v>0.111740827560425</c:v>
                </c:pt>
                <c:pt idx="200">
                  <c:v>0.10394924879074099</c:v>
                </c:pt>
                <c:pt idx="201">
                  <c:v>0.11045644432306299</c:v>
                </c:pt>
                <c:pt idx="202">
                  <c:v>9.5432840287685394E-2</c:v>
                </c:pt>
                <c:pt idx="203">
                  <c:v>9.30052250623703E-2</c:v>
                </c:pt>
                <c:pt idx="204">
                  <c:v>8.1818133592605605E-2</c:v>
                </c:pt>
                <c:pt idx="205">
                  <c:v>8.5513465106487302E-2</c:v>
                </c:pt>
                <c:pt idx="206">
                  <c:v>7.7021151781082195E-2</c:v>
                </c:pt>
                <c:pt idx="207">
                  <c:v>8.0143444240093203E-2</c:v>
                </c:pt>
                <c:pt idx="208">
                  <c:v>7.0921011269092601E-2</c:v>
                </c:pt>
                <c:pt idx="209">
                  <c:v>6.1203252524137497E-2</c:v>
                </c:pt>
                <c:pt idx="210">
                  <c:v>7.0958338677883107E-2</c:v>
                </c:pt>
                <c:pt idx="211">
                  <c:v>6.1780594289302798E-2</c:v>
                </c:pt>
                <c:pt idx="212">
                  <c:v>6.0169227421283701E-2</c:v>
                </c:pt>
                <c:pt idx="213">
                  <c:v>5.8245692402124398E-2</c:v>
                </c:pt>
                <c:pt idx="214">
                  <c:v>4.86375615000725E-2</c:v>
                </c:pt>
                <c:pt idx="215">
                  <c:v>4.7396730631589903E-2</c:v>
                </c:pt>
                <c:pt idx="216">
                  <c:v>4.4554315507411998E-2</c:v>
                </c:pt>
                <c:pt idx="217">
                  <c:v>3.7213951349258402E-2</c:v>
                </c:pt>
                <c:pt idx="218">
                  <c:v>3.6308851093053797E-2</c:v>
                </c:pt>
                <c:pt idx="219">
                  <c:v>3.3483084291219697E-2</c:v>
                </c:pt>
                <c:pt idx="220">
                  <c:v>2.5306668132543599E-2</c:v>
                </c:pt>
                <c:pt idx="221">
                  <c:v>2.5480287149548499E-2</c:v>
                </c:pt>
                <c:pt idx="222">
                  <c:v>5.01553807407618E-3</c:v>
                </c:pt>
                <c:pt idx="223">
                  <c:v>9.8733045160770399E-3</c:v>
                </c:pt>
                <c:pt idx="224">
                  <c:v>1.8778218654915699E-3</c:v>
                </c:pt>
                <c:pt idx="225">
                  <c:v>3.00970650278032E-3</c:v>
                </c:pt>
                <c:pt idx="226">
                  <c:v>2.27091880515218E-3</c:v>
                </c:pt>
                <c:pt idx="227">
                  <c:v>1.8048211932182302E-2</c:v>
                </c:pt>
                <c:pt idx="228">
                  <c:v>4.8991754651069599E-2</c:v>
                </c:pt>
                <c:pt idx="229">
                  <c:v>1.858409121632580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4F9A-44C7-A2D6-0195D2EA7715}"/>
            </c:ext>
          </c:extLst>
        </c:ser>
        <c:ser>
          <c:idx val="6"/>
          <c:order val="1"/>
          <c:tx>
            <c:v>5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>
                  <a:lumMod val="60000"/>
                </a:schemeClr>
              </a:solidFill>
              <a:ln w="9525">
                <a:solidFill>
                  <a:schemeClr val="accent1">
                    <a:lumMod val="60000"/>
                  </a:schemeClr>
                </a:solidFill>
              </a:ln>
              <a:effectLst/>
            </c:spPr>
          </c:marker>
          <c:xVal>
            <c:numRef>
              <c:f>Type_4_6__5___._1_thixotropy_rw!$F$2:$F$231</c:f>
              <c:numCache>
                <c:formatCode>General</c:formatCode>
                <c:ptCount val="230"/>
                <c:pt idx="0">
                  <c:v>0.92629134654998802</c:v>
                </c:pt>
                <c:pt idx="1">
                  <c:v>1.9262136220932</c:v>
                </c:pt>
                <c:pt idx="2">
                  <c:v>2.9263513088226301</c:v>
                </c:pt>
                <c:pt idx="3">
                  <c:v>3.9263162612914999</c:v>
                </c:pt>
                <c:pt idx="4">
                  <c:v>4.9263024330139196</c:v>
                </c:pt>
                <c:pt idx="5">
                  <c:v>5.9261674880981401</c:v>
                </c:pt>
                <c:pt idx="6">
                  <c:v>6.9288129806518599</c:v>
                </c:pt>
                <c:pt idx="7">
                  <c:v>7.9287843704223597</c:v>
                </c:pt>
                <c:pt idx="8">
                  <c:v>8.9289026260375994</c:v>
                </c:pt>
                <c:pt idx="9">
                  <c:v>9.9289960861206108</c:v>
                </c:pt>
                <c:pt idx="10">
                  <c:v>10.926317214965801</c:v>
                </c:pt>
                <c:pt idx="11">
                  <c:v>11.926307678222701</c:v>
                </c:pt>
                <c:pt idx="12">
                  <c:v>12.9264888763428</c:v>
                </c:pt>
                <c:pt idx="13">
                  <c:v>13.926652908325201</c:v>
                </c:pt>
                <c:pt idx="14">
                  <c:v>14.926682472229</c:v>
                </c:pt>
                <c:pt idx="15">
                  <c:v>15.926659584045399</c:v>
                </c:pt>
                <c:pt idx="16">
                  <c:v>16.926557540893601</c:v>
                </c:pt>
                <c:pt idx="17">
                  <c:v>17.92626953125</c:v>
                </c:pt>
                <c:pt idx="18">
                  <c:v>18.9263095855713</c:v>
                </c:pt>
                <c:pt idx="19">
                  <c:v>19.9258117675781</c:v>
                </c:pt>
                <c:pt idx="20">
                  <c:v>20.925514221191399</c:v>
                </c:pt>
                <c:pt idx="21">
                  <c:v>21.9253826141357</c:v>
                </c:pt>
                <c:pt idx="22">
                  <c:v>22.925296783447301</c:v>
                </c:pt>
                <c:pt idx="23">
                  <c:v>23.924812316894499</c:v>
                </c:pt>
                <c:pt idx="24">
                  <c:v>24.924860000610401</c:v>
                </c:pt>
                <c:pt idx="25">
                  <c:v>25.924299240112301</c:v>
                </c:pt>
                <c:pt idx="26">
                  <c:v>26.924360275268601</c:v>
                </c:pt>
                <c:pt idx="27">
                  <c:v>27.924074172973601</c:v>
                </c:pt>
                <c:pt idx="28">
                  <c:v>28.923866271972699</c:v>
                </c:pt>
                <c:pt idx="29">
                  <c:v>29.923406600952099</c:v>
                </c:pt>
                <c:pt idx="30">
                  <c:v>30.92333984375</c:v>
                </c:pt>
                <c:pt idx="31">
                  <c:v>31.922878265380898</c:v>
                </c:pt>
                <c:pt idx="32">
                  <c:v>32.9254150390625</c:v>
                </c:pt>
                <c:pt idx="33">
                  <c:v>33.925327301025398</c:v>
                </c:pt>
                <c:pt idx="34">
                  <c:v>34.924873352050803</c:v>
                </c:pt>
                <c:pt idx="35">
                  <c:v>35.924903869628899</c:v>
                </c:pt>
                <c:pt idx="36">
                  <c:v>36.924449920654297</c:v>
                </c:pt>
                <c:pt idx="37">
                  <c:v>37.9239311218262</c:v>
                </c:pt>
                <c:pt idx="38">
                  <c:v>38.923957824707003</c:v>
                </c:pt>
                <c:pt idx="39">
                  <c:v>39.9239311218262</c:v>
                </c:pt>
                <c:pt idx="40">
                  <c:v>40.923614501953097</c:v>
                </c:pt>
                <c:pt idx="41">
                  <c:v>41.923286437988303</c:v>
                </c:pt>
                <c:pt idx="42">
                  <c:v>42.923126220703097</c:v>
                </c:pt>
                <c:pt idx="43">
                  <c:v>43.922607421875</c:v>
                </c:pt>
                <c:pt idx="44">
                  <c:v>44.922683715820298</c:v>
                </c:pt>
                <c:pt idx="45">
                  <c:v>45.922389984130902</c:v>
                </c:pt>
                <c:pt idx="46">
                  <c:v>46.921710968017599</c:v>
                </c:pt>
                <c:pt idx="47">
                  <c:v>47.921333312988303</c:v>
                </c:pt>
                <c:pt idx="48">
                  <c:v>48.921558380127003</c:v>
                </c:pt>
                <c:pt idx="49">
                  <c:v>49.921222686767599</c:v>
                </c:pt>
                <c:pt idx="50">
                  <c:v>50.921222686767599</c:v>
                </c:pt>
                <c:pt idx="51">
                  <c:v>51.920925140380902</c:v>
                </c:pt>
                <c:pt idx="52">
                  <c:v>52.919872283935497</c:v>
                </c:pt>
                <c:pt idx="53">
                  <c:v>53.920047760009801</c:v>
                </c:pt>
                <c:pt idx="54">
                  <c:v>54.9195365905762</c:v>
                </c:pt>
                <c:pt idx="55">
                  <c:v>55.919712066650398</c:v>
                </c:pt>
                <c:pt idx="56">
                  <c:v>56.918998718261697</c:v>
                </c:pt>
                <c:pt idx="57">
                  <c:v>57.9191284179688</c:v>
                </c:pt>
                <c:pt idx="58">
                  <c:v>58.919239044189503</c:v>
                </c:pt>
                <c:pt idx="59">
                  <c:v>59.918506622314503</c:v>
                </c:pt>
                <c:pt idx="60">
                  <c:v>60.919197082519503</c:v>
                </c:pt>
                <c:pt idx="61">
                  <c:v>61.917617797851598</c:v>
                </c:pt>
                <c:pt idx="62">
                  <c:v>62.918319702148402</c:v>
                </c:pt>
                <c:pt idx="63">
                  <c:v>63.918041229247997</c:v>
                </c:pt>
                <c:pt idx="64">
                  <c:v>64.917640686035199</c:v>
                </c:pt>
                <c:pt idx="65">
                  <c:v>65.917991638183594</c:v>
                </c:pt>
                <c:pt idx="66">
                  <c:v>66.915924072265597</c:v>
                </c:pt>
                <c:pt idx="67">
                  <c:v>67.916511535644503</c:v>
                </c:pt>
                <c:pt idx="68">
                  <c:v>68.916534423828097</c:v>
                </c:pt>
                <c:pt idx="69">
                  <c:v>69.916053771972699</c:v>
                </c:pt>
                <c:pt idx="70">
                  <c:v>70.916122436523395</c:v>
                </c:pt>
                <c:pt idx="71">
                  <c:v>71.916168212890597</c:v>
                </c:pt>
                <c:pt idx="72">
                  <c:v>72.915290832519503</c:v>
                </c:pt>
                <c:pt idx="73">
                  <c:v>73.915267944335895</c:v>
                </c:pt>
                <c:pt idx="74">
                  <c:v>74.914649963378906</c:v>
                </c:pt>
                <c:pt idx="75">
                  <c:v>75.914886474609403</c:v>
                </c:pt>
                <c:pt idx="76">
                  <c:v>76.915229797363295</c:v>
                </c:pt>
                <c:pt idx="77">
                  <c:v>77.913658142089801</c:v>
                </c:pt>
                <c:pt idx="78">
                  <c:v>78.913673400878906</c:v>
                </c:pt>
                <c:pt idx="79">
                  <c:v>79.914039611816406</c:v>
                </c:pt>
                <c:pt idx="80">
                  <c:v>80.914070129394503</c:v>
                </c:pt>
                <c:pt idx="81">
                  <c:v>81.913734436035199</c:v>
                </c:pt>
                <c:pt idx="82">
                  <c:v>82.913192749023395</c:v>
                </c:pt>
                <c:pt idx="83">
                  <c:v>83.912132263183594</c:v>
                </c:pt>
                <c:pt idx="84">
                  <c:v>84.913581848144503</c:v>
                </c:pt>
                <c:pt idx="85">
                  <c:v>85.913764953613295</c:v>
                </c:pt>
                <c:pt idx="86">
                  <c:v>86.912422180175795</c:v>
                </c:pt>
                <c:pt idx="87">
                  <c:v>87.911506652832003</c:v>
                </c:pt>
                <c:pt idx="88">
                  <c:v>88.912223815917997</c:v>
                </c:pt>
                <c:pt idx="89">
                  <c:v>89.911453247070298</c:v>
                </c:pt>
                <c:pt idx="90">
                  <c:v>90.91162109375</c:v>
                </c:pt>
                <c:pt idx="91">
                  <c:v>91.909706115722699</c:v>
                </c:pt>
                <c:pt idx="92">
                  <c:v>92.910331726074205</c:v>
                </c:pt>
                <c:pt idx="93">
                  <c:v>93.910476684570298</c:v>
                </c:pt>
                <c:pt idx="94">
                  <c:v>94.9105224609375</c:v>
                </c:pt>
                <c:pt idx="95">
                  <c:v>95.910362243652301</c:v>
                </c:pt>
                <c:pt idx="96">
                  <c:v>96.910705566406307</c:v>
                </c:pt>
                <c:pt idx="97">
                  <c:v>97.908119201660199</c:v>
                </c:pt>
                <c:pt idx="98">
                  <c:v>98.909606933593807</c:v>
                </c:pt>
                <c:pt idx="99">
                  <c:v>99.908966064453097</c:v>
                </c:pt>
                <c:pt idx="100">
                  <c:v>100.000541687012</c:v>
                </c:pt>
                <c:pt idx="101">
                  <c:v>99.999496459960895</c:v>
                </c:pt>
                <c:pt idx="102">
                  <c:v>100.00067138671901</c:v>
                </c:pt>
                <c:pt idx="103">
                  <c:v>100.00050354003901</c:v>
                </c:pt>
                <c:pt idx="104">
                  <c:v>99.998336791992202</c:v>
                </c:pt>
                <c:pt idx="105">
                  <c:v>100.001792907715</c:v>
                </c:pt>
                <c:pt idx="106">
                  <c:v>99.999565124511705</c:v>
                </c:pt>
                <c:pt idx="107">
                  <c:v>99.999603271484403</c:v>
                </c:pt>
                <c:pt idx="108">
                  <c:v>100.00067138671901</c:v>
                </c:pt>
                <c:pt idx="109">
                  <c:v>100.00114440918</c:v>
                </c:pt>
                <c:pt idx="110">
                  <c:v>100.00017547607401</c:v>
                </c:pt>
                <c:pt idx="111">
                  <c:v>100.001815795898</c:v>
                </c:pt>
                <c:pt idx="112">
                  <c:v>100.000038146973</c:v>
                </c:pt>
                <c:pt idx="113">
                  <c:v>100.000106811523</c:v>
                </c:pt>
                <c:pt idx="114">
                  <c:v>100.00066375732401</c:v>
                </c:pt>
                <c:pt idx="115">
                  <c:v>100.000450134277</c:v>
                </c:pt>
                <c:pt idx="116">
                  <c:v>100.000274658203</c:v>
                </c:pt>
                <c:pt idx="117">
                  <c:v>100.00065612793</c:v>
                </c:pt>
                <c:pt idx="118">
                  <c:v>99.999900817871094</c:v>
                </c:pt>
                <c:pt idx="119">
                  <c:v>100.00006866455099</c:v>
                </c:pt>
                <c:pt idx="120">
                  <c:v>99.999275207519503</c:v>
                </c:pt>
                <c:pt idx="121">
                  <c:v>99.999641418457003</c:v>
                </c:pt>
                <c:pt idx="122">
                  <c:v>99.999908447265597</c:v>
                </c:pt>
                <c:pt idx="123">
                  <c:v>99.999412536621094</c:v>
                </c:pt>
                <c:pt idx="124">
                  <c:v>100.001754760742</c:v>
                </c:pt>
                <c:pt idx="125">
                  <c:v>100.00178527832</c:v>
                </c:pt>
                <c:pt idx="126">
                  <c:v>99.999038696289105</c:v>
                </c:pt>
                <c:pt idx="127">
                  <c:v>100.000381469727</c:v>
                </c:pt>
                <c:pt idx="128">
                  <c:v>100.00090789794901</c:v>
                </c:pt>
                <c:pt idx="129">
                  <c:v>99.999008178710895</c:v>
                </c:pt>
                <c:pt idx="130">
                  <c:v>99.075477600097699</c:v>
                </c:pt>
                <c:pt idx="131">
                  <c:v>98.075401306152301</c:v>
                </c:pt>
                <c:pt idx="132">
                  <c:v>97.073066711425795</c:v>
                </c:pt>
                <c:pt idx="133">
                  <c:v>96.072769165039105</c:v>
                </c:pt>
                <c:pt idx="134">
                  <c:v>95.076950073242202</c:v>
                </c:pt>
                <c:pt idx="135">
                  <c:v>94.076477050781307</c:v>
                </c:pt>
                <c:pt idx="136">
                  <c:v>93.076126098632798</c:v>
                </c:pt>
                <c:pt idx="137">
                  <c:v>92.074089050292997</c:v>
                </c:pt>
                <c:pt idx="138">
                  <c:v>91.074546813964801</c:v>
                </c:pt>
                <c:pt idx="139">
                  <c:v>90.078392028808594</c:v>
                </c:pt>
                <c:pt idx="140">
                  <c:v>89.077224731445298</c:v>
                </c:pt>
                <c:pt idx="141">
                  <c:v>88.0780029296875</c:v>
                </c:pt>
                <c:pt idx="142">
                  <c:v>87.074989318847699</c:v>
                </c:pt>
                <c:pt idx="143">
                  <c:v>86.078193664550795</c:v>
                </c:pt>
                <c:pt idx="144">
                  <c:v>85.078414916992202</c:v>
                </c:pt>
                <c:pt idx="145">
                  <c:v>84.078598022460895</c:v>
                </c:pt>
                <c:pt idx="146">
                  <c:v>83.079254150390597</c:v>
                </c:pt>
                <c:pt idx="147">
                  <c:v>82.080184936523395</c:v>
                </c:pt>
                <c:pt idx="148">
                  <c:v>81.079017639160199</c:v>
                </c:pt>
                <c:pt idx="149">
                  <c:v>80.080215454101605</c:v>
                </c:pt>
                <c:pt idx="150">
                  <c:v>79.079772949218807</c:v>
                </c:pt>
                <c:pt idx="151">
                  <c:v>78.080596923828097</c:v>
                </c:pt>
                <c:pt idx="152">
                  <c:v>77.080772399902301</c:v>
                </c:pt>
                <c:pt idx="153">
                  <c:v>76.080772399902301</c:v>
                </c:pt>
                <c:pt idx="154">
                  <c:v>75.082420349121094</c:v>
                </c:pt>
                <c:pt idx="155">
                  <c:v>74.080879211425795</c:v>
                </c:pt>
                <c:pt idx="156">
                  <c:v>73.081443786621094</c:v>
                </c:pt>
                <c:pt idx="157">
                  <c:v>72.081581115722699</c:v>
                </c:pt>
                <c:pt idx="158">
                  <c:v>71.0821533203125</c:v>
                </c:pt>
                <c:pt idx="159">
                  <c:v>70.080986022949205</c:v>
                </c:pt>
                <c:pt idx="160">
                  <c:v>69.082145690917997</c:v>
                </c:pt>
                <c:pt idx="161">
                  <c:v>68.082382202148395</c:v>
                </c:pt>
                <c:pt idx="162">
                  <c:v>67.082107543945298</c:v>
                </c:pt>
                <c:pt idx="163">
                  <c:v>66.083541870117202</c:v>
                </c:pt>
                <c:pt idx="164">
                  <c:v>65.080764770507798</c:v>
                </c:pt>
                <c:pt idx="165">
                  <c:v>64.080474853515597</c:v>
                </c:pt>
                <c:pt idx="166">
                  <c:v>63.081413269042997</c:v>
                </c:pt>
                <c:pt idx="167">
                  <c:v>62.082130432128899</c:v>
                </c:pt>
                <c:pt idx="168">
                  <c:v>61.082611083984403</c:v>
                </c:pt>
                <c:pt idx="169">
                  <c:v>60.082103729247997</c:v>
                </c:pt>
                <c:pt idx="170">
                  <c:v>59.082046508789098</c:v>
                </c:pt>
                <c:pt idx="171">
                  <c:v>58.082832336425803</c:v>
                </c:pt>
                <c:pt idx="172">
                  <c:v>57.082614898681598</c:v>
                </c:pt>
                <c:pt idx="173">
                  <c:v>56.082748413085902</c:v>
                </c:pt>
                <c:pt idx="174">
                  <c:v>55.083328247070298</c:v>
                </c:pt>
                <c:pt idx="175">
                  <c:v>54.083995819091797</c:v>
                </c:pt>
                <c:pt idx="176">
                  <c:v>53.083511352539098</c:v>
                </c:pt>
                <c:pt idx="177">
                  <c:v>52.084312438964801</c:v>
                </c:pt>
                <c:pt idx="178">
                  <c:v>51.084445953369098</c:v>
                </c:pt>
                <c:pt idx="179">
                  <c:v>50.084568023681598</c:v>
                </c:pt>
                <c:pt idx="180">
                  <c:v>49.085437774658203</c:v>
                </c:pt>
                <c:pt idx="181">
                  <c:v>48.084903717041001</c:v>
                </c:pt>
                <c:pt idx="182">
                  <c:v>47.085109710693402</c:v>
                </c:pt>
                <c:pt idx="183">
                  <c:v>46.085670471191399</c:v>
                </c:pt>
                <c:pt idx="184">
                  <c:v>45.085433959960902</c:v>
                </c:pt>
                <c:pt idx="185">
                  <c:v>44.086441040039098</c:v>
                </c:pt>
                <c:pt idx="186">
                  <c:v>43.086357116699197</c:v>
                </c:pt>
                <c:pt idx="187">
                  <c:v>42.086524963378899</c:v>
                </c:pt>
                <c:pt idx="188">
                  <c:v>41.087013244628899</c:v>
                </c:pt>
                <c:pt idx="189">
                  <c:v>40.087150573730497</c:v>
                </c:pt>
                <c:pt idx="190">
                  <c:v>39.087059020996101</c:v>
                </c:pt>
                <c:pt idx="191">
                  <c:v>38.087043762207003</c:v>
                </c:pt>
                <c:pt idx="192">
                  <c:v>37.087398529052699</c:v>
                </c:pt>
                <c:pt idx="193">
                  <c:v>36.087917327880902</c:v>
                </c:pt>
                <c:pt idx="194">
                  <c:v>35.088909149169901</c:v>
                </c:pt>
                <c:pt idx="195">
                  <c:v>34.088150024414098</c:v>
                </c:pt>
                <c:pt idx="196">
                  <c:v>33.088264465332003</c:v>
                </c:pt>
                <c:pt idx="197">
                  <c:v>32.088760375976598</c:v>
                </c:pt>
                <c:pt idx="198">
                  <c:v>31.089097976684599</c:v>
                </c:pt>
                <c:pt idx="199">
                  <c:v>30.089378356933601</c:v>
                </c:pt>
                <c:pt idx="200">
                  <c:v>29.089584350585898</c:v>
                </c:pt>
                <c:pt idx="201">
                  <c:v>28.0898551940918</c:v>
                </c:pt>
                <c:pt idx="202">
                  <c:v>27.090019226074201</c:v>
                </c:pt>
                <c:pt idx="203">
                  <c:v>26.090192794799801</c:v>
                </c:pt>
                <c:pt idx="204">
                  <c:v>25.090635299682599</c:v>
                </c:pt>
                <c:pt idx="205">
                  <c:v>24.090934753418001</c:v>
                </c:pt>
                <c:pt idx="206">
                  <c:v>23.091041564941399</c:v>
                </c:pt>
                <c:pt idx="207">
                  <c:v>22.0912780761719</c:v>
                </c:pt>
                <c:pt idx="208">
                  <c:v>21.091773986816399</c:v>
                </c:pt>
                <c:pt idx="209">
                  <c:v>20.0918292999268</c:v>
                </c:pt>
                <c:pt idx="210">
                  <c:v>19.09202003479</c:v>
                </c:pt>
                <c:pt idx="211">
                  <c:v>18.0923957824707</c:v>
                </c:pt>
                <c:pt idx="212">
                  <c:v>17.092563629150401</c:v>
                </c:pt>
                <c:pt idx="213">
                  <c:v>16.092937469482401</c:v>
                </c:pt>
                <c:pt idx="214">
                  <c:v>15.0927076339722</c:v>
                </c:pt>
                <c:pt idx="215">
                  <c:v>14.0926160812378</c:v>
                </c:pt>
                <c:pt idx="216">
                  <c:v>13.092587471008301</c:v>
                </c:pt>
                <c:pt idx="217">
                  <c:v>12.092405319213899</c:v>
                </c:pt>
                <c:pt idx="218">
                  <c:v>11.092358589172401</c:v>
                </c:pt>
                <c:pt idx="219">
                  <c:v>10.0922136306763</c:v>
                </c:pt>
                <c:pt idx="220">
                  <c:v>9.0921154022216797</c:v>
                </c:pt>
                <c:pt idx="221">
                  <c:v>8.0920581817627006</c:v>
                </c:pt>
                <c:pt idx="222">
                  <c:v>7.0920848846435502</c:v>
                </c:pt>
                <c:pt idx="223">
                  <c:v>6.0921506881713903</c:v>
                </c:pt>
                <c:pt idx="224">
                  <c:v>5.0922384262084996</c:v>
                </c:pt>
                <c:pt idx="225">
                  <c:v>4.0923190116882298</c:v>
                </c:pt>
                <c:pt idx="226">
                  <c:v>3.0922644138336199</c:v>
                </c:pt>
                <c:pt idx="227">
                  <c:v>2.0922944545745898</c:v>
                </c:pt>
                <c:pt idx="228">
                  <c:v>1.0922557115554801</c:v>
                </c:pt>
                <c:pt idx="229">
                  <c:v>9.2282697558403001E-2</c:v>
                </c:pt>
              </c:numCache>
            </c:numRef>
          </c:xVal>
          <c:yVal>
            <c:numRef>
              <c:f>Type_4_6__5___._1_thixotropy_rw!$G$2:$G$231</c:f>
              <c:numCache>
                <c:formatCode>General</c:formatCode>
                <c:ptCount val="230"/>
                <c:pt idx="0">
                  <c:v>4.4347805976867702</c:v>
                </c:pt>
                <c:pt idx="1">
                  <c:v>1.0265645980835001</c:v>
                </c:pt>
                <c:pt idx="2">
                  <c:v>0.393364697694778</c:v>
                </c:pt>
                <c:pt idx="3">
                  <c:v>0.209994271397591</c:v>
                </c:pt>
                <c:pt idx="4">
                  <c:v>0.24155528843402899</c:v>
                </c:pt>
                <c:pt idx="5">
                  <c:v>0.19684216380119299</c:v>
                </c:pt>
                <c:pt idx="6">
                  <c:v>0.17772550880908999</c:v>
                </c:pt>
                <c:pt idx="7">
                  <c:v>0.17036606371402699</c:v>
                </c:pt>
                <c:pt idx="8">
                  <c:v>0.173059552907944</c:v>
                </c:pt>
                <c:pt idx="9">
                  <c:v>0.179435715079308</c:v>
                </c:pt>
                <c:pt idx="10">
                  <c:v>0.20726962387561801</c:v>
                </c:pt>
                <c:pt idx="11">
                  <c:v>0.21330919861793499</c:v>
                </c:pt>
                <c:pt idx="12">
                  <c:v>0.20304290950298301</c:v>
                </c:pt>
                <c:pt idx="13">
                  <c:v>0.167809873819351</c:v>
                </c:pt>
                <c:pt idx="14">
                  <c:v>0.169891446828842</c:v>
                </c:pt>
                <c:pt idx="15">
                  <c:v>0.17767657339572901</c:v>
                </c:pt>
                <c:pt idx="16">
                  <c:v>0.20863427221775099</c:v>
                </c:pt>
                <c:pt idx="17">
                  <c:v>0.25021252036094699</c:v>
                </c:pt>
                <c:pt idx="18">
                  <c:v>0.26954752206802401</c:v>
                </c:pt>
                <c:pt idx="19">
                  <c:v>0.25287383794784501</c:v>
                </c:pt>
                <c:pt idx="20">
                  <c:v>0.23173260688781699</c:v>
                </c:pt>
                <c:pt idx="21">
                  <c:v>0.237801939249039</c:v>
                </c:pt>
                <c:pt idx="22">
                  <c:v>0.18993715941906</c:v>
                </c:pt>
                <c:pt idx="23">
                  <c:v>0.21628947556018799</c:v>
                </c:pt>
                <c:pt idx="24">
                  <c:v>0.22910074889659901</c:v>
                </c:pt>
                <c:pt idx="25">
                  <c:v>0.208365723490715</c:v>
                </c:pt>
                <c:pt idx="26">
                  <c:v>0.24142560362815901</c:v>
                </c:pt>
                <c:pt idx="27">
                  <c:v>0.21427994966507</c:v>
                </c:pt>
                <c:pt idx="28">
                  <c:v>0.224054485559464</c:v>
                </c:pt>
                <c:pt idx="29">
                  <c:v>0.23671011626720401</c:v>
                </c:pt>
                <c:pt idx="30">
                  <c:v>0.26379847526550299</c:v>
                </c:pt>
                <c:pt idx="31">
                  <c:v>0.242792919278145</c:v>
                </c:pt>
                <c:pt idx="32">
                  <c:v>0.27758616209030201</c:v>
                </c:pt>
                <c:pt idx="33">
                  <c:v>0.26451703906059298</c:v>
                </c:pt>
                <c:pt idx="34">
                  <c:v>0.25765836238861101</c:v>
                </c:pt>
                <c:pt idx="35">
                  <c:v>0.28169408440589899</c:v>
                </c:pt>
                <c:pt idx="36">
                  <c:v>0.27504214644432101</c:v>
                </c:pt>
                <c:pt idx="37">
                  <c:v>0.301024109125137</c:v>
                </c:pt>
                <c:pt idx="38">
                  <c:v>0.31508630514144897</c:v>
                </c:pt>
                <c:pt idx="39">
                  <c:v>0.33166536688804599</c:v>
                </c:pt>
                <c:pt idx="40">
                  <c:v>0.29852092266082803</c:v>
                </c:pt>
                <c:pt idx="41">
                  <c:v>0.33734747767448398</c:v>
                </c:pt>
                <c:pt idx="42">
                  <c:v>0.32361373305320701</c:v>
                </c:pt>
                <c:pt idx="43">
                  <c:v>0.32018503546714799</c:v>
                </c:pt>
                <c:pt idx="44">
                  <c:v>0.328804790973663</c:v>
                </c:pt>
                <c:pt idx="45">
                  <c:v>0.33668476343154902</c:v>
                </c:pt>
                <c:pt idx="46">
                  <c:v>0.31589794158935502</c:v>
                </c:pt>
                <c:pt idx="47">
                  <c:v>0.343627959489822</c:v>
                </c:pt>
                <c:pt idx="48">
                  <c:v>0.32989108562469499</c:v>
                </c:pt>
                <c:pt idx="49">
                  <c:v>0.32175990939140298</c:v>
                </c:pt>
                <c:pt idx="50">
                  <c:v>0.33629027009010298</c:v>
                </c:pt>
                <c:pt idx="51">
                  <c:v>0.33312916755676297</c:v>
                </c:pt>
                <c:pt idx="52">
                  <c:v>0.38964688777923601</c:v>
                </c:pt>
                <c:pt idx="53">
                  <c:v>0.40335342288017301</c:v>
                </c:pt>
                <c:pt idx="54">
                  <c:v>0.361394762992859</c:v>
                </c:pt>
                <c:pt idx="55">
                  <c:v>0.37748602032661399</c:v>
                </c:pt>
                <c:pt idx="56">
                  <c:v>0.38971981406211897</c:v>
                </c:pt>
                <c:pt idx="57">
                  <c:v>0.39927887916564903</c:v>
                </c:pt>
                <c:pt idx="58">
                  <c:v>0.44001868367195102</c:v>
                </c:pt>
                <c:pt idx="59">
                  <c:v>0.42346286773681602</c:v>
                </c:pt>
                <c:pt idx="60">
                  <c:v>0.43891257047653198</c:v>
                </c:pt>
                <c:pt idx="61">
                  <c:v>0.43025234341621399</c:v>
                </c:pt>
                <c:pt idx="62">
                  <c:v>0.44454580545425398</c:v>
                </c:pt>
                <c:pt idx="63">
                  <c:v>0.43404155969619801</c:v>
                </c:pt>
                <c:pt idx="64">
                  <c:v>0.46887531876563998</c:v>
                </c:pt>
                <c:pt idx="65">
                  <c:v>0.44692233204841603</c:v>
                </c:pt>
                <c:pt idx="66">
                  <c:v>0.46534225344657898</c:v>
                </c:pt>
                <c:pt idx="67">
                  <c:v>0.48249900341033902</c:v>
                </c:pt>
                <c:pt idx="68">
                  <c:v>0.49908652901649497</c:v>
                </c:pt>
                <c:pt idx="69">
                  <c:v>0.53395187854766801</c:v>
                </c:pt>
                <c:pt idx="70">
                  <c:v>0.54046106338500999</c:v>
                </c:pt>
                <c:pt idx="71">
                  <c:v>0.52764689922332797</c:v>
                </c:pt>
                <c:pt idx="72">
                  <c:v>0.51093435287475597</c:v>
                </c:pt>
                <c:pt idx="73">
                  <c:v>0.50952905416488603</c:v>
                </c:pt>
                <c:pt idx="74">
                  <c:v>0.53405696153640703</c:v>
                </c:pt>
                <c:pt idx="75">
                  <c:v>0.52591085433960005</c:v>
                </c:pt>
                <c:pt idx="76">
                  <c:v>0.52262884378433205</c:v>
                </c:pt>
                <c:pt idx="77">
                  <c:v>0.52316701412200906</c:v>
                </c:pt>
                <c:pt idx="78">
                  <c:v>0.53954094648361195</c:v>
                </c:pt>
                <c:pt idx="79">
                  <c:v>0.56574368476867698</c:v>
                </c:pt>
                <c:pt idx="80">
                  <c:v>0.57713544368743896</c:v>
                </c:pt>
                <c:pt idx="81">
                  <c:v>0.57846325635910001</c:v>
                </c:pt>
                <c:pt idx="82">
                  <c:v>0.57939463853836104</c:v>
                </c:pt>
                <c:pt idx="83">
                  <c:v>0.57003009319305398</c:v>
                </c:pt>
                <c:pt idx="84">
                  <c:v>0.61014145612716697</c:v>
                </c:pt>
                <c:pt idx="85">
                  <c:v>0.59206902980804399</c:v>
                </c:pt>
                <c:pt idx="86">
                  <c:v>0.57304143905639604</c:v>
                </c:pt>
                <c:pt idx="87">
                  <c:v>0.55124086141586304</c:v>
                </c:pt>
                <c:pt idx="88">
                  <c:v>0.53179240226745605</c:v>
                </c:pt>
                <c:pt idx="89">
                  <c:v>0.57127219438552901</c:v>
                </c:pt>
                <c:pt idx="90">
                  <c:v>0.544827461242676</c:v>
                </c:pt>
                <c:pt idx="91">
                  <c:v>0.55782783031463601</c:v>
                </c:pt>
                <c:pt idx="92">
                  <c:v>0.56234657764434803</c:v>
                </c:pt>
                <c:pt idx="93">
                  <c:v>0.57356333732605003</c:v>
                </c:pt>
                <c:pt idx="94">
                  <c:v>0.53957784175872803</c:v>
                </c:pt>
                <c:pt idx="95">
                  <c:v>0.56241482496261597</c:v>
                </c:pt>
                <c:pt idx="96">
                  <c:v>0.55731725692749001</c:v>
                </c:pt>
                <c:pt idx="97">
                  <c:v>0.55259585380554199</c:v>
                </c:pt>
                <c:pt idx="98">
                  <c:v>0.56083846092224099</c:v>
                </c:pt>
                <c:pt idx="99">
                  <c:v>0.54601240158081099</c:v>
                </c:pt>
                <c:pt idx="100">
                  <c:v>0.54584974050521895</c:v>
                </c:pt>
                <c:pt idx="101">
                  <c:v>0.55461013317108199</c:v>
                </c:pt>
                <c:pt idx="102">
                  <c:v>0.56837755441665605</c:v>
                </c:pt>
                <c:pt idx="103">
                  <c:v>0.54734897613525402</c:v>
                </c:pt>
                <c:pt idx="104">
                  <c:v>0.55414336919784501</c:v>
                </c:pt>
                <c:pt idx="105">
                  <c:v>0.557564556598663</c:v>
                </c:pt>
                <c:pt idx="106">
                  <c:v>0.54548656940460205</c:v>
                </c:pt>
                <c:pt idx="107">
                  <c:v>0.53065782785415605</c:v>
                </c:pt>
                <c:pt idx="108">
                  <c:v>0.54693204164505005</c:v>
                </c:pt>
                <c:pt idx="109">
                  <c:v>0.54770493507385298</c:v>
                </c:pt>
                <c:pt idx="110">
                  <c:v>0.53679049015045199</c:v>
                </c:pt>
                <c:pt idx="111">
                  <c:v>0.55667757987976096</c:v>
                </c:pt>
                <c:pt idx="112">
                  <c:v>0.55024933815002397</c:v>
                </c:pt>
                <c:pt idx="113">
                  <c:v>0.53918206691741899</c:v>
                </c:pt>
                <c:pt idx="114">
                  <c:v>0.55479460954666104</c:v>
                </c:pt>
                <c:pt idx="115">
                  <c:v>0.54209119081497203</c:v>
                </c:pt>
                <c:pt idx="116">
                  <c:v>0.55360513925552401</c:v>
                </c:pt>
                <c:pt idx="117">
                  <c:v>0.53552389144897505</c:v>
                </c:pt>
                <c:pt idx="118">
                  <c:v>0.549996078014374</c:v>
                </c:pt>
                <c:pt idx="119">
                  <c:v>0.56555932760238603</c:v>
                </c:pt>
                <c:pt idx="120">
                  <c:v>0.53053754568099998</c:v>
                </c:pt>
                <c:pt idx="121">
                  <c:v>0.53936332464218095</c:v>
                </c:pt>
                <c:pt idx="122">
                  <c:v>0.56512153148651101</c:v>
                </c:pt>
                <c:pt idx="123">
                  <c:v>0.59244447946548495</c:v>
                </c:pt>
                <c:pt idx="124">
                  <c:v>0.55097419023513805</c:v>
                </c:pt>
                <c:pt idx="125">
                  <c:v>0.57134145498275801</c:v>
                </c:pt>
                <c:pt idx="126">
                  <c:v>0.55329614877700795</c:v>
                </c:pt>
                <c:pt idx="127">
                  <c:v>0.55579102039337203</c:v>
                </c:pt>
                <c:pt idx="128">
                  <c:v>0.54107725620269798</c:v>
                </c:pt>
                <c:pt idx="129">
                  <c:v>0.54328554868698098</c:v>
                </c:pt>
                <c:pt idx="130">
                  <c:v>0.54113310575485196</c:v>
                </c:pt>
                <c:pt idx="131">
                  <c:v>0.55287277698516801</c:v>
                </c:pt>
                <c:pt idx="132">
                  <c:v>0.53814780712127697</c:v>
                </c:pt>
                <c:pt idx="133">
                  <c:v>0.54645979404449496</c:v>
                </c:pt>
                <c:pt idx="134">
                  <c:v>0.52590012550354004</c:v>
                </c:pt>
                <c:pt idx="135">
                  <c:v>0.56144553422927901</c:v>
                </c:pt>
                <c:pt idx="136">
                  <c:v>0.52238029241561901</c:v>
                </c:pt>
                <c:pt idx="137">
                  <c:v>0.53014963865280196</c:v>
                </c:pt>
                <c:pt idx="138">
                  <c:v>0.55172562599182096</c:v>
                </c:pt>
                <c:pt idx="139">
                  <c:v>0.54833108186721802</c:v>
                </c:pt>
                <c:pt idx="140">
                  <c:v>0.53876793384552002</c:v>
                </c:pt>
                <c:pt idx="141">
                  <c:v>0.51507991552352905</c:v>
                </c:pt>
                <c:pt idx="142">
                  <c:v>0.51698571443557695</c:v>
                </c:pt>
                <c:pt idx="143">
                  <c:v>0.52804929018020597</c:v>
                </c:pt>
                <c:pt idx="144">
                  <c:v>0.51990473270416304</c:v>
                </c:pt>
                <c:pt idx="145">
                  <c:v>0.51810503005981401</c:v>
                </c:pt>
                <c:pt idx="146">
                  <c:v>0.50399714708328203</c:v>
                </c:pt>
                <c:pt idx="147">
                  <c:v>0.53301155567169201</c:v>
                </c:pt>
                <c:pt idx="148">
                  <c:v>0.52892488241195701</c:v>
                </c:pt>
                <c:pt idx="149">
                  <c:v>0.50911474227905296</c:v>
                </c:pt>
                <c:pt idx="150">
                  <c:v>0.50219529867172197</c:v>
                </c:pt>
                <c:pt idx="151">
                  <c:v>0.56468874216079701</c:v>
                </c:pt>
                <c:pt idx="152">
                  <c:v>0.49024733901023898</c:v>
                </c:pt>
                <c:pt idx="153">
                  <c:v>0.49240452051162698</c:v>
                </c:pt>
                <c:pt idx="154">
                  <c:v>0.504633188247681</c:v>
                </c:pt>
                <c:pt idx="155">
                  <c:v>0.49784901738166798</c:v>
                </c:pt>
                <c:pt idx="156">
                  <c:v>0.50880509614944502</c:v>
                </c:pt>
                <c:pt idx="157">
                  <c:v>0.49893134832382202</c:v>
                </c:pt>
                <c:pt idx="158">
                  <c:v>0.50065964460372903</c:v>
                </c:pt>
                <c:pt idx="159">
                  <c:v>0.48626038432121299</c:v>
                </c:pt>
                <c:pt idx="160">
                  <c:v>0.49156081676483199</c:v>
                </c:pt>
                <c:pt idx="161">
                  <c:v>0.50096362829208396</c:v>
                </c:pt>
                <c:pt idx="162">
                  <c:v>0.49941807985305797</c:v>
                </c:pt>
                <c:pt idx="163">
                  <c:v>0.48232579231262201</c:v>
                </c:pt>
                <c:pt idx="164">
                  <c:v>0.483348578214645</c:v>
                </c:pt>
                <c:pt idx="165">
                  <c:v>0.44430655241012601</c:v>
                </c:pt>
                <c:pt idx="166">
                  <c:v>0.42402690649032598</c:v>
                </c:pt>
                <c:pt idx="167">
                  <c:v>0.45501783490181003</c:v>
                </c:pt>
                <c:pt idx="168">
                  <c:v>0.39644503593444802</c:v>
                </c:pt>
                <c:pt idx="169">
                  <c:v>0.42383241653442399</c:v>
                </c:pt>
                <c:pt idx="170">
                  <c:v>0.41909459233284002</c:v>
                </c:pt>
                <c:pt idx="171">
                  <c:v>0.38842275738716098</c:v>
                </c:pt>
                <c:pt idx="172">
                  <c:v>0.38405308127403298</c:v>
                </c:pt>
                <c:pt idx="173">
                  <c:v>0.404774069786072</c:v>
                </c:pt>
                <c:pt idx="174">
                  <c:v>0.39158797264099099</c:v>
                </c:pt>
                <c:pt idx="175">
                  <c:v>0.39718505740165699</c:v>
                </c:pt>
                <c:pt idx="176">
                  <c:v>0.35963180661201499</c:v>
                </c:pt>
                <c:pt idx="177">
                  <c:v>0.359652310609818</c:v>
                </c:pt>
                <c:pt idx="178">
                  <c:v>0.352260172367096</c:v>
                </c:pt>
                <c:pt idx="179">
                  <c:v>0.36853948235511802</c:v>
                </c:pt>
                <c:pt idx="180">
                  <c:v>0.33792692422866799</c:v>
                </c:pt>
                <c:pt idx="181">
                  <c:v>0.33125695586204501</c:v>
                </c:pt>
                <c:pt idx="182">
                  <c:v>0.33815076947212203</c:v>
                </c:pt>
                <c:pt idx="183">
                  <c:v>0.34007558226585399</c:v>
                </c:pt>
                <c:pt idx="184">
                  <c:v>0.32653841376304599</c:v>
                </c:pt>
                <c:pt idx="185">
                  <c:v>0.32080823183059698</c:v>
                </c:pt>
                <c:pt idx="186">
                  <c:v>0.316976487636566</c:v>
                </c:pt>
                <c:pt idx="187">
                  <c:v>0.32551410794258101</c:v>
                </c:pt>
                <c:pt idx="188">
                  <c:v>0.30162137746810902</c:v>
                </c:pt>
                <c:pt idx="189">
                  <c:v>0.306605905294418</c:v>
                </c:pt>
                <c:pt idx="190">
                  <c:v>0.29616904258728</c:v>
                </c:pt>
                <c:pt idx="191">
                  <c:v>0.26820617914199801</c:v>
                </c:pt>
                <c:pt idx="192">
                  <c:v>0.29469618201255798</c:v>
                </c:pt>
                <c:pt idx="193">
                  <c:v>0.275486379861832</c:v>
                </c:pt>
                <c:pt idx="194">
                  <c:v>0.27764636278152499</c:v>
                </c:pt>
                <c:pt idx="195">
                  <c:v>0.279658854007721</c:v>
                </c:pt>
                <c:pt idx="196">
                  <c:v>0.27559083700180098</c:v>
                </c:pt>
                <c:pt idx="197">
                  <c:v>0.258184224367142</c:v>
                </c:pt>
                <c:pt idx="198">
                  <c:v>0.27322831749916099</c:v>
                </c:pt>
                <c:pt idx="199">
                  <c:v>0.24660113453865101</c:v>
                </c:pt>
                <c:pt idx="200">
                  <c:v>0.22032319009303999</c:v>
                </c:pt>
                <c:pt idx="201">
                  <c:v>0.263619273900986</c:v>
                </c:pt>
                <c:pt idx="202">
                  <c:v>0.222683951258659</c:v>
                </c:pt>
                <c:pt idx="203">
                  <c:v>0.23901057243347201</c:v>
                </c:pt>
                <c:pt idx="204">
                  <c:v>0.21902018785476701</c:v>
                </c:pt>
                <c:pt idx="205">
                  <c:v>0.20596636831760401</c:v>
                </c:pt>
                <c:pt idx="206">
                  <c:v>0.22300051152706099</c:v>
                </c:pt>
                <c:pt idx="207">
                  <c:v>0.19010210037231401</c:v>
                </c:pt>
                <c:pt idx="208">
                  <c:v>0.18649330735206601</c:v>
                </c:pt>
                <c:pt idx="209">
                  <c:v>0.200578138232231</c:v>
                </c:pt>
                <c:pt idx="210">
                  <c:v>0.19571807980537401</c:v>
                </c:pt>
                <c:pt idx="211">
                  <c:v>0.16857607662677801</c:v>
                </c:pt>
                <c:pt idx="212">
                  <c:v>0.16755999624729201</c:v>
                </c:pt>
                <c:pt idx="213">
                  <c:v>0.151897683739662</c:v>
                </c:pt>
                <c:pt idx="214">
                  <c:v>0.152400597929955</c:v>
                </c:pt>
                <c:pt idx="215">
                  <c:v>0.15092374384403201</c:v>
                </c:pt>
                <c:pt idx="216">
                  <c:v>0.15567833185195901</c:v>
                </c:pt>
                <c:pt idx="217">
                  <c:v>0.14450052380561801</c:v>
                </c:pt>
                <c:pt idx="218">
                  <c:v>0.143785029649734</c:v>
                </c:pt>
                <c:pt idx="219">
                  <c:v>0.13761401176452601</c:v>
                </c:pt>
                <c:pt idx="220">
                  <c:v>0.13263545930385601</c:v>
                </c:pt>
                <c:pt idx="221">
                  <c:v>0.120737642049789</c:v>
                </c:pt>
                <c:pt idx="222">
                  <c:v>0.11025391519069699</c:v>
                </c:pt>
                <c:pt idx="223">
                  <c:v>0.113008335232735</c:v>
                </c:pt>
                <c:pt idx="224">
                  <c:v>9.6556007862091106E-2</c:v>
                </c:pt>
                <c:pt idx="225">
                  <c:v>9.1550216078758198E-2</c:v>
                </c:pt>
                <c:pt idx="226">
                  <c:v>7.2331890463828999E-2</c:v>
                </c:pt>
                <c:pt idx="227">
                  <c:v>4.6944547444581999E-2</c:v>
                </c:pt>
                <c:pt idx="228">
                  <c:v>0.18233534693718001</c:v>
                </c:pt>
                <c:pt idx="229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4F9A-44C7-A2D6-0195D2EA7715}"/>
            </c:ext>
          </c:extLst>
        </c:ser>
        <c:ser>
          <c:idx val="2"/>
          <c:order val="2"/>
          <c:tx>
            <c:v>10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Type_4_6_10___._3_thixotropy_rw!$F$2:$F$231</c:f>
              <c:numCache>
                <c:formatCode>General</c:formatCode>
                <c:ptCount val="230"/>
                <c:pt idx="0">
                  <c:v>0.92486441135406505</c:v>
                </c:pt>
                <c:pt idx="1">
                  <c:v>1.9248188734054601</c:v>
                </c:pt>
                <c:pt idx="2">
                  <c:v>2.9249007701873802</c:v>
                </c:pt>
                <c:pt idx="3">
                  <c:v>3.9248075485229501</c:v>
                </c:pt>
                <c:pt idx="4">
                  <c:v>4.9276652336120597</c:v>
                </c:pt>
                <c:pt idx="5">
                  <c:v>5.9275650978088397</c:v>
                </c:pt>
                <c:pt idx="6">
                  <c:v>6.9275803565979004</c:v>
                </c:pt>
                <c:pt idx="7">
                  <c:v>7.9274191856384304</c:v>
                </c:pt>
                <c:pt idx="8">
                  <c:v>8.9275312423706108</c:v>
                </c:pt>
                <c:pt idx="9">
                  <c:v>9.9248428344726598</c:v>
                </c:pt>
                <c:pt idx="10">
                  <c:v>10.9249153137207</c:v>
                </c:pt>
                <c:pt idx="11">
                  <c:v>11.925090789794901</c:v>
                </c:pt>
                <c:pt idx="12">
                  <c:v>12.925153732299799</c:v>
                </c:pt>
                <c:pt idx="13">
                  <c:v>13.9251384735107</c:v>
                </c:pt>
                <c:pt idx="14">
                  <c:v>14.9252843856812</c:v>
                </c:pt>
                <c:pt idx="15">
                  <c:v>15.9254817962646</c:v>
                </c:pt>
                <c:pt idx="16">
                  <c:v>16.925188064575199</c:v>
                </c:pt>
                <c:pt idx="17">
                  <c:v>17.9248867034912</c:v>
                </c:pt>
                <c:pt idx="18">
                  <c:v>18.9247531890869</c:v>
                </c:pt>
                <c:pt idx="19">
                  <c:v>19.9244289398193</c:v>
                </c:pt>
                <c:pt idx="20">
                  <c:v>20.924289703369102</c:v>
                </c:pt>
                <c:pt idx="21">
                  <c:v>21.923915863037099</c:v>
                </c:pt>
                <c:pt idx="22">
                  <c:v>22.9238471984863</c:v>
                </c:pt>
                <c:pt idx="23">
                  <c:v>23.923469543456999</c:v>
                </c:pt>
                <c:pt idx="24">
                  <c:v>24.923152923583999</c:v>
                </c:pt>
                <c:pt idx="25">
                  <c:v>25.922901153564499</c:v>
                </c:pt>
                <c:pt idx="26">
                  <c:v>26.922695159912099</c:v>
                </c:pt>
                <c:pt idx="27">
                  <c:v>27.9253234863281</c:v>
                </c:pt>
                <c:pt idx="28">
                  <c:v>28.925048828125</c:v>
                </c:pt>
                <c:pt idx="29">
                  <c:v>29.924789428710898</c:v>
                </c:pt>
                <c:pt idx="30">
                  <c:v>30.924369812011701</c:v>
                </c:pt>
                <c:pt idx="31">
                  <c:v>31.924188613891602</c:v>
                </c:pt>
                <c:pt idx="32">
                  <c:v>32.924121856689503</c:v>
                </c:pt>
                <c:pt idx="33">
                  <c:v>33.923896789550803</c:v>
                </c:pt>
                <c:pt idx="34">
                  <c:v>34.923652648925803</c:v>
                </c:pt>
                <c:pt idx="35">
                  <c:v>35.923332214355497</c:v>
                </c:pt>
                <c:pt idx="36">
                  <c:v>36.923274993896499</c:v>
                </c:pt>
                <c:pt idx="37">
                  <c:v>37.9229125976563</c:v>
                </c:pt>
                <c:pt idx="38">
                  <c:v>38.922767639160199</c:v>
                </c:pt>
                <c:pt idx="39">
                  <c:v>39.922203063964801</c:v>
                </c:pt>
                <c:pt idx="40">
                  <c:v>40.9219970703125</c:v>
                </c:pt>
                <c:pt idx="41">
                  <c:v>41.921695709228501</c:v>
                </c:pt>
                <c:pt idx="42">
                  <c:v>42.921630859375</c:v>
                </c:pt>
                <c:pt idx="43">
                  <c:v>43.921363830566399</c:v>
                </c:pt>
                <c:pt idx="44">
                  <c:v>44.921607971191399</c:v>
                </c:pt>
                <c:pt idx="45">
                  <c:v>45.920707702636697</c:v>
                </c:pt>
                <c:pt idx="46">
                  <c:v>46.920780181884801</c:v>
                </c:pt>
                <c:pt idx="47">
                  <c:v>47.920406341552699</c:v>
                </c:pt>
                <c:pt idx="48">
                  <c:v>48.920131683349602</c:v>
                </c:pt>
                <c:pt idx="49">
                  <c:v>49.919879913330099</c:v>
                </c:pt>
                <c:pt idx="50">
                  <c:v>50.919593811035199</c:v>
                </c:pt>
                <c:pt idx="51">
                  <c:v>51.919506072997997</c:v>
                </c:pt>
                <c:pt idx="52">
                  <c:v>52.919219970703097</c:v>
                </c:pt>
                <c:pt idx="53">
                  <c:v>53.918651580810497</c:v>
                </c:pt>
                <c:pt idx="54">
                  <c:v>54.918960571289098</c:v>
                </c:pt>
                <c:pt idx="55">
                  <c:v>55.918746948242202</c:v>
                </c:pt>
                <c:pt idx="56">
                  <c:v>56.917984008789098</c:v>
                </c:pt>
                <c:pt idx="57">
                  <c:v>57.918121337890597</c:v>
                </c:pt>
                <c:pt idx="58">
                  <c:v>58.917671203613303</c:v>
                </c:pt>
                <c:pt idx="59">
                  <c:v>59.917942047119098</c:v>
                </c:pt>
                <c:pt idx="60">
                  <c:v>60.917304992675803</c:v>
                </c:pt>
                <c:pt idx="61">
                  <c:v>61.916919708252003</c:v>
                </c:pt>
                <c:pt idx="62">
                  <c:v>62.916782379150398</c:v>
                </c:pt>
                <c:pt idx="63">
                  <c:v>63.916584014892599</c:v>
                </c:pt>
                <c:pt idx="64">
                  <c:v>64.916183471679702</c:v>
                </c:pt>
                <c:pt idx="65">
                  <c:v>65.915634155273395</c:v>
                </c:pt>
                <c:pt idx="66">
                  <c:v>66.915710449218807</c:v>
                </c:pt>
                <c:pt idx="67">
                  <c:v>67.915176391601605</c:v>
                </c:pt>
                <c:pt idx="68">
                  <c:v>68.914993286132798</c:v>
                </c:pt>
                <c:pt idx="69">
                  <c:v>69.914962768554702</c:v>
                </c:pt>
                <c:pt idx="70">
                  <c:v>70.915168762207003</c:v>
                </c:pt>
                <c:pt idx="71">
                  <c:v>71.914955139160199</c:v>
                </c:pt>
                <c:pt idx="72">
                  <c:v>72.914283752441406</c:v>
                </c:pt>
                <c:pt idx="73">
                  <c:v>73.913970947265597</c:v>
                </c:pt>
                <c:pt idx="74">
                  <c:v>74.913871765136705</c:v>
                </c:pt>
                <c:pt idx="75">
                  <c:v>75.913894653320298</c:v>
                </c:pt>
                <c:pt idx="76">
                  <c:v>76.912261962890597</c:v>
                </c:pt>
                <c:pt idx="77">
                  <c:v>77.913810729980497</c:v>
                </c:pt>
                <c:pt idx="78">
                  <c:v>78.912055969238295</c:v>
                </c:pt>
                <c:pt idx="79">
                  <c:v>79.913131713867202</c:v>
                </c:pt>
                <c:pt idx="80">
                  <c:v>80.912033081054702</c:v>
                </c:pt>
                <c:pt idx="81">
                  <c:v>81.912414550781307</c:v>
                </c:pt>
                <c:pt idx="82">
                  <c:v>82.912216186523395</c:v>
                </c:pt>
                <c:pt idx="83">
                  <c:v>83.909019470214801</c:v>
                </c:pt>
                <c:pt idx="84">
                  <c:v>84.910736083984403</c:v>
                </c:pt>
                <c:pt idx="85">
                  <c:v>85.910438537597699</c:v>
                </c:pt>
                <c:pt idx="86">
                  <c:v>86.910758972167997</c:v>
                </c:pt>
                <c:pt idx="87">
                  <c:v>87.909523010253906</c:v>
                </c:pt>
                <c:pt idx="88">
                  <c:v>88.912109375</c:v>
                </c:pt>
                <c:pt idx="89">
                  <c:v>89.911170959472699</c:v>
                </c:pt>
                <c:pt idx="90">
                  <c:v>90.909385681152301</c:v>
                </c:pt>
                <c:pt idx="91">
                  <c:v>91.908706665039105</c:v>
                </c:pt>
                <c:pt idx="92">
                  <c:v>92.908592224121094</c:v>
                </c:pt>
                <c:pt idx="93">
                  <c:v>93.910171508789105</c:v>
                </c:pt>
                <c:pt idx="94">
                  <c:v>94.907318115234403</c:v>
                </c:pt>
                <c:pt idx="95">
                  <c:v>95.908615112304702</c:v>
                </c:pt>
                <c:pt idx="96">
                  <c:v>96.909004211425795</c:v>
                </c:pt>
                <c:pt idx="97">
                  <c:v>97.907257080078097</c:v>
                </c:pt>
                <c:pt idx="98">
                  <c:v>98.908241271972699</c:v>
                </c:pt>
                <c:pt idx="99">
                  <c:v>99.907196044921903</c:v>
                </c:pt>
                <c:pt idx="100">
                  <c:v>100.00172424316401</c:v>
                </c:pt>
                <c:pt idx="101">
                  <c:v>100.001815795898</c:v>
                </c:pt>
                <c:pt idx="102">
                  <c:v>99.999504089355497</c:v>
                </c:pt>
                <c:pt idx="103">
                  <c:v>99.999374389648395</c:v>
                </c:pt>
                <c:pt idx="104">
                  <c:v>100.002090454102</c:v>
                </c:pt>
                <c:pt idx="105">
                  <c:v>100.000053405762</c:v>
                </c:pt>
                <c:pt idx="106">
                  <c:v>99.999656677246094</c:v>
                </c:pt>
                <c:pt idx="107">
                  <c:v>99.999137878417997</c:v>
                </c:pt>
                <c:pt idx="108">
                  <c:v>100.000785827637</c:v>
                </c:pt>
                <c:pt idx="109">
                  <c:v>99.998771667480497</c:v>
                </c:pt>
                <c:pt idx="110">
                  <c:v>99.998466491699205</c:v>
                </c:pt>
                <c:pt idx="111">
                  <c:v>99.998031616210895</c:v>
                </c:pt>
                <c:pt idx="112">
                  <c:v>99.999099731445298</c:v>
                </c:pt>
                <c:pt idx="113">
                  <c:v>100.00070953369099</c:v>
                </c:pt>
                <c:pt idx="114">
                  <c:v>99.999366760253906</c:v>
                </c:pt>
                <c:pt idx="115">
                  <c:v>100.001007080078</c:v>
                </c:pt>
                <c:pt idx="116">
                  <c:v>100.00080871582</c:v>
                </c:pt>
                <c:pt idx="117">
                  <c:v>99.999885559082003</c:v>
                </c:pt>
                <c:pt idx="118">
                  <c:v>100.000053405762</c:v>
                </c:pt>
                <c:pt idx="119">
                  <c:v>100.00160980224599</c:v>
                </c:pt>
                <c:pt idx="120">
                  <c:v>100.000297546387</c:v>
                </c:pt>
                <c:pt idx="121">
                  <c:v>100.001022338867</c:v>
                </c:pt>
                <c:pt idx="122">
                  <c:v>99.994888305664105</c:v>
                </c:pt>
                <c:pt idx="123">
                  <c:v>100.00009155273401</c:v>
                </c:pt>
                <c:pt idx="124">
                  <c:v>99.9986572265625</c:v>
                </c:pt>
                <c:pt idx="125">
                  <c:v>99.999206542968807</c:v>
                </c:pt>
                <c:pt idx="126">
                  <c:v>99.999977111816406</c:v>
                </c:pt>
                <c:pt idx="127">
                  <c:v>100.00188446044901</c:v>
                </c:pt>
                <c:pt idx="128">
                  <c:v>100.000648498535</c:v>
                </c:pt>
                <c:pt idx="129">
                  <c:v>99.99853515625</c:v>
                </c:pt>
                <c:pt idx="130">
                  <c:v>99.076087951660199</c:v>
                </c:pt>
                <c:pt idx="131">
                  <c:v>98.074348449707003</c:v>
                </c:pt>
                <c:pt idx="132">
                  <c:v>97.073493957519503</c:v>
                </c:pt>
                <c:pt idx="133">
                  <c:v>96.072227478027301</c:v>
                </c:pt>
                <c:pt idx="134">
                  <c:v>95.076683044433594</c:v>
                </c:pt>
                <c:pt idx="135">
                  <c:v>94.077056884765597</c:v>
                </c:pt>
                <c:pt idx="136">
                  <c:v>93.076690673828097</c:v>
                </c:pt>
                <c:pt idx="137">
                  <c:v>92.075950622558594</c:v>
                </c:pt>
                <c:pt idx="138">
                  <c:v>91.076347351074205</c:v>
                </c:pt>
                <c:pt idx="139">
                  <c:v>90.078414916992202</c:v>
                </c:pt>
                <c:pt idx="140">
                  <c:v>89.079437255859403</c:v>
                </c:pt>
                <c:pt idx="141">
                  <c:v>88.075538635253906</c:v>
                </c:pt>
                <c:pt idx="142">
                  <c:v>87.073600769042997</c:v>
                </c:pt>
                <c:pt idx="143">
                  <c:v>86.078964233398395</c:v>
                </c:pt>
                <c:pt idx="144">
                  <c:v>85.079856872558594</c:v>
                </c:pt>
                <c:pt idx="145">
                  <c:v>84.079933166503906</c:v>
                </c:pt>
                <c:pt idx="146">
                  <c:v>83.078163146972699</c:v>
                </c:pt>
                <c:pt idx="147">
                  <c:v>82.079849243164105</c:v>
                </c:pt>
                <c:pt idx="148">
                  <c:v>81.079002380371094</c:v>
                </c:pt>
                <c:pt idx="149">
                  <c:v>80.081077575683594</c:v>
                </c:pt>
                <c:pt idx="150">
                  <c:v>79.080505371093807</c:v>
                </c:pt>
                <c:pt idx="151">
                  <c:v>78.081436157226605</c:v>
                </c:pt>
                <c:pt idx="152">
                  <c:v>77.080673217773395</c:v>
                </c:pt>
                <c:pt idx="153">
                  <c:v>76.081100463867202</c:v>
                </c:pt>
                <c:pt idx="154">
                  <c:v>75.080825805664105</c:v>
                </c:pt>
                <c:pt idx="155">
                  <c:v>74.081672668457003</c:v>
                </c:pt>
                <c:pt idx="156">
                  <c:v>73.081642150878906</c:v>
                </c:pt>
                <c:pt idx="157">
                  <c:v>72.081588745117202</c:v>
                </c:pt>
                <c:pt idx="158">
                  <c:v>71.082466125488295</c:v>
                </c:pt>
                <c:pt idx="159">
                  <c:v>70.082290649414105</c:v>
                </c:pt>
                <c:pt idx="160">
                  <c:v>69.079879760742202</c:v>
                </c:pt>
                <c:pt idx="161">
                  <c:v>68.080131530761705</c:v>
                </c:pt>
                <c:pt idx="162">
                  <c:v>67.080299377441406</c:v>
                </c:pt>
                <c:pt idx="163">
                  <c:v>66.081237792968807</c:v>
                </c:pt>
                <c:pt idx="164">
                  <c:v>65.080825805664105</c:v>
                </c:pt>
                <c:pt idx="165">
                  <c:v>64.081260681152301</c:v>
                </c:pt>
                <c:pt idx="166">
                  <c:v>63.081367492675803</c:v>
                </c:pt>
                <c:pt idx="167">
                  <c:v>62.081802368164098</c:v>
                </c:pt>
                <c:pt idx="168">
                  <c:v>61.082435607910199</c:v>
                </c:pt>
                <c:pt idx="169">
                  <c:v>60.081771850585902</c:v>
                </c:pt>
                <c:pt idx="170">
                  <c:v>59.081844329833999</c:v>
                </c:pt>
                <c:pt idx="171">
                  <c:v>58.082611083984403</c:v>
                </c:pt>
                <c:pt idx="172">
                  <c:v>57.082771301269503</c:v>
                </c:pt>
                <c:pt idx="173">
                  <c:v>56.083217620849602</c:v>
                </c:pt>
                <c:pt idx="174">
                  <c:v>55.0829467773438</c:v>
                </c:pt>
                <c:pt idx="175">
                  <c:v>54.083446502685497</c:v>
                </c:pt>
                <c:pt idx="176">
                  <c:v>53.083480834960902</c:v>
                </c:pt>
                <c:pt idx="177">
                  <c:v>52.083812713622997</c:v>
                </c:pt>
                <c:pt idx="178">
                  <c:v>51.083885192871101</c:v>
                </c:pt>
                <c:pt idx="179">
                  <c:v>50.084392547607401</c:v>
                </c:pt>
                <c:pt idx="180">
                  <c:v>49.084529876708999</c:v>
                </c:pt>
                <c:pt idx="181">
                  <c:v>48.0851860046387</c:v>
                </c:pt>
                <c:pt idx="182">
                  <c:v>47.084896087646499</c:v>
                </c:pt>
                <c:pt idx="183">
                  <c:v>46.085247039794901</c:v>
                </c:pt>
                <c:pt idx="184">
                  <c:v>45.086009979247997</c:v>
                </c:pt>
                <c:pt idx="185">
                  <c:v>44.0864067077637</c:v>
                </c:pt>
                <c:pt idx="186">
                  <c:v>43.086082458496101</c:v>
                </c:pt>
                <c:pt idx="187">
                  <c:v>42.086380004882798</c:v>
                </c:pt>
                <c:pt idx="188">
                  <c:v>41.086708068847699</c:v>
                </c:pt>
                <c:pt idx="189">
                  <c:v>40.086978912353501</c:v>
                </c:pt>
                <c:pt idx="190">
                  <c:v>39.087146759033203</c:v>
                </c:pt>
                <c:pt idx="191">
                  <c:v>38.087471008300803</c:v>
                </c:pt>
                <c:pt idx="192">
                  <c:v>37.087677001953097</c:v>
                </c:pt>
                <c:pt idx="193">
                  <c:v>36.087936401367202</c:v>
                </c:pt>
                <c:pt idx="194">
                  <c:v>35.087882995605497</c:v>
                </c:pt>
                <c:pt idx="195">
                  <c:v>34.088573455810497</c:v>
                </c:pt>
                <c:pt idx="196">
                  <c:v>33.088798522949197</c:v>
                </c:pt>
                <c:pt idx="197">
                  <c:v>32.088977813720703</c:v>
                </c:pt>
                <c:pt idx="198">
                  <c:v>31.089309692382798</c:v>
                </c:pt>
                <c:pt idx="199">
                  <c:v>30.089452743530298</c:v>
                </c:pt>
                <c:pt idx="200">
                  <c:v>29.089626312255898</c:v>
                </c:pt>
                <c:pt idx="201">
                  <c:v>28.089838027954102</c:v>
                </c:pt>
                <c:pt idx="202">
                  <c:v>27.09010887146</c:v>
                </c:pt>
                <c:pt idx="203">
                  <c:v>26.090391159057599</c:v>
                </c:pt>
                <c:pt idx="204">
                  <c:v>25.090511322021499</c:v>
                </c:pt>
                <c:pt idx="205">
                  <c:v>24.090892791748001</c:v>
                </c:pt>
                <c:pt idx="206">
                  <c:v>23.091114044189499</c:v>
                </c:pt>
                <c:pt idx="207">
                  <c:v>22.0914707183838</c:v>
                </c:pt>
                <c:pt idx="208">
                  <c:v>21.091758728027301</c:v>
                </c:pt>
                <c:pt idx="209">
                  <c:v>20.091953277587901</c:v>
                </c:pt>
                <c:pt idx="210">
                  <c:v>19.0921535491943</c:v>
                </c:pt>
                <c:pt idx="211">
                  <c:v>18.092290878295898</c:v>
                </c:pt>
                <c:pt idx="212">
                  <c:v>17.092487335205099</c:v>
                </c:pt>
                <c:pt idx="213">
                  <c:v>16.092889785766602</c:v>
                </c:pt>
                <c:pt idx="214">
                  <c:v>15.0927333831787</c:v>
                </c:pt>
                <c:pt idx="215">
                  <c:v>14.0925893783569</c:v>
                </c:pt>
                <c:pt idx="216">
                  <c:v>13.09255027771</c:v>
                </c:pt>
                <c:pt idx="217">
                  <c:v>12.092485427856399</c:v>
                </c:pt>
                <c:pt idx="218">
                  <c:v>11.092383384704601</c:v>
                </c:pt>
                <c:pt idx="219">
                  <c:v>10.0923109054565</c:v>
                </c:pt>
                <c:pt idx="220">
                  <c:v>9.0923280715942401</c:v>
                </c:pt>
                <c:pt idx="221">
                  <c:v>8.0921049118041992</c:v>
                </c:pt>
                <c:pt idx="222">
                  <c:v>7.0921268463134801</c:v>
                </c:pt>
                <c:pt idx="223">
                  <c:v>6.0923194885253897</c:v>
                </c:pt>
                <c:pt idx="224">
                  <c:v>5.0923147201538104</c:v>
                </c:pt>
                <c:pt idx="225">
                  <c:v>4.0924139022827104</c:v>
                </c:pt>
                <c:pt idx="226">
                  <c:v>3.09244656562805</c:v>
                </c:pt>
                <c:pt idx="227">
                  <c:v>2.0922799110412602</c:v>
                </c:pt>
                <c:pt idx="228">
                  <c:v>1.0923725366592401</c:v>
                </c:pt>
                <c:pt idx="229">
                  <c:v>9.2405728995800004E-2</c:v>
                </c:pt>
              </c:numCache>
            </c:numRef>
          </c:xVal>
          <c:yVal>
            <c:numRef>
              <c:f>Type_4_6_10___._3_thixotropy_rw!$G$2:$G$231</c:f>
              <c:numCache>
                <c:formatCode>General</c:formatCode>
                <c:ptCount val="230"/>
                <c:pt idx="0">
                  <c:v>3.9687805175781299</c:v>
                </c:pt>
                <c:pt idx="1">
                  <c:v>2.3425667285919198</c:v>
                </c:pt>
                <c:pt idx="2">
                  <c:v>2.0031445026397701</c:v>
                </c:pt>
                <c:pt idx="3">
                  <c:v>1.6165726184845</c:v>
                </c:pt>
                <c:pt idx="4">
                  <c:v>1.29582548141479</c:v>
                </c:pt>
                <c:pt idx="5">
                  <c:v>1.11747109889984</c:v>
                </c:pt>
                <c:pt idx="6">
                  <c:v>1.1045675277710001</c:v>
                </c:pt>
                <c:pt idx="7">
                  <c:v>0.98784148693084695</c:v>
                </c:pt>
                <c:pt idx="8">
                  <c:v>0.86897820234298695</c:v>
                </c:pt>
                <c:pt idx="9">
                  <c:v>0.80472218990325906</c:v>
                </c:pt>
                <c:pt idx="10">
                  <c:v>0.76806914806366</c:v>
                </c:pt>
                <c:pt idx="11">
                  <c:v>0.73775267601013195</c:v>
                </c:pt>
                <c:pt idx="12">
                  <c:v>0.71931356191635099</c:v>
                </c:pt>
                <c:pt idx="13">
                  <c:v>0.72078728675842296</c:v>
                </c:pt>
                <c:pt idx="14">
                  <c:v>0.667014300823212</c:v>
                </c:pt>
                <c:pt idx="15">
                  <c:v>0.662703156471252</c:v>
                </c:pt>
                <c:pt idx="16">
                  <c:v>0.65668249130249001</c:v>
                </c:pt>
                <c:pt idx="17">
                  <c:v>0.64664328098297097</c:v>
                </c:pt>
                <c:pt idx="18">
                  <c:v>0.66295778751373302</c:v>
                </c:pt>
                <c:pt idx="19">
                  <c:v>0.63896292448043801</c:v>
                </c:pt>
                <c:pt idx="20">
                  <c:v>0.63944613933563199</c:v>
                </c:pt>
                <c:pt idx="21">
                  <c:v>0.65131056308746305</c:v>
                </c:pt>
                <c:pt idx="22">
                  <c:v>0.69215553998947099</c:v>
                </c:pt>
                <c:pt idx="23">
                  <c:v>0.73228967189788796</c:v>
                </c:pt>
                <c:pt idx="24">
                  <c:v>0.71075761318206798</c:v>
                </c:pt>
                <c:pt idx="25">
                  <c:v>0.70873600244522095</c:v>
                </c:pt>
                <c:pt idx="26">
                  <c:v>0.72445756196975697</c:v>
                </c:pt>
                <c:pt idx="27">
                  <c:v>0.746479451656342</c:v>
                </c:pt>
                <c:pt idx="28">
                  <c:v>0.74808740615844704</c:v>
                </c:pt>
                <c:pt idx="29">
                  <c:v>0.75775074958801303</c:v>
                </c:pt>
                <c:pt idx="30">
                  <c:v>0.790846288204193</c:v>
                </c:pt>
                <c:pt idx="31">
                  <c:v>0.80276465415954601</c:v>
                </c:pt>
                <c:pt idx="32">
                  <c:v>0.85465365648269698</c:v>
                </c:pt>
                <c:pt idx="33">
                  <c:v>0.82218408584594704</c:v>
                </c:pt>
                <c:pt idx="34">
                  <c:v>0.80184602737426802</c:v>
                </c:pt>
                <c:pt idx="35">
                  <c:v>0.82515209913253795</c:v>
                </c:pt>
                <c:pt idx="36">
                  <c:v>0.83690369129180897</c:v>
                </c:pt>
                <c:pt idx="37">
                  <c:v>0.841979920864105</c:v>
                </c:pt>
                <c:pt idx="38">
                  <c:v>0.82963764667510997</c:v>
                </c:pt>
                <c:pt idx="39">
                  <c:v>0.84111690521240201</c:v>
                </c:pt>
                <c:pt idx="40">
                  <c:v>0.84586566686630205</c:v>
                </c:pt>
                <c:pt idx="41">
                  <c:v>0.85896289348602295</c:v>
                </c:pt>
                <c:pt idx="42">
                  <c:v>0.86684876680374101</c:v>
                </c:pt>
                <c:pt idx="43">
                  <c:v>0.88474100828170799</c:v>
                </c:pt>
                <c:pt idx="44">
                  <c:v>0.912067770957947</c:v>
                </c:pt>
                <c:pt idx="45">
                  <c:v>0.92024189233779896</c:v>
                </c:pt>
                <c:pt idx="46">
                  <c:v>0.92316019535064697</c:v>
                </c:pt>
                <c:pt idx="47">
                  <c:v>0.92266809940338101</c:v>
                </c:pt>
                <c:pt idx="48">
                  <c:v>0.94635695219039895</c:v>
                </c:pt>
                <c:pt idx="49">
                  <c:v>0.94210380315780595</c:v>
                </c:pt>
                <c:pt idx="50">
                  <c:v>0.97109723091125499</c:v>
                </c:pt>
                <c:pt idx="51">
                  <c:v>0.95250296592712402</c:v>
                </c:pt>
                <c:pt idx="52">
                  <c:v>0.96732819080352805</c:v>
                </c:pt>
                <c:pt idx="53">
                  <c:v>0.954825639724731</c:v>
                </c:pt>
                <c:pt idx="54">
                  <c:v>0.95095139741897605</c:v>
                </c:pt>
                <c:pt idx="55">
                  <c:v>0.96348607540130604</c:v>
                </c:pt>
                <c:pt idx="56">
                  <c:v>0.97141629457473799</c:v>
                </c:pt>
                <c:pt idx="57">
                  <c:v>1.0576546192169201</c:v>
                </c:pt>
                <c:pt idx="58">
                  <c:v>1.02153313159943</c:v>
                </c:pt>
                <c:pt idx="59">
                  <c:v>1.0217444896698</c:v>
                </c:pt>
                <c:pt idx="60">
                  <c:v>1.0079541206359901</c:v>
                </c:pt>
                <c:pt idx="61">
                  <c:v>1.0006293058395399</c:v>
                </c:pt>
                <c:pt idx="62">
                  <c:v>0.99081474542617798</c:v>
                </c:pt>
                <c:pt idx="63">
                  <c:v>0.99820375442504905</c:v>
                </c:pt>
                <c:pt idx="64">
                  <c:v>1.02682876586914</c:v>
                </c:pt>
                <c:pt idx="65">
                  <c:v>0.93921291828155495</c:v>
                </c:pt>
                <c:pt idx="66">
                  <c:v>0.94180351495742798</c:v>
                </c:pt>
                <c:pt idx="67">
                  <c:v>0.92371356487274203</c:v>
                </c:pt>
                <c:pt idx="68">
                  <c:v>0.98538452386856101</c:v>
                </c:pt>
                <c:pt idx="69">
                  <c:v>0.984341681003571</c:v>
                </c:pt>
                <c:pt idx="70">
                  <c:v>1.036980509758</c:v>
                </c:pt>
                <c:pt idx="71">
                  <c:v>1.01416659355164</c:v>
                </c:pt>
                <c:pt idx="72">
                  <c:v>1.0554949045181301</c:v>
                </c:pt>
                <c:pt idx="73">
                  <c:v>1.0100517272949201</c:v>
                </c:pt>
                <c:pt idx="74">
                  <c:v>1.03060185909271</c:v>
                </c:pt>
                <c:pt idx="75">
                  <c:v>1.01976323127747</c:v>
                </c:pt>
                <c:pt idx="76">
                  <c:v>1.03590512275696</c:v>
                </c:pt>
                <c:pt idx="77">
                  <c:v>1.0147790908813501</c:v>
                </c:pt>
                <c:pt idx="78">
                  <c:v>1.00009918212891</c:v>
                </c:pt>
                <c:pt idx="79">
                  <c:v>0.99612599611282304</c:v>
                </c:pt>
                <c:pt idx="80">
                  <c:v>0.99833893775939897</c:v>
                </c:pt>
                <c:pt idx="81">
                  <c:v>0.99801826477050803</c:v>
                </c:pt>
                <c:pt idx="82">
                  <c:v>1.0121488571167001</c:v>
                </c:pt>
                <c:pt idx="83">
                  <c:v>0.95696854591369596</c:v>
                </c:pt>
                <c:pt idx="84">
                  <c:v>1.0017828941345199</c:v>
                </c:pt>
                <c:pt idx="85">
                  <c:v>0.98606669902801503</c:v>
                </c:pt>
                <c:pt idx="86">
                  <c:v>0.99156314134597801</c:v>
                </c:pt>
                <c:pt idx="87">
                  <c:v>0.98071873188018799</c:v>
                </c:pt>
                <c:pt idx="88">
                  <c:v>0.963747918605804</c:v>
                </c:pt>
                <c:pt idx="89">
                  <c:v>0.94140583276748702</c:v>
                </c:pt>
                <c:pt idx="90">
                  <c:v>0.93315076828002896</c:v>
                </c:pt>
                <c:pt idx="91">
                  <c:v>0.95582008361816395</c:v>
                </c:pt>
                <c:pt idx="92">
                  <c:v>0.98153579235076904</c:v>
                </c:pt>
                <c:pt idx="93">
                  <c:v>0.90262794494628895</c:v>
                </c:pt>
                <c:pt idx="94">
                  <c:v>0.91488021612167403</c:v>
                </c:pt>
                <c:pt idx="95">
                  <c:v>0.94666409492492698</c:v>
                </c:pt>
                <c:pt idx="96">
                  <c:v>0.95955151319503795</c:v>
                </c:pt>
                <c:pt idx="97">
                  <c:v>0.94112235307693504</c:v>
                </c:pt>
                <c:pt idx="98">
                  <c:v>0.94531512260437001</c:v>
                </c:pt>
                <c:pt idx="99">
                  <c:v>0.94637709856033303</c:v>
                </c:pt>
                <c:pt idx="100">
                  <c:v>0.89077496528625499</c:v>
                </c:pt>
                <c:pt idx="101">
                  <c:v>0.88887578248977706</c:v>
                </c:pt>
                <c:pt idx="102">
                  <c:v>0.90956103801727295</c:v>
                </c:pt>
                <c:pt idx="103">
                  <c:v>0.96111351251602195</c:v>
                </c:pt>
                <c:pt idx="104">
                  <c:v>0.92911112308502197</c:v>
                </c:pt>
                <c:pt idx="105">
                  <c:v>0.95785921812057495</c:v>
                </c:pt>
                <c:pt idx="106">
                  <c:v>0.91642916202545199</c:v>
                </c:pt>
                <c:pt idx="107">
                  <c:v>0.94250226020812999</c:v>
                </c:pt>
                <c:pt idx="108">
                  <c:v>0.924643814563751</c:v>
                </c:pt>
                <c:pt idx="109">
                  <c:v>0.91103416681289695</c:v>
                </c:pt>
                <c:pt idx="110">
                  <c:v>0.93102693557739302</c:v>
                </c:pt>
                <c:pt idx="111">
                  <c:v>0.92593395709991499</c:v>
                </c:pt>
                <c:pt idx="112">
                  <c:v>0.93177789449691795</c:v>
                </c:pt>
                <c:pt idx="113">
                  <c:v>0.93868261575698897</c:v>
                </c:pt>
                <c:pt idx="114">
                  <c:v>0.95836377143859897</c:v>
                </c:pt>
                <c:pt idx="115">
                  <c:v>0.920521259307861</c:v>
                </c:pt>
                <c:pt idx="116">
                  <c:v>0.91869330406188998</c:v>
                </c:pt>
                <c:pt idx="117">
                  <c:v>0.94071191549301103</c:v>
                </c:pt>
                <c:pt idx="118">
                  <c:v>0.96153986454009999</c:v>
                </c:pt>
                <c:pt idx="119">
                  <c:v>0.94746702909469604</c:v>
                </c:pt>
                <c:pt idx="120">
                  <c:v>0.91797941923141502</c:v>
                </c:pt>
                <c:pt idx="121">
                  <c:v>0.92762744426727295</c:v>
                </c:pt>
                <c:pt idx="122">
                  <c:v>0.94435781240463301</c:v>
                </c:pt>
                <c:pt idx="123">
                  <c:v>0.89341747760772705</c:v>
                </c:pt>
                <c:pt idx="124">
                  <c:v>0.91112291812896695</c:v>
                </c:pt>
                <c:pt idx="125">
                  <c:v>0.92905604839324996</c:v>
                </c:pt>
                <c:pt idx="126">
                  <c:v>0.94955146312713601</c:v>
                </c:pt>
                <c:pt idx="127">
                  <c:v>0.93018978834152199</c:v>
                </c:pt>
                <c:pt idx="128">
                  <c:v>0.90449327230453502</c:v>
                </c:pt>
                <c:pt idx="129">
                  <c:v>0.94372385740280196</c:v>
                </c:pt>
                <c:pt idx="130">
                  <c:v>0.96939343214035001</c:v>
                </c:pt>
                <c:pt idx="131">
                  <c:v>0.92305475473403897</c:v>
                </c:pt>
                <c:pt idx="132">
                  <c:v>0.95930999517440796</c:v>
                </c:pt>
                <c:pt idx="133">
                  <c:v>0.94094938039779696</c:v>
                </c:pt>
                <c:pt idx="134">
                  <c:v>0.96301782131195102</c:v>
                </c:pt>
                <c:pt idx="135">
                  <c:v>0.92892646789550803</c:v>
                </c:pt>
                <c:pt idx="136">
                  <c:v>0.91758149862289395</c:v>
                </c:pt>
                <c:pt idx="137">
                  <c:v>0.98077440261840798</c:v>
                </c:pt>
                <c:pt idx="138">
                  <c:v>0.96507626771926902</c:v>
                </c:pt>
                <c:pt idx="139">
                  <c:v>0.97409152984619096</c:v>
                </c:pt>
                <c:pt idx="140">
                  <c:v>0.96245825290679898</c:v>
                </c:pt>
                <c:pt idx="141">
                  <c:v>0.99633061885833696</c:v>
                </c:pt>
                <c:pt idx="142">
                  <c:v>0.93855220079421997</c:v>
                </c:pt>
                <c:pt idx="143">
                  <c:v>0.98833650350570701</c:v>
                </c:pt>
                <c:pt idx="144">
                  <c:v>0.99593615531921398</c:v>
                </c:pt>
                <c:pt idx="145">
                  <c:v>1.0226292610168499</c:v>
                </c:pt>
                <c:pt idx="146">
                  <c:v>1.0270203351974501</c:v>
                </c:pt>
                <c:pt idx="147">
                  <c:v>1.00173759460449</c:v>
                </c:pt>
                <c:pt idx="148">
                  <c:v>0.98183387517929099</c:v>
                </c:pt>
                <c:pt idx="149">
                  <c:v>0.91910737752914395</c:v>
                </c:pt>
                <c:pt idx="150">
                  <c:v>0.97486293315887496</c:v>
                </c:pt>
                <c:pt idx="151">
                  <c:v>1.0169866085052499</c:v>
                </c:pt>
                <c:pt idx="152">
                  <c:v>1.0082799196243299</c:v>
                </c:pt>
                <c:pt idx="153">
                  <c:v>1.0380938053131099</c:v>
                </c:pt>
                <c:pt idx="154">
                  <c:v>1.0292992591857899</c:v>
                </c:pt>
                <c:pt idx="155">
                  <c:v>1.00413978099823</c:v>
                </c:pt>
                <c:pt idx="156">
                  <c:v>1.0138342380523699</c:v>
                </c:pt>
                <c:pt idx="157">
                  <c:v>0.98836117982864402</c:v>
                </c:pt>
                <c:pt idx="158">
                  <c:v>1.01028692722321</c:v>
                </c:pt>
                <c:pt idx="159">
                  <c:v>1.0058940649032599</c:v>
                </c:pt>
                <c:pt idx="160">
                  <c:v>0.98409938812255904</c:v>
                </c:pt>
                <c:pt idx="161">
                  <c:v>0.99155521392822299</c:v>
                </c:pt>
                <c:pt idx="162">
                  <c:v>0.97086638212204002</c:v>
                </c:pt>
                <c:pt idx="163">
                  <c:v>1.0349528789520299</c:v>
                </c:pt>
                <c:pt idx="164">
                  <c:v>0.96705174446106001</c:v>
                </c:pt>
                <c:pt idx="165">
                  <c:v>0.956087946891785</c:v>
                </c:pt>
                <c:pt idx="166">
                  <c:v>0.97342187166214</c:v>
                </c:pt>
                <c:pt idx="167">
                  <c:v>0.94745916128158603</c:v>
                </c:pt>
                <c:pt idx="168">
                  <c:v>0.90736192464828502</c:v>
                </c:pt>
                <c:pt idx="169">
                  <c:v>0.91863542795181297</c:v>
                </c:pt>
                <c:pt idx="170">
                  <c:v>0.87442994117736805</c:v>
                </c:pt>
                <c:pt idx="171">
                  <c:v>0.84553486108779896</c:v>
                </c:pt>
                <c:pt idx="172">
                  <c:v>0.86546605825424205</c:v>
                </c:pt>
                <c:pt idx="173">
                  <c:v>0.88581758737564098</c:v>
                </c:pt>
                <c:pt idx="174">
                  <c:v>0.86079043149948098</c:v>
                </c:pt>
                <c:pt idx="175">
                  <c:v>0.85685610771179199</c:v>
                </c:pt>
                <c:pt idx="176">
                  <c:v>0.84952837228775002</c:v>
                </c:pt>
                <c:pt idx="177">
                  <c:v>0.82418721914291404</c:v>
                </c:pt>
                <c:pt idx="178">
                  <c:v>0.80358624458312999</c:v>
                </c:pt>
                <c:pt idx="179">
                  <c:v>0.78510999679565396</c:v>
                </c:pt>
                <c:pt idx="180">
                  <c:v>0.78726810216903698</c:v>
                </c:pt>
                <c:pt idx="181">
                  <c:v>0.74929660558700595</c:v>
                </c:pt>
                <c:pt idx="182">
                  <c:v>0.79287648200988803</c:v>
                </c:pt>
                <c:pt idx="183">
                  <c:v>0.74391222000122104</c:v>
                </c:pt>
                <c:pt idx="184">
                  <c:v>0.82375717163085904</c:v>
                </c:pt>
                <c:pt idx="185">
                  <c:v>0.78127419948577903</c:v>
                </c:pt>
                <c:pt idx="186">
                  <c:v>0.79856759309768699</c:v>
                </c:pt>
                <c:pt idx="187">
                  <c:v>0.81653052568435702</c:v>
                </c:pt>
                <c:pt idx="188">
                  <c:v>0.80644279718399003</c:v>
                </c:pt>
                <c:pt idx="189">
                  <c:v>0.79685646295547496</c:v>
                </c:pt>
                <c:pt idx="190">
                  <c:v>0.79420250654220603</c:v>
                </c:pt>
                <c:pt idx="191">
                  <c:v>0.85515928268432595</c:v>
                </c:pt>
                <c:pt idx="192">
                  <c:v>0.80841171741485596</c:v>
                </c:pt>
                <c:pt idx="193">
                  <c:v>0.80649018287658703</c:v>
                </c:pt>
                <c:pt idx="194">
                  <c:v>0.84088551998138406</c:v>
                </c:pt>
                <c:pt idx="195">
                  <c:v>0.78568023443222001</c:v>
                </c:pt>
                <c:pt idx="196">
                  <c:v>0.77503132820129395</c:v>
                </c:pt>
                <c:pt idx="197">
                  <c:v>0.78407937288284302</c:v>
                </c:pt>
                <c:pt idx="198">
                  <c:v>0.79485225677490201</c:v>
                </c:pt>
                <c:pt idx="199">
                  <c:v>0.80419558286666903</c:v>
                </c:pt>
                <c:pt idx="200">
                  <c:v>0.81079918146133401</c:v>
                </c:pt>
                <c:pt idx="201">
                  <c:v>0.78059542179107699</c:v>
                </c:pt>
                <c:pt idx="202">
                  <c:v>0.73392903804779097</c:v>
                </c:pt>
                <c:pt idx="203">
                  <c:v>0.73244929313659701</c:v>
                </c:pt>
                <c:pt idx="204">
                  <c:v>0.72699904441833496</c:v>
                </c:pt>
                <c:pt idx="205">
                  <c:v>0.72125369310378995</c:v>
                </c:pt>
                <c:pt idx="206">
                  <c:v>0.70445615053176902</c:v>
                </c:pt>
                <c:pt idx="207">
                  <c:v>0.73199510574340798</c:v>
                </c:pt>
                <c:pt idx="208">
                  <c:v>0.72608089447021495</c:v>
                </c:pt>
                <c:pt idx="209">
                  <c:v>0.70058226585388195</c:v>
                </c:pt>
                <c:pt idx="210">
                  <c:v>0.69257527589797996</c:v>
                </c:pt>
                <c:pt idx="211">
                  <c:v>0.69837874174117998</c:v>
                </c:pt>
                <c:pt idx="212">
                  <c:v>0.68888300657272294</c:v>
                </c:pt>
                <c:pt idx="213">
                  <c:v>0.65484768152236905</c:v>
                </c:pt>
                <c:pt idx="214">
                  <c:v>0.671081483364105</c:v>
                </c:pt>
                <c:pt idx="215">
                  <c:v>0.67481368780136097</c:v>
                </c:pt>
                <c:pt idx="216">
                  <c:v>0.69034326076507602</c:v>
                </c:pt>
                <c:pt idx="217">
                  <c:v>0.72997856140136697</c:v>
                </c:pt>
                <c:pt idx="218">
                  <c:v>0.75362223386764504</c:v>
                </c:pt>
                <c:pt idx="219">
                  <c:v>0.776028692722321</c:v>
                </c:pt>
                <c:pt idx="220">
                  <c:v>0.83038640022277799</c:v>
                </c:pt>
                <c:pt idx="221">
                  <c:v>0.85073089599609397</c:v>
                </c:pt>
                <c:pt idx="222">
                  <c:v>0.90760833024978604</c:v>
                </c:pt>
                <c:pt idx="223">
                  <c:v>1.0066009759903001</c:v>
                </c:pt>
                <c:pt idx="224">
                  <c:v>1.0947905778884901</c:v>
                </c:pt>
                <c:pt idx="225">
                  <c:v>1.36204981803894</c:v>
                </c:pt>
                <c:pt idx="226">
                  <c:v>1.65300488471985</c:v>
                </c:pt>
                <c:pt idx="227">
                  <c:v>1.85199642181396</c:v>
                </c:pt>
                <c:pt idx="228">
                  <c:v>2.92242383956909</c:v>
                </c:pt>
                <c:pt idx="229">
                  <c:v>16.9805316925049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4F9A-44C7-A2D6-0195D2EA7715}"/>
            </c:ext>
          </c:extLst>
        </c:ser>
        <c:ser>
          <c:idx val="0"/>
          <c:order val="3"/>
          <c:tx>
            <c:v>1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Type_4_6_15__.3_thixotropy_rwd!$F$2:$F$231</c:f>
              <c:numCache>
                <c:formatCode>General</c:formatCode>
                <c:ptCount val="230"/>
                <c:pt idx="0">
                  <c:v>0.92490166425705</c:v>
                </c:pt>
                <c:pt idx="1">
                  <c:v>1.9249734878539999</c:v>
                </c:pt>
                <c:pt idx="2">
                  <c:v>2.9249579906463601</c:v>
                </c:pt>
                <c:pt idx="3">
                  <c:v>3.9249341487884499</c:v>
                </c:pt>
                <c:pt idx="4">
                  <c:v>4.9277153015136701</c:v>
                </c:pt>
                <c:pt idx="5">
                  <c:v>5.9275593757629403</c:v>
                </c:pt>
                <c:pt idx="6">
                  <c:v>6.9275350570678702</c:v>
                </c:pt>
                <c:pt idx="7">
                  <c:v>7.9274468421936</c:v>
                </c:pt>
                <c:pt idx="8">
                  <c:v>8.9275341033935494</c:v>
                </c:pt>
                <c:pt idx="9">
                  <c:v>9.9247970581054705</c:v>
                </c:pt>
                <c:pt idx="10">
                  <c:v>10.9249048233032</c:v>
                </c:pt>
                <c:pt idx="11">
                  <c:v>11.925035476684601</c:v>
                </c:pt>
                <c:pt idx="12">
                  <c:v>12.9252214431763</c:v>
                </c:pt>
                <c:pt idx="13">
                  <c:v>13.925264358520501</c:v>
                </c:pt>
                <c:pt idx="14">
                  <c:v>14.9253225326538</c:v>
                </c:pt>
                <c:pt idx="15">
                  <c:v>15.9254808425903</c:v>
                </c:pt>
                <c:pt idx="16">
                  <c:v>16.925178527831999</c:v>
                </c:pt>
                <c:pt idx="17">
                  <c:v>17.925102233886701</c:v>
                </c:pt>
                <c:pt idx="18">
                  <c:v>18.924640655517599</c:v>
                </c:pt>
                <c:pt idx="19">
                  <c:v>19.9246425628662</c:v>
                </c:pt>
                <c:pt idx="20">
                  <c:v>20.924415588378899</c:v>
                </c:pt>
                <c:pt idx="21">
                  <c:v>21.9239387512207</c:v>
                </c:pt>
                <c:pt idx="22">
                  <c:v>22.924047470092798</c:v>
                </c:pt>
                <c:pt idx="23">
                  <c:v>23.923545837402301</c:v>
                </c:pt>
                <c:pt idx="24">
                  <c:v>24.9234008789063</c:v>
                </c:pt>
                <c:pt idx="25">
                  <c:v>25.923162460327099</c:v>
                </c:pt>
                <c:pt idx="26">
                  <c:v>26.922792434692401</c:v>
                </c:pt>
                <c:pt idx="27">
                  <c:v>27.9225959777832</c:v>
                </c:pt>
                <c:pt idx="28">
                  <c:v>28.922214508056602</c:v>
                </c:pt>
                <c:pt idx="29">
                  <c:v>29.922056198120099</c:v>
                </c:pt>
                <c:pt idx="30">
                  <c:v>30.9218044281006</c:v>
                </c:pt>
                <c:pt idx="31">
                  <c:v>31.9214973449707</c:v>
                </c:pt>
                <c:pt idx="32">
                  <c:v>32.921337127685497</c:v>
                </c:pt>
                <c:pt idx="33">
                  <c:v>33.920871734619098</c:v>
                </c:pt>
                <c:pt idx="34">
                  <c:v>34.920822143554702</c:v>
                </c:pt>
                <c:pt idx="35">
                  <c:v>35.9205513000488</c:v>
                </c:pt>
                <c:pt idx="36">
                  <c:v>36.920516967773402</c:v>
                </c:pt>
                <c:pt idx="37">
                  <c:v>37.920036315917997</c:v>
                </c:pt>
                <c:pt idx="38">
                  <c:v>38.919979095458999</c:v>
                </c:pt>
                <c:pt idx="39">
                  <c:v>39.919788360595703</c:v>
                </c:pt>
                <c:pt idx="40">
                  <c:v>40.919101715087898</c:v>
                </c:pt>
                <c:pt idx="41">
                  <c:v>41.918907165527301</c:v>
                </c:pt>
                <c:pt idx="42">
                  <c:v>42.921470642089801</c:v>
                </c:pt>
                <c:pt idx="43">
                  <c:v>43.921257019042997</c:v>
                </c:pt>
                <c:pt idx="44">
                  <c:v>44.921134948730497</c:v>
                </c:pt>
                <c:pt idx="45">
                  <c:v>45.921165466308601</c:v>
                </c:pt>
                <c:pt idx="46">
                  <c:v>46.920848846435497</c:v>
                </c:pt>
                <c:pt idx="47">
                  <c:v>47.920719146728501</c:v>
                </c:pt>
                <c:pt idx="48">
                  <c:v>48.920074462890597</c:v>
                </c:pt>
                <c:pt idx="49">
                  <c:v>49.9200630187988</c:v>
                </c:pt>
                <c:pt idx="50">
                  <c:v>50.919628143310497</c:v>
                </c:pt>
                <c:pt idx="51">
                  <c:v>51.919288635253899</c:v>
                </c:pt>
                <c:pt idx="52">
                  <c:v>52.919403076171903</c:v>
                </c:pt>
                <c:pt idx="53">
                  <c:v>53.918754577636697</c:v>
                </c:pt>
                <c:pt idx="54">
                  <c:v>54.919025421142599</c:v>
                </c:pt>
                <c:pt idx="55">
                  <c:v>55.918453216552699</c:v>
                </c:pt>
                <c:pt idx="56">
                  <c:v>56.918289184570298</c:v>
                </c:pt>
                <c:pt idx="57">
                  <c:v>57.917930603027301</c:v>
                </c:pt>
                <c:pt idx="58">
                  <c:v>58.917724609375</c:v>
                </c:pt>
                <c:pt idx="59">
                  <c:v>59.9174194335938</c:v>
                </c:pt>
                <c:pt idx="60">
                  <c:v>60.917213439941399</c:v>
                </c:pt>
                <c:pt idx="61">
                  <c:v>61.917190551757798</c:v>
                </c:pt>
                <c:pt idx="62">
                  <c:v>62.916912078857401</c:v>
                </c:pt>
                <c:pt idx="63">
                  <c:v>63.916664123535199</c:v>
                </c:pt>
                <c:pt idx="64">
                  <c:v>64.916152954101605</c:v>
                </c:pt>
                <c:pt idx="65">
                  <c:v>65.916091918945298</c:v>
                </c:pt>
                <c:pt idx="66">
                  <c:v>66.915420532226605</c:v>
                </c:pt>
                <c:pt idx="67">
                  <c:v>67.915542602539105</c:v>
                </c:pt>
                <c:pt idx="68">
                  <c:v>68.915222167968807</c:v>
                </c:pt>
                <c:pt idx="69">
                  <c:v>69.915000915527301</c:v>
                </c:pt>
                <c:pt idx="70">
                  <c:v>70.914688110351605</c:v>
                </c:pt>
                <c:pt idx="71">
                  <c:v>71.91455078125</c:v>
                </c:pt>
                <c:pt idx="72">
                  <c:v>72.914001464843807</c:v>
                </c:pt>
                <c:pt idx="73">
                  <c:v>73.913948059082003</c:v>
                </c:pt>
                <c:pt idx="74">
                  <c:v>74.913612365722699</c:v>
                </c:pt>
                <c:pt idx="75">
                  <c:v>75.9134521484375</c:v>
                </c:pt>
                <c:pt idx="76">
                  <c:v>76.9134521484375</c:v>
                </c:pt>
                <c:pt idx="77">
                  <c:v>77.912704467773395</c:v>
                </c:pt>
                <c:pt idx="78">
                  <c:v>78.9129638671875</c:v>
                </c:pt>
                <c:pt idx="79">
                  <c:v>79.912139892578097</c:v>
                </c:pt>
                <c:pt idx="80">
                  <c:v>80.913131713867202</c:v>
                </c:pt>
                <c:pt idx="81">
                  <c:v>81.911972045898395</c:v>
                </c:pt>
                <c:pt idx="82">
                  <c:v>82.910858154296903</c:v>
                </c:pt>
                <c:pt idx="83">
                  <c:v>83.911872863769503</c:v>
                </c:pt>
                <c:pt idx="84">
                  <c:v>84.911552429199205</c:v>
                </c:pt>
                <c:pt idx="85">
                  <c:v>85.911476135253906</c:v>
                </c:pt>
                <c:pt idx="86">
                  <c:v>86.910957336425795</c:v>
                </c:pt>
                <c:pt idx="87">
                  <c:v>87.910430908203097</c:v>
                </c:pt>
                <c:pt idx="88">
                  <c:v>88.910232543945298</c:v>
                </c:pt>
                <c:pt idx="89">
                  <c:v>89.909812927246094</c:v>
                </c:pt>
                <c:pt idx="90">
                  <c:v>90.910072326660199</c:v>
                </c:pt>
                <c:pt idx="91">
                  <c:v>91.909835815429702</c:v>
                </c:pt>
                <c:pt idx="92">
                  <c:v>92.909523010253906</c:v>
                </c:pt>
                <c:pt idx="93">
                  <c:v>93.909111022949205</c:v>
                </c:pt>
                <c:pt idx="94">
                  <c:v>94.908714294433594</c:v>
                </c:pt>
                <c:pt idx="95">
                  <c:v>95.908668518066406</c:v>
                </c:pt>
                <c:pt idx="96">
                  <c:v>96.9083251953125</c:v>
                </c:pt>
                <c:pt idx="97">
                  <c:v>97.908462524414105</c:v>
                </c:pt>
                <c:pt idx="98">
                  <c:v>98.906913757324205</c:v>
                </c:pt>
                <c:pt idx="99">
                  <c:v>99.908279418945298</c:v>
                </c:pt>
                <c:pt idx="100">
                  <c:v>100.00079345703099</c:v>
                </c:pt>
                <c:pt idx="101">
                  <c:v>100.00009918212901</c:v>
                </c:pt>
                <c:pt idx="102">
                  <c:v>100.00096130371099</c:v>
                </c:pt>
                <c:pt idx="103">
                  <c:v>100.000198364258</c:v>
                </c:pt>
                <c:pt idx="104">
                  <c:v>99.999122619628906</c:v>
                </c:pt>
                <c:pt idx="105">
                  <c:v>99.999786376953097</c:v>
                </c:pt>
                <c:pt idx="106">
                  <c:v>99.999763488769503</c:v>
                </c:pt>
                <c:pt idx="107">
                  <c:v>100.000610351563</c:v>
                </c:pt>
                <c:pt idx="108">
                  <c:v>100.00025177002</c:v>
                </c:pt>
                <c:pt idx="109">
                  <c:v>99.999862670898395</c:v>
                </c:pt>
                <c:pt idx="110">
                  <c:v>99.999786376953097</c:v>
                </c:pt>
                <c:pt idx="111">
                  <c:v>99.999694824218807</c:v>
                </c:pt>
                <c:pt idx="112">
                  <c:v>100.000053405762</c:v>
                </c:pt>
                <c:pt idx="113">
                  <c:v>100.0009765625</c:v>
                </c:pt>
                <c:pt idx="114">
                  <c:v>100.00009155273401</c:v>
                </c:pt>
                <c:pt idx="115">
                  <c:v>99.999916076660199</c:v>
                </c:pt>
                <c:pt idx="116">
                  <c:v>100.0048828125</c:v>
                </c:pt>
                <c:pt idx="117">
                  <c:v>99.999580383300795</c:v>
                </c:pt>
                <c:pt idx="118">
                  <c:v>100.00046539306599</c:v>
                </c:pt>
                <c:pt idx="119">
                  <c:v>99.999626159667997</c:v>
                </c:pt>
                <c:pt idx="120">
                  <c:v>99.999366760253906</c:v>
                </c:pt>
                <c:pt idx="121">
                  <c:v>100.000205993652</c:v>
                </c:pt>
                <c:pt idx="122">
                  <c:v>99.999176025390597</c:v>
                </c:pt>
                <c:pt idx="123">
                  <c:v>100.000198364258</c:v>
                </c:pt>
                <c:pt idx="124">
                  <c:v>99.999931335449205</c:v>
                </c:pt>
                <c:pt idx="125">
                  <c:v>100.00030517578099</c:v>
                </c:pt>
                <c:pt idx="126">
                  <c:v>100.000358581543</c:v>
                </c:pt>
                <c:pt idx="127">
                  <c:v>100.00001525878901</c:v>
                </c:pt>
                <c:pt idx="128">
                  <c:v>100.000373840332</c:v>
                </c:pt>
                <c:pt idx="129">
                  <c:v>100.000694274902</c:v>
                </c:pt>
                <c:pt idx="130">
                  <c:v>99.076332092285199</c:v>
                </c:pt>
                <c:pt idx="131">
                  <c:v>98.075942993164105</c:v>
                </c:pt>
                <c:pt idx="132">
                  <c:v>97.073463439941406</c:v>
                </c:pt>
                <c:pt idx="133">
                  <c:v>96.073669433593807</c:v>
                </c:pt>
                <c:pt idx="134">
                  <c:v>95.075942993164105</c:v>
                </c:pt>
                <c:pt idx="135">
                  <c:v>94.076652526855497</c:v>
                </c:pt>
                <c:pt idx="136">
                  <c:v>93.077285766601605</c:v>
                </c:pt>
                <c:pt idx="137">
                  <c:v>92.074310302734403</c:v>
                </c:pt>
                <c:pt idx="138">
                  <c:v>91.074356079101605</c:v>
                </c:pt>
                <c:pt idx="139">
                  <c:v>90.077194213867202</c:v>
                </c:pt>
                <c:pt idx="140">
                  <c:v>89.077735900878906</c:v>
                </c:pt>
                <c:pt idx="141">
                  <c:v>88.078407287597699</c:v>
                </c:pt>
                <c:pt idx="142">
                  <c:v>87.075752258300795</c:v>
                </c:pt>
                <c:pt idx="143">
                  <c:v>86.078575134277301</c:v>
                </c:pt>
                <c:pt idx="144">
                  <c:v>85.078987121582003</c:v>
                </c:pt>
                <c:pt idx="145">
                  <c:v>84.078887939453097</c:v>
                </c:pt>
                <c:pt idx="146">
                  <c:v>83.079643249511705</c:v>
                </c:pt>
                <c:pt idx="147">
                  <c:v>82.079765319824205</c:v>
                </c:pt>
                <c:pt idx="148">
                  <c:v>81.079940795898395</c:v>
                </c:pt>
                <c:pt idx="149">
                  <c:v>80.079757690429702</c:v>
                </c:pt>
                <c:pt idx="150">
                  <c:v>79.079940795898395</c:v>
                </c:pt>
                <c:pt idx="151">
                  <c:v>78.081115722656307</c:v>
                </c:pt>
                <c:pt idx="152">
                  <c:v>77.080589294433594</c:v>
                </c:pt>
                <c:pt idx="153">
                  <c:v>76.080879211425795</c:v>
                </c:pt>
                <c:pt idx="154">
                  <c:v>75.081367492675795</c:v>
                </c:pt>
                <c:pt idx="155">
                  <c:v>74.081436157226605</c:v>
                </c:pt>
                <c:pt idx="156">
                  <c:v>73.081611633300795</c:v>
                </c:pt>
                <c:pt idx="157">
                  <c:v>72.081657409667997</c:v>
                </c:pt>
                <c:pt idx="158">
                  <c:v>71.0819091796875</c:v>
                </c:pt>
                <c:pt idx="159">
                  <c:v>70.082183837890597</c:v>
                </c:pt>
                <c:pt idx="160">
                  <c:v>69.082588195800795</c:v>
                </c:pt>
                <c:pt idx="161">
                  <c:v>68.082801818847699</c:v>
                </c:pt>
                <c:pt idx="162">
                  <c:v>67.083648681640597</c:v>
                </c:pt>
                <c:pt idx="163">
                  <c:v>66.0836181640625</c:v>
                </c:pt>
                <c:pt idx="164">
                  <c:v>65.083641052246094</c:v>
                </c:pt>
                <c:pt idx="165">
                  <c:v>64.083915710449205</c:v>
                </c:pt>
                <c:pt idx="166">
                  <c:v>63.084487915039098</c:v>
                </c:pt>
                <c:pt idx="167">
                  <c:v>62.084651947021499</c:v>
                </c:pt>
                <c:pt idx="168">
                  <c:v>61.084293365478501</c:v>
                </c:pt>
                <c:pt idx="169">
                  <c:v>60.084911346435497</c:v>
                </c:pt>
                <c:pt idx="170">
                  <c:v>59.0850830078125</c:v>
                </c:pt>
                <c:pt idx="171">
                  <c:v>58.082363128662102</c:v>
                </c:pt>
                <c:pt idx="172">
                  <c:v>57.085487365722699</c:v>
                </c:pt>
                <c:pt idx="173">
                  <c:v>56.083106994628899</c:v>
                </c:pt>
                <c:pt idx="174">
                  <c:v>55.086395263671903</c:v>
                </c:pt>
                <c:pt idx="175">
                  <c:v>54.083728790283203</c:v>
                </c:pt>
                <c:pt idx="176">
                  <c:v>53.083614349365199</c:v>
                </c:pt>
                <c:pt idx="177">
                  <c:v>52.084163665771499</c:v>
                </c:pt>
                <c:pt idx="178">
                  <c:v>51.084548950195298</c:v>
                </c:pt>
                <c:pt idx="179">
                  <c:v>50.084583282470703</c:v>
                </c:pt>
                <c:pt idx="180">
                  <c:v>49.084930419921903</c:v>
                </c:pt>
                <c:pt idx="181">
                  <c:v>48.084911346435497</c:v>
                </c:pt>
                <c:pt idx="182">
                  <c:v>47.085205078125</c:v>
                </c:pt>
                <c:pt idx="183">
                  <c:v>46.085483551025398</c:v>
                </c:pt>
                <c:pt idx="184">
                  <c:v>45.085880279541001</c:v>
                </c:pt>
                <c:pt idx="185">
                  <c:v>44.085910797119098</c:v>
                </c:pt>
                <c:pt idx="186">
                  <c:v>43.086170196533203</c:v>
                </c:pt>
                <c:pt idx="187">
                  <c:v>42.086174011230497</c:v>
                </c:pt>
                <c:pt idx="188">
                  <c:v>41.086524963378899</c:v>
                </c:pt>
                <c:pt idx="189">
                  <c:v>40.087039947509801</c:v>
                </c:pt>
                <c:pt idx="190">
                  <c:v>39.087200164794901</c:v>
                </c:pt>
                <c:pt idx="191">
                  <c:v>38.087360382080099</c:v>
                </c:pt>
                <c:pt idx="192">
                  <c:v>37.087654113769503</c:v>
                </c:pt>
                <c:pt idx="193">
                  <c:v>36.087821960449197</c:v>
                </c:pt>
                <c:pt idx="194">
                  <c:v>35.088233947753899</c:v>
                </c:pt>
                <c:pt idx="195">
                  <c:v>34.088417053222699</c:v>
                </c:pt>
                <c:pt idx="196">
                  <c:v>33.088653564453097</c:v>
                </c:pt>
                <c:pt idx="197">
                  <c:v>32.089000701904297</c:v>
                </c:pt>
                <c:pt idx="198">
                  <c:v>31.089014053344702</c:v>
                </c:pt>
                <c:pt idx="199">
                  <c:v>30.0893669128418</c:v>
                </c:pt>
                <c:pt idx="200">
                  <c:v>29.089614868164102</c:v>
                </c:pt>
                <c:pt idx="201">
                  <c:v>28.089939117431602</c:v>
                </c:pt>
                <c:pt idx="202">
                  <c:v>27.0899982452393</c:v>
                </c:pt>
                <c:pt idx="203">
                  <c:v>26.090406417846701</c:v>
                </c:pt>
                <c:pt idx="204">
                  <c:v>25.090589523315401</c:v>
                </c:pt>
                <c:pt idx="205">
                  <c:v>24.090774536132798</c:v>
                </c:pt>
                <c:pt idx="206">
                  <c:v>23.091106414794901</c:v>
                </c:pt>
                <c:pt idx="207">
                  <c:v>22.0913181304932</c:v>
                </c:pt>
                <c:pt idx="208">
                  <c:v>21.091569900512699</c:v>
                </c:pt>
                <c:pt idx="209">
                  <c:v>20.0917854309082</c:v>
                </c:pt>
                <c:pt idx="210">
                  <c:v>19.0920524597168</c:v>
                </c:pt>
                <c:pt idx="211">
                  <c:v>18.092250823974599</c:v>
                </c:pt>
                <c:pt idx="212">
                  <c:v>17.092552185058601</c:v>
                </c:pt>
                <c:pt idx="213">
                  <c:v>16.092760086059599</c:v>
                </c:pt>
                <c:pt idx="214">
                  <c:v>15.092730522155801</c:v>
                </c:pt>
                <c:pt idx="215">
                  <c:v>14.0925855636597</c:v>
                </c:pt>
                <c:pt idx="216">
                  <c:v>13.0925645828247</c:v>
                </c:pt>
                <c:pt idx="217">
                  <c:v>12.0925350189209</c:v>
                </c:pt>
                <c:pt idx="218">
                  <c:v>11.092247009277299</c:v>
                </c:pt>
                <c:pt idx="219">
                  <c:v>10.092267990112299</c:v>
                </c:pt>
                <c:pt idx="220">
                  <c:v>9.0921134948730504</c:v>
                </c:pt>
                <c:pt idx="221">
                  <c:v>8.0920581817627006</c:v>
                </c:pt>
                <c:pt idx="222">
                  <c:v>7.0920882225036603</c:v>
                </c:pt>
                <c:pt idx="223">
                  <c:v>6.0920681953430202</c:v>
                </c:pt>
                <c:pt idx="224">
                  <c:v>5.0922055244445801</c:v>
                </c:pt>
                <c:pt idx="225">
                  <c:v>4.0922975540161097</c:v>
                </c:pt>
                <c:pt idx="226">
                  <c:v>3.0922670364379901</c:v>
                </c:pt>
                <c:pt idx="227">
                  <c:v>2.09232497215271</c:v>
                </c:pt>
                <c:pt idx="228">
                  <c:v>1.09236812591553</c:v>
                </c:pt>
                <c:pt idx="229">
                  <c:v>9.2543743550777394E-2</c:v>
                </c:pt>
              </c:numCache>
            </c:numRef>
          </c:xVal>
          <c:yVal>
            <c:numRef>
              <c:f>Type_4_6_15__.3_thixotropy_rwd!$G$2:$G$231</c:f>
              <c:numCache>
                <c:formatCode>General</c:formatCode>
                <c:ptCount val="230"/>
                <c:pt idx="0">
                  <c:v>13.961327552795399</c:v>
                </c:pt>
                <c:pt idx="1">
                  <c:v>7.2527384757995597</c:v>
                </c:pt>
                <c:pt idx="2">
                  <c:v>5.2651333808898899</c:v>
                </c:pt>
                <c:pt idx="3">
                  <c:v>4.2440476417541504</c:v>
                </c:pt>
                <c:pt idx="4">
                  <c:v>3.6420557498931898</c:v>
                </c:pt>
                <c:pt idx="5">
                  <c:v>3.19610595703125</c:v>
                </c:pt>
                <c:pt idx="6">
                  <c:v>2.87780666351318</c:v>
                </c:pt>
                <c:pt idx="7">
                  <c:v>2.6538558006286599</c:v>
                </c:pt>
                <c:pt idx="8">
                  <c:v>2.4384713172912602</c:v>
                </c:pt>
                <c:pt idx="9">
                  <c:v>2.3124139308929399</c:v>
                </c:pt>
                <c:pt idx="10">
                  <c:v>2.1808118820190399</c:v>
                </c:pt>
                <c:pt idx="11">
                  <c:v>2.0933403968811</c:v>
                </c:pt>
                <c:pt idx="12">
                  <c:v>1.9818133115768399</c:v>
                </c:pt>
                <c:pt idx="13">
                  <c:v>1.8842583894729601</c:v>
                </c:pt>
                <c:pt idx="14">
                  <c:v>1.80226814746857</c:v>
                </c:pt>
                <c:pt idx="15">
                  <c:v>1.72725665569305</c:v>
                </c:pt>
                <c:pt idx="16">
                  <c:v>1.6711965799331701</c:v>
                </c:pt>
                <c:pt idx="17">
                  <c:v>1.64321649074554</c:v>
                </c:pt>
                <c:pt idx="18">
                  <c:v>1.58782410621643</c:v>
                </c:pt>
                <c:pt idx="19">
                  <c:v>1.5460892915725699</c:v>
                </c:pt>
                <c:pt idx="20">
                  <c:v>1.48849236965179</c:v>
                </c:pt>
                <c:pt idx="21">
                  <c:v>1.4393990039825399</c:v>
                </c:pt>
                <c:pt idx="22">
                  <c:v>1.4064154624939</c:v>
                </c:pt>
                <c:pt idx="23">
                  <c:v>1.4017469882965099</c:v>
                </c:pt>
                <c:pt idx="24">
                  <c:v>1.3646844625473</c:v>
                </c:pt>
                <c:pt idx="25">
                  <c:v>1.3530008792877199</c:v>
                </c:pt>
                <c:pt idx="26">
                  <c:v>1.3585400581359901</c:v>
                </c:pt>
                <c:pt idx="27">
                  <c:v>1.33316969871521</c:v>
                </c:pt>
                <c:pt idx="28">
                  <c:v>1.34697830677032</c:v>
                </c:pt>
                <c:pt idx="29">
                  <c:v>1.33508336544037</c:v>
                </c:pt>
                <c:pt idx="30">
                  <c:v>1.3120484352111801</c:v>
                </c:pt>
                <c:pt idx="31">
                  <c:v>1.2936027050018299</c:v>
                </c:pt>
                <c:pt idx="32">
                  <c:v>1.29497635364532</c:v>
                </c:pt>
                <c:pt idx="33">
                  <c:v>1.28087902069092</c:v>
                </c:pt>
                <c:pt idx="34">
                  <c:v>1.2976161241531401</c:v>
                </c:pt>
                <c:pt idx="35">
                  <c:v>1.2872232198715201</c:v>
                </c:pt>
                <c:pt idx="36">
                  <c:v>1.2940211296081501</c:v>
                </c:pt>
                <c:pt idx="37">
                  <c:v>1.2908028364181501</c:v>
                </c:pt>
                <c:pt idx="38">
                  <c:v>1.3080514669418299</c:v>
                </c:pt>
                <c:pt idx="39">
                  <c:v>1.29607594013214</c:v>
                </c:pt>
                <c:pt idx="40">
                  <c:v>1.2899653911590601</c:v>
                </c:pt>
                <c:pt idx="41">
                  <c:v>1.3014328479766799</c:v>
                </c:pt>
                <c:pt idx="42">
                  <c:v>1.3112484216690099</c:v>
                </c:pt>
                <c:pt idx="43">
                  <c:v>1.3355399370193499</c:v>
                </c:pt>
                <c:pt idx="44">
                  <c:v>1.3402733802795399</c:v>
                </c:pt>
                <c:pt idx="45">
                  <c:v>1.34063816070557</c:v>
                </c:pt>
                <c:pt idx="46">
                  <c:v>1.3731229305267301</c:v>
                </c:pt>
                <c:pt idx="47">
                  <c:v>1.38096511363983</c:v>
                </c:pt>
                <c:pt idx="48">
                  <c:v>1.40126216411591</c:v>
                </c:pt>
                <c:pt idx="49">
                  <c:v>1.4295282363891599</c:v>
                </c:pt>
                <c:pt idx="50">
                  <c:v>1.43321144580841</c:v>
                </c:pt>
                <c:pt idx="51">
                  <c:v>1.4437490701675399</c:v>
                </c:pt>
                <c:pt idx="52">
                  <c:v>1.46197533607483</c:v>
                </c:pt>
                <c:pt idx="53">
                  <c:v>1.4694730043411299</c:v>
                </c:pt>
                <c:pt idx="54">
                  <c:v>1.4868882894516</c:v>
                </c:pt>
                <c:pt idx="55">
                  <c:v>1.5086580514907799</c:v>
                </c:pt>
                <c:pt idx="56">
                  <c:v>1.53947269916534</c:v>
                </c:pt>
                <c:pt idx="57">
                  <c:v>1.5354648828506501</c:v>
                </c:pt>
                <c:pt idx="58">
                  <c:v>1.5402648448944101</c:v>
                </c:pt>
                <c:pt idx="59">
                  <c:v>1.5549778938293499</c:v>
                </c:pt>
                <c:pt idx="60">
                  <c:v>1.5683821439743</c:v>
                </c:pt>
                <c:pt idx="61">
                  <c:v>1.57759296894073</c:v>
                </c:pt>
                <c:pt idx="62">
                  <c:v>1.58654689788818</c:v>
                </c:pt>
                <c:pt idx="63">
                  <c:v>1.6241158246994001</c:v>
                </c:pt>
                <c:pt idx="64">
                  <c:v>1.58476221561432</c:v>
                </c:pt>
                <c:pt idx="65">
                  <c:v>1.5984524488449099</c:v>
                </c:pt>
                <c:pt idx="66">
                  <c:v>1.62205958366394</c:v>
                </c:pt>
                <c:pt idx="67">
                  <c:v>1.64571952819824</c:v>
                </c:pt>
                <c:pt idx="68">
                  <c:v>1.6726102828979501</c:v>
                </c:pt>
                <c:pt idx="69">
                  <c:v>1.68910264968872</c:v>
                </c:pt>
                <c:pt idx="70">
                  <c:v>1.6913436651229901</c:v>
                </c:pt>
                <c:pt idx="71">
                  <c:v>1.6939939260482799</c:v>
                </c:pt>
                <c:pt idx="72">
                  <c:v>1.698774933815</c:v>
                </c:pt>
                <c:pt idx="73">
                  <c:v>1.70916855335236</c:v>
                </c:pt>
                <c:pt idx="74">
                  <c:v>1.6965236663818399</c:v>
                </c:pt>
                <c:pt idx="75">
                  <c:v>1.59962117671967</c:v>
                </c:pt>
                <c:pt idx="76">
                  <c:v>1.6360459327697801</c:v>
                </c:pt>
                <c:pt idx="77">
                  <c:v>1.66803598403931</c:v>
                </c:pt>
                <c:pt idx="78">
                  <c:v>1.6691545248031601</c:v>
                </c:pt>
                <c:pt idx="79">
                  <c:v>1.6581851243972801</c:v>
                </c:pt>
                <c:pt idx="80">
                  <c:v>1.6777476072311399</c:v>
                </c:pt>
                <c:pt idx="81">
                  <c:v>1.6461166143417401</c:v>
                </c:pt>
                <c:pt idx="82">
                  <c:v>1.6692411899566699</c:v>
                </c:pt>
                <c:pt idx="83">
                  <c:v>1.6598893404007</c:v>
                </c:pt>
                <c:pt idx="84">
                  <c:v>1.6888182163238501</c:v>
                </c:pt>
                <c:pt idx="85">
                  <c:v>1.70790708065033</c:v>
                </c:pt>
                <c:pt idx="86">
                  <c:v>1.68485832214355</c:v>
                </c:pt>
                <c:pt idx="87">
                  <c:v>1.7167316675186199</c:v>
                </c:pt>
                <c:pt idx="88">
                  <c:v>1.71145308017731</c:v>
                </c:pt>
                <c:pt idx="89">
                  <c:v>1.7135639190673799</c:v>
                </c:pt>
                <c:pt idx="90">
                  <c:v>1.7516416311264</c:v>
                </c:pt>
                <c:pt idx="91">
                  <c:v>1.7571450471878101</c:v>
                </c:pt>
                <c:pt idx="92">
                  <c:v>1.7613872289657599</c:v>
                </c:pt>
                <c:pt idx="93">
                  <c:v>1.7838119268417401</c:v>
                </c:pt>
                <c:pt idx="94">
                  <c:v>1.77861428260803</c:v>
                </c:pt>
                <c:pt idx="95">
                  <c:v>1.77576792240143</c:v>
                </c:pt>
                <c:pt idx="96">
                  <c:v>1.7684456110000599</c:v>
                </c:pt>
                <c:pt idx="97">
                  <c:v>1.7831003665924099</c:v>
                </c:pt>
                <c:pt idx="98">
                  <c:v>1.74143958091736</c:v>
                </c:pt>
                <c:pt idx="99">
                  <c:v>1.77719402313232</c:v>
                </c:pt>
                <c:pt idx="100">
                  <c:v>1.7017636299133301</c:v>
                </c:pt>
                <c:pt idx="101">
                  <c:v>1.70483362674713</c:v>
                </c:pt>
                <c:pt idx="102">
                  <c:v>1.7064516544342001</c:v>
                </c:pt>
                <c:pt idx="103">
                  <c:v>1.71927607059479</c:v>
                </c:pt>
                <c:pt idx="104">
                  <c:v>1.7132259607315099</c:v>
                </c:pt>
                <c:pt idx="105">
                  <c:v>1.72194027900696</c:v>
                </c:pt>
                <c:pt idx="106">
                  <c:v>1.72008109092712</c:v>
                </c:pt>
                <c:pt idx="107">
                  <c:v>1.72385358810425</c:v>
                </c:pt>
                <c:pt idx="108">
                  <c:v>1.7103458642959599</c:v>
                </c:pt>
                <c:pt idx="109">
                  <c:v>1.69693148136139</c:v>
                </c:pt>
                <c:pt idx="110">
                  <c:v>1.6975523233413701</c:v>
                </c:pt>
                <c:pt idx="111">
                  <c:v>1.70700919628143</c:v>
                </c:pt>
                <c:pt idx="112">
                  <c:v>1.70386230945587</c:v>
                </c:pt>
                <c:pt idx="113">
                  <c:v>1.68544745445251</c:v>
                </c:pt>
                <c:pt idx="114">
                  <c:v>1.6936326026916499</c:v>
                </c:pt>
                <c:pt idx="115">
                  <c:v>1.6931388378143299</c:v>
                </c:pt>
                <c:pt idx="116">
                  <c:v>1.6857258081436199</c:v>
                </c:pt>
                <c:pt idx="117">
                  <c:v>1.65188944339752</c:v>
                </c:pt>
                <c:pt idx="118">
                  <c:v>1.66039967536926</c:v>
                </c:pt>
                <c:pt idx="119">
                  <c:v>1.66319715976715</c:v>
                </c:pt>
                <c:pt idx="120">
                  <c:v>1.6828089952468901</c:v>
                </c:pt>
                <c:pt idx="121">
                  <c:v>1.64202797412872</c:v>
                </c:pt>
                <c:pt idx="122">
                  <c:v>1.6539124250412001</c:v>
                </c:pt>
                <c:pt idx="123">
                  <c:v>1.67841589450836</c:v>
                </c:pt>
                <c:pt idx="124">
                  <c:v>1.69527351856232</c:v>
                </c:pt>
                <c:pt idx="125">
                  <c:v>1.69480180740356</c:v>
                </c:pt>
                <c:pt idx="126">
                  <c:v>1.6802716255187999</c:v>
                </c:pt>
                <c:pt idx="127">
                  <c:v>1.67477583885193</c:v>
                </c:pt>
                <c:pt idx="128">
                  <c:v>1.6854493618011499</c:v>
                </c:pt>
                <c:pt idx="129">
                  <c:v>1.68206715583801</c:v>
                </c:pt>
                <c:pt idx="130">
                  <c:v>1.7023516893386801</c:v>
                </c:pt>
                <c:pt idx="131">
                  <c:v>1.6278495788574201</c:v>
                </c:pt>
                <c:pt idx="132">
                  <c:v>1.64673519134521</c:v>
                </c:pt>
                <c:pt idx="133">
                  <c:v>1.6243201494216899</c:v>
                </c:pt>
                <c:pt idx="134">
                  <c:v>1.6172466278076201</c:v>
                </c:pt>
                <c:pt idx="135">
                  <c:v>1.5977281332016</c:v>
                </c:pt>
                <c:pt idx="136">
                  <c:v>1.5902841091155999</c:v>
                </c:pt>
                <c:pt idx="137">
                  <c:v>1.56545662879944</c:v>
                </c:pt>
                <c:pt idx="138">
                  <c:v>1.5677902698516799</c:v>
                </c:pt>
                <c:pt idx="139">
                  <c:v>1.5666760206222501</c:v>
                </c:pt>
                <c:pt idx="140">
                  <c:v>1.5428330898284901</c:v>
                </c:pt>
                <c:pt idx="141">
                  <c:v>1.53299677371979</c:v>
                </c:pt>
                <c:pt idx="142">
                  <c:v>1.47355568408966</c:v>
                </c:pt>
                <c:pt idx="143">
                  <c:v>1.4566965103149401</c:v>
                </c:pt>
                <c:pt idx="144">
                  <c:v>1.4401149749755899</c:v>
                </c:pt>
                <c:pt idx="145">
                  <c:v>1.44612157344818</c:v>
                </c:pt>
                <c:pt idx="146">
                  <c:v>1.4347352981567401</c:v>
                </c:pt>
                <c:pt idx="147">
                  <c:v>1.43262374401093</c:v>
                </c:pt>
                <c:pt idx="148">
                  <c:v>1.40111744403839</c:v>
                </c:pt>
                <c:pt idx="149">
                  <c:v>1.39572393894196</c:v>
                </c:pt>
                <c:pt idx="150">
                  <c:v>1.3991110324859599</c:v>
                </c:pt>
                <c:pt idx="151">
                  <c:v>1.3801010847091699</c:v>
                </c:pt>
                <c:pt idx="152">
                  <c:v>1.3706852197647099</c:v>
                </c:pt>
                <c:pt idx="153">
                  <c:v>1.37730324268341</c:v>
                </c:pt>
                <c:pt idx="154">
                  <c:v>1.35585796833038</c:v>
                </c:pt>
                <c:pt idx="155">
                  <c:v>1.3475704193115201</c:v>
                </c:pt>
                <c:pt idx="156">
                  <c:v>1.3396904468536399</c:v>
                </c:pt>
                <c:pt idx="157">
                  <c:v>1.32989537715912</c:v>
                </c:pt>
                <c:pt idx="158">
                  <c:v>1.31467509269714</c:v>
                </c:pt>
                <c:pt idx="159">
                  <c:v>1.32899677753448</c:v>
                </c:pt>
                <c:pt idx="160">
                  <c:v>1.30557548999786</c:v>
                </c:pt>
                <c:pt idx="161">
                  <c:v>1.27590131759644</c:v>
                </c:pt>
                <c:pt idx="162">
                  <c:v>1.2414065599441499</c:v>
                </c:pt>
                <c:pt idx="163">
                  <c:v>1.2321478128433201</c:v>
                </c:pt>
                <c:pt idx="164">
                  <c:v>1.22148621082306</c:v>
                </c:pt>
                <c:pt idx="165">
                  <c:v>1.2376321554184</c:v>
                </c:pt>
                <c:pt idx="166">
                  <c:v>1.2242457866668699</c:v>
                </c:pt>
                <c:pt idx="167">
                  <c:v>1.2181822061538701</c:v>
                </c:pt>
                <c:pt idx="168">
                  <c:v>1.2066076993942301</c:v>
                </c:pt>
                <c:pt idx="169">
                  <c:v>1.2023444175720199</c:v>
                </c:pt>
                <c:pt idx="170">
                  <c:v>1.29324018955231</c:v>
                </c:pt>
                <c:pt idx="171">
                  <c:v>1.28237152099609</c:v>
                </c:pt>
                <c:pt idx="172">
                  <c:v>1.26042473316193</c:v>
                </c:pt>
                <c:pt idx="173">
                  <c:v>1.23671174049377</c:v>
                </c:pt>
                <c:pt idx="174">
                  <c:v>1.2168211936950699</c:v>
                </c:pt>
                <c:pt idx="175">
                  <c:v>1.22968137264252</c:v>
                </c:pt>
                <c:pt idx="176">
                  <c:v>1.32828617095947</c:v>
                </c:pt>
                <c:pt idx="177">
                  <c:v>1.28141713142395</c:v>
                </c:pt>
                <c:pt idx="178">
                  <c:v>1.2854093313217201</c:v>
                </c:pt>
                <c:pt idx="179">
                  <c:v>1.2724621295928999</c:v>
                </c:pt>
                <c:pt idx="180">
                  <c:v>1.2363016605377199</c:v>
                </c:pt>
                <c:pt idx="181">
                  <c:v>1.22464179992676</c:v>
                </c:pt>
                <c:pt idx="182">
                  <c:v>1.22830498218536</c:v>
                </c:pt>
                <c:pt idx="183">
                  <c:v>1.1952091455459599</c:v>
                </c:pt>
                <c:pt idx="184">
                  <c:v>1.19292104244232</c:v>
                </c:pt>
                <c:pt idx="185">
                  <c:v>1.2130306959152199</c:v>
                </c:pt>
                <c:pt idx="186">
                  <c:v>1.18603980541229</c:v>
                </c:pt>
                <c:pt idx="187">
                  <c:v>1.1919075250625599</c:v>
                </c:pt>
                <c:pt idx="188">
                  <c:v>1.1917312145233201</c:v>
                </c:pt>
                <c:pt idx="189">
                  <c:v>1.1723655462264999</c:v>
                </c:pt>
                <c:pt idx="190">
                  <c:v>1.15160548686981</c:v>
                </c:pt>
                <c:pt idx="191">
                  <c:v>1.15800893306732</c:v>
                </c:pt>
                <c:pt idx="192">
                  <c:v>1.1635240316391</c:v>
                </c:pt>
                <c:pt idx="193">
                  <c:v>1.1808005571365401</c:v>
                </c:pt>
                <c:pt idx="194">
                  <c:v>1.1854947805404701</c:v>
                </c:pt>
                <c:pt idx="195">
                  <c:v>1.1798342466354399</c:v>
                </c:pt>
                <c:pt idx="196">
                  <c:v>1.18792104721069</c:v>
                </c:pt>
                <c:pt idx="197">
                  <c:v>1.19227278232574</c:v>
                </c:pt>
                <c:pt idx="198">
                  <c:v>1.1918075084686299</c:v>
                </c:pt>
                <c:pt idx="199">
                  <c:v>1.21072006225586</c:v>
                </c:pt>
                <c:pt idx="200">
                  <c:v>1.2182639837264999</c:v>
                </c:pt>
                <c:pt idx="201">
                  <c:v>1.2479454278945901</c:v>
                </c:pt>
                <c:pt idx="202">
                  <c:v>1.24989533424377</c:v>
                </c:pt>
                <c:pt idx="203">
                  <c:v>1.2607122659683201</c:v>
                </c:pt>
                <c:pt idx="204">
                  <c:v>1.28834760189056</c:v>
                </c:pt>
                <c:pt idx="205">
                  <c:v>1.3093794584274301</c:v>
                </c:pt>
                <c:pt idx="206">
                  <c:v>1.33021068572998</c:v>
                </c:pt>
                <c:pt idx="207">
                  <c:v>1.37125897407532</c:v>
                </c:pt>
                <c:pt idx="208">
                  <c:v>1.37831342220306</c:v>
                </c:pt>
                <c:pt idx="209">
                  <c:v>1.38600242137909</c:v>
                </c:pt>
                <c:pt idx="210">
                  <c:v>1.4350243806839</c:v>
                </c:pt>
                <c:pt idx="211">
                  <c:v>1.47936904430389</c:v>
                </c:pt>
                <c:pt idx="212">
                  <c:v>1.52013671398163</c:v>
                </c:pt>
                <c:pt idx="213">
                  <c:v>1.5652327537536601</c:v>
                </c:pt>
                <c:pt idx="214">
                  <c:v>1.62200260162354</c:v>
                </c:pt>
                <c:pt idx="215">
                  <c:v>1.6676698923111</c:v>
                </c:pt>
                <c:pt idx="216">
                  <c:v>1.74643278121948</c:v>
                </c:pt>
                <c:pt idx="217">
                  <c:v>1.82323169708252</c:v>
                </c:pt>
                <c:pt idx="218">
                  <c:v>1.89488506317139</c:v>
                </c:pt>
                <c:pt idx="219">
                  <c:v>2.0278367996215798</c:v>
                </c:pt>
                <c:pt idx="220">
                  <c:v>2.1185953617095898</c:v>
                </c:pt>
                <c:pt idx="221">
                  <c:v>2.2690124511718799</c:v>
                </c:pt>
                <c:pt idx="222">
                  <c:v>2.45586133003235</c:v>
                </c:pt>
                <c:pt idx="223">
                  <c:v>2.6794345378875701</c:v>
                </c:pt>
                <c:pt idx="224">
                  <c:v>2.9682579040527299</c:v>
                </c:pt>
                <c:pt idx="225">
                  <c:v>3.3760604858398402</c:v>
                </c:pt>
                <c:pt idx="226">
                  <c:v>3.96493268013</c:v>
                </c:pt>
                <c:pt idx="227">
                  <c:v>5.0603556632995597</c:v>
                </c:pt>
                <c:pt idx="228">
                  <c:v>7.5151066780090297</c:v>
                </c:pt>
                <c:pt idx="229">
                  <c:v>37.2041816711425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F9A-44C7-A2D6-0195D2EA7715}"/>
            </c:ext>
          </c:extLst>
        </c:ser>
        <c:ser>
          <c:idx val="7"/>
          <c:order val="4"/>
          <c:tx>
            <c:v>2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xVal>
            <c:numRef>
              <c:f>_27_01_bss_4_6_thixotropy_3_1_r!$F$2:$F$231</c:f>
              <c:numCache>
                <c:formatCode>General</c:formatCode>
                <c:ptCount val="230"/>
                <c:pt idx="0">
                  <c:v>0.925326287746429</c:v>
                </c:pt>
                <c:pt idx="1">
                  <c:v>1.9250180721282999</c:v>
                </c:pt>
                <c:pt idx="2">
                  <c:v>2.9249427318572998</c:v>
                </c:pt>
                <c:pt idx="3">
                  <c:v>3.9244627952575701</c:v>
                </c:pt>
                <c:pt idx="4">
                  <c:v>4.9248609542846697</c:v>
                </c:pt>
                <c:pt idx="5">
                  <c:v>5.92501020431519</c:v>
                </c:pt>
                <c:pt idx="6">
                  <c:v>6.9273104667663601</c:v>
                </c:pt>
                <c:pt idx="7">
                  <c:v>7.9274401664733896</c:v>
                </c:pt>
                <c:pt idx="8">
                  <c:v>8.9265632629394496</c:v>
                </c:pt>
                <c:pt idx="9">
                  <c:v>9.9250736236572301</c:v>
                </c:pt>
                <c:pt idx="10">
                  <c:v>10.924939155578601</c:v>
                </c:pt>
                <c:pt idx="11">
                  <c:v>11.924943923950201</c:v>
                </c:pt>
                <c:pt idx="12">
                  <c:v>12.9252328872681</c:v>
                </c:pt>
                <c:pt idx="13">
                  <c:v>13.925402641296399</c:v>
                </c:pt>
                <c:pt idx="14">
                  <c:v>14.925350189209</c:v>
                </c:pt>
                <c:pt idx="15">
                  <c:v>15.925523757934601</c:v>
                </c:pt>
                <c:pt idx="16">
                  <c:v>16.925308227539102</c:v>
                </c:pt>
                <c:pt idx="17">
                  <c:v>17.9251098632813</c:v>
                </c:pt>
                <c:pt idx="18">
                  <c:v>18.924699783325199</c:v>
                </c:pt>
                <c:pt idx="19">
                  <c:v>19.9246120452881</c:v>
                </c:pt>
                <c:pt idx="20">
                  <c:v>20.9242153167725</c:v>
                </c:pt>
                <c:pt idx="21">
                  <c:v>21.924192428588899</c:v>
                </c:pt>
                <c:pt idx="22">
                  <c:v>22.923662185668899</c:v>
                </c:pt>
                <c:pt idx="23">
                  <c:v>23.9236660003662</c:v>
                </c:pt>
                <c:pt idx="24">
                  <c:v>24.9232063293457</c:v>
                </c:pt>
                <c:pt idx="25">
                  <c:v>25.922876358032202</c:v>
                </c:pt>
                <c:pt idx="26">
                  <c:v>26.922914505004901</c:v>
                </c:pt>
                <c:pt idx="27">
                  <c:v>27.922348022460898</c:v>
                </c:pt>
                <c:pt idx="28">
                  <c:v>28.922288894653299</c:v>
                </c:pt>
                <c:pt idx="29">
                  <c:v>29.922113418579102</c:v>
                </c:pt>
                <c:pt idx="30">
                  <c:v>30.921867370605501</c:v>
                </c:pt>
                <c:pt idx="31">
                  <c:v>31.921556472778299</c:v>
                </c:pt>
                <c:pt idx="32">
                  <c:v>32.921169281005902</c:v>
                </c:pt>
                <c:pt idx="33">
                  <c:v>33.920936584472699</c:v>
                </c:pt>
                <c:pt idx="34">
                  <c:v>34.920928955078097</c:v>
                </c:pt>
                <c:pt idx="35">
                  <c:v>35.920711517333999</c:v>
                </c:pt>
                <c:pt idx="36">
                  <c:v>36.920211791992202</c:v>
                </c:pt>
                <c:pt idx="37">
                  <c:v>37.919822692871101</c:v>
                </c:pt>
                <c:pt idx="38">
                  <c:v>38.919647216796903</c:v>
                </c:pt>
                <c:pt idx="39">
                  <c:v>39.9195556640625</c:v>
                </c:pt>
                <c:pt idx="40">
                  <c:v>40.919002532958999</c:v>
                </c:pt>
                <c:pt idx="41">
                  <c:v>41.922046661377003</c:v>
                </c:pt>
                <c:pt idx="42">
                  <c:v>42.921627044677699</c:v>
                </c:pt>
                <c:pt idx="43">
                  <c:v>43.922645568847699</c:v>
                </c:pt>
                <c:pt idx="44">
                  <c:v>44.920997619628899</c:v>
                </c:pt>
                <c:pt idx="45">
                  <c:v>45.9207954406738</c:v>
                </c:pt>
                <c:pt idx="46">
                  <c:v>46.920650482177699</c:v>
                </c:pt>
                <c:pt idx="47">
                  <c:v>47.920352935791001</c:v>
                </c:pt>
                <c:pt idx="48">
                  <c:v>48.920230865478501</c:v>
                </c:pt>
                <c:pt idx="49">
                  <c:v>49.919921875</c:v>
                </c:pt>
                <c:pt idx="50">
                  <c:v>50.919975280761697</c:v>
                </c:pt>
                <c:pt idx="51">
                  <c:v>51.919239044189503</c:v>
                </c:pt>
                <c:pt idx="52">
                  <c:v>52.919300079345703</c:v>
                </c:pt>
                <c:pt idx="53">
                  <c:v>53.919216156005902</c:v>
                </c:pt>
                <c:pt idx="54">
                  <c:v>54.918704986572301</c:v>
                </c:pt>
                <c:pt idx="55">
                  <c:v>55.918739318847699</c:v>
                </c:pt>
                <c:pt idx="56">
                  <c:v>56.918239593505902</c:v>
                </c:pt>
                <c:pt idx="57">
                  <c:v>57.918216705322301</c:v>
                </c:pt>
                <c:pt idx="58">
                  <c:v>58.917587280273402</c:v>
                </c:pt>
                <c:pt idx="59">
                  <c:v>59.917667388916001</c:v>
                </c:pt>
                <c:pt idx="60">
                  <c:v>60.916980743408203</c:v>
                </c:pt>
                <c:pt idx="61">
                  <c:v>61.917282104492202</c:v>
                </c:pt>
                <c:pt idx="62">
                  <c:v>62.916923522949197</c:v>
                </c:pt>
                <c:pt idx="63">
                  <c:v>63.916587829589801</c:v>
                </c:pt>
                <c:pt idx="64">
                  <c:v>64.916152954101605</c:v>
                </c:pt>
                <c:pt idx="65">
                  <c:v>65.916091918945298</c:v>
                </c:pt>
                <c:pt idx="66">
                  <c:v>66.915565490722699</c:v>
                </c:pt>
                <c:pt idx="67">
                  <c:v>67.915542602539105</c:v>
                </c:pt>
                <c:pt idx="68">
                  <c:v>68.915504455566406</c:v>
                </c:pt>
                <c:pt idx="69">
                  <c:v>69.915229797363295</c:v>
                </c:pt>
                <c:pt idx="70">
                  <c:v>70.914970397949205</c:v>
                </c:pt>
                <c:pt idx="71">
                  <c:v>71.914443969726605</c:v>
                </c:pt>
                <c:pt idx="72">
                  <c:v>72.914329528808594</c:v>
                </c:pt>
                <c:pt idx="73">
                  <c:v>73.914176940917997</c:v>
                </c:pt>
                <c:pt idx="74">
                  <c:v>74.913528442382798</c:v>
                </c:pt>
                <c:pt idx="75">
                  <c:v>75.913681030273395</c:v>
                </c:pt>
                <c:pt idx="76">
                  <c:v>76.913078308105497</c:v>
                </c:pt>
                <c:pt idx="77">
                  <c:v>77.912887573242202</c:v>
                </c:pt>
                <c:pt idx="78">
                  <c:v>78.912879943847699</c:v>
                </c:pt>
                <c:pt idx="79">
                  <c:v>79.912788391113295</c:v>
                </c:pt>
                <c:pt idx="80">
                  <c:v>80.912200927734403</c:v>
                </c:pt>
                <c:pt idx="81">
                  <c:v>81.912216186523395</c:v>
                </c:pt>
                <c:pt idx="82">
                  <c:v>82.911628723144503</c:v>
                </c:pt>
                <c:pt idx="83">
                  <c:v>83.911857604980497</c:v>
                </c:pt>
                <c:pt idx="84">
                  <c:v>84.911552429199205</c:v>
                </c:pt>
                <c:pt idx="85">
                  <c:v>85.910881042480497</c:v>
                </c:pt>
                <c:pt idx="86">
                  <c:v>86.911041259765597</c:v>
                </c:pt>
                <c:pt idx="87">
                  <c:v>87.910537719726605</c:v>
                </c:pt>
                <c:pt idx="88">
                  <c:v>88.910499572753906</c:v>
                </c:pt>
                <c:pt idx="89">
                  <c:v>89.910003662109403</c:v>
                </c:pt>
                <c:pt idx="90">
                  <c:v>90.909805297851605</c:v>
                </c:pt>
                <c:pt idx="91">
                  <c:v>91.909553527832003</c:v>
                </c:pt>
                <c:pt idx="92">
                  <c:v>92.909683227539105</c:v>
                </c:pt>
                <c:pt idx="93">
                  <c:v>93.908889770507798</c:v>
                </c:pt>
                <c:pt idx="94">
                  <c:v>94.909088134765597</c:v>
                </c:pt>
                <c:pt idx="95">
                  <c:v>95.908889770507798</c:v>
                </c:pt>
                <c:pt idx="96">
                  <c:v>96.908309936523395</c:v>
                </c:pt>
                <c:pt idx="97">
                  <c:v>97.908378601074205</c:v>
                </c:pt>
                <c:pt idx="98">
                  <c:v>98.908058166503906</c:v>
                </c:pt>
                <c:pt idx="99">
                  <c:v>99.907653808593807</c:v>
                </c:pt>
                <c:pt idx="100">
                  <c:v>100.000190734863</c:v>
                </c:pt>
                <c:pt idx="101">
                  <c:v>99.999687194824205</c:v>
                </c:pt>
                <c:pt idx="102">
                  <c:v>99.999801635742202</c:v>
                </c:pt>
                <c:pt idx="103">
                  <c:v>99.999977111816406</c:v>
                </c:pt>
                <c:pt idx="104">
                  <c:v>99.999610900878906</c:v>
                </c:pt>
                <c:pt idx="105">
                  <c:v>99.999809265136705</c:v>
                </c:pt>
                <c:pt idx="106">
                  <c:v>99.999946594238295</c:v>
                </c:pt>
                <c:pt idx="107">
                  <c:v>100.00006866455099</c:v>
                </c:pt>
                <c:pt idx="108">
                  <c:v>100.000030517578</c:v>
                </c:pt>
                <c:pt idx="109">
                  <c:v>99.999771118164105</c:v>
                </c:pt>
                <c:pt idx="110">
                  <c:v>100.00025177002</c:v>
                </c:pt>
                <c:pt idx="111">
                  <c:v>99.999778747558594</c:v>
                </c:pt>
                <c:pt idx="112">
                  <c:v>100.00016784668</c:v>
                </c:pt>
                <c:pt idx="113">
                  <c:v>99.999893188476605</c:v>
                </c:pt>
                <c:pt idx="114">
                  <c:v>100.000114440918</c:v>
                </c:pt>
                <c:pt idx="115">
                  <c:v>100.00054931640599</c:v>
                </c:pt>
                <c:pt idx="116">
                  <c:v>99.999961853027301</c:v>
                </c:pt>
                <c:pt idx="117">
                  <c:v>99.999954223632798</c:v>
                </c:pt>
                <c:pt idx="118">
                  <c:v>99.999954223632798</c:v>
                </c:pt>
                <c:pt idx="119">
                  <c:v>100.000190734863</c:v>
                </c:pt>
                <c:pt idx="120">
                  <c:v>100.00016784668</c:v>
                </c:pt>
                <c:pt idx="121">
                  <c:v>99.999977111816406</c:v>
                </c:pt>
                <c:pt idx="122">
                  <c:v>100.00002288818401</c:v>
                </c:pt>
                <c:pt idx="123">
                  <c:v>100.000137329102</c:v>
                </c:pt>
                <c:pt idx="124">
                  <c:v>99.999847412109403</c:v>
                </c:pt>
                <c:pt idx="125">
                  <c:v>99.999847412109403</c:v>
                </c:pt>
                <c:pt idx="126">
                  <c:v>99.999717712402301</c:v>
                </c:pt>
                <c:pt idx="127">
                  <c:v>99.999946594238295</c:v>
                </c:pt>
                <c:pt idx="128">
                  <c:v>99.999855041503906</c:v>
                </c:pt>
                <c:pt idx="129">
                  <c:v>100.000007629395</c:v>
                </c:pt>
                <c:pt idx="130">
                  <c:v>99.073982238769503</c:v>
                </c:pt>
                <c:pt idx="131">
                  <c:v>98.074455261230497</c:v>
                </c:pt>
                <c:pt idx="132">
                  <c:v>97.074432373046903</c:v>
                </c:pt>
                <c:pt idx="133">
                  <c:v>96.072044372558594</c:v>
                </c:pt>
                <c:pt idx="134">
                  <c:v>95.074951171875</c:v>
                </c:pt>
                <c:pt idx="135">
                  <c:v>94.075241088867202</c:v>
                </c:pt>
                <c:pt idx="136">
                  <c:v>93.075515747070298</c:v>
                </c:pt>
                <c:pt idx="137">
                  <c:v>92.075584411621094</c:v>
                </c:pt>
                <c:pt idx="138">
                  <c:v>91.073173522949205</c:v>
                </c:pt>
                <c:pt idx="139">
                  <c:v>90.076179504394503</c:v>
                </c:pt>
                <c:pt idx="140">
                  <c:v>89.076332092285199</c:v>
                </c:pt>
                <c:pt idx="141">
                  <c:v>88.076698303222699</c:v>
                </c:pt>
                <c:pt idx="142">
                  <c:v>87.076942443847699</c:v>
                </c:pt>
                <c:pt idx="143">
                  <c:v>86.077102661132798</c:v>
                </c:pt>
                <c:pt idx="144">
                  <c:v>85.077438354492202</c:v>
                </c:pt>
                <c:pt idx="145">
                  <c:v>84.077560424804702</c:v>
                </c:pt>
                <c:pt idx="146">
                  <c:v>83.077896118164105</c:v>
                </c:pt>
                <c:pt idx="147">
                  <c:v>82.078079223632798</c:v>
                </c:pt>
                <c:pt idx="148">
                  <c:v>81.078529357910199</c:v>
                </c:pt>
                <c:pt idx="149">
                  <c:v>80.078651428222699</c:v>
                </c:pt>
                <c:pt idx="150">
                  <c:v>79.078887939453097</c:v>
                </c:pt>
                <c:pt idx="151">
                  <c:v>78.079116821289105</c:v>
                </c:pt>
                <c:pt idx="152">
                  <c:v>77.079345703125</c:v>
                </c:pt>
                <c:pt idx="153">
                  <c:v>76.079475402832003</c:v>
                </c:pt>
                <c:pt idx="154">
                  <c:v>75.080116271972699</c:v>
                </c:pt>
                <c:pt idx="155">
                  <c:v>74.080017089843807</c:v>
                </c:pt>
                <c:pt idx="156">
                  <c:v>73.080276489257798</c:v>
                </c:pt>
                <c:pt idx="157">
                  <c:v>72.080795288085895</c:v>
                </c:pt>
                <c:pt idx="158">
                  <c:v>71.080703735351605</c:v>
                </c:pt>
                <c:pt idx="159">
                  <c:v>70.081336975097699</c:v>
                </c:pt>
                <c:pt idx="160">
                  <c:v>69.081375122070298</c:v>
                </c:pt>
                <c:pt idx="161">
                  <c:v>68.081535339355497</c:v>
                </c:pt>
                <c:pt idx="162">
                  <c:v>67.081756591796903</c:v>
                </c:pt>
                <c:pt idx="163">
                  <c:v>66.0821533203125</c:v>
                </c:pt>
                <c:pt idx="164">
                  <c:v>65.082115173339801</c:v>
                </c:pt>
                <c:pt idx="165">
                  <c:v>64.082305908203097</c:v>
                </c:pt>
                <c:pt idx="166">
                  <c:v>63.082748413085902</c:v>
                </c:pt>
                <c:pt idx="167">
                  <c:v>62.083065032958999</c:v>
                </c:pt>
                <c:pt idx="168">
                  <c:v>61.083229064941399</c:v>
                </c:pt>
                <c:pt idx="169">
                  <c:v>60.083518981933601</c:v>
                </c:pt>
                <c:pt idx="170">
                  <c:v>59.083702087402301</c:v>
                </c:pt>
                <c:pt idx="171">
                  <c:v>58.083938598632798</c:v>
                </c:pt>
                <c:pt idx="172">
                  <c:v>57.081375122070298</c:v>
                </c:pt>
                <c:pt idx="173">
                  <c:v>56.084259033203097</c:v>
                </c:pt>
                <c:pt idx="174">
                  <c:v>55.081790924072301</c:v>
                </c:pt>
                <c:pt idx="175">
                  <c:v>54.081993103027301</c:v>
                </c:pt>
                <c:pt idx="176">
                  <c:v>53.082523345947301</c:v>
                </c:pt>
                <c:pt idx="177">
                  <c:v>52.082721710205099</c:v>
                </c:pt>
                <c:pt idx="178">
                  <c:v>51.0827445983887</c:v>
                </c:pt>
                <c:pt idx="179">
                  <c:v>50.083309173583999</c:v>
                </c:pt>
                <c:pt idx="180">
                  <c:v>49.0832328796387</c:v>
                </c:pt>
                <c:pt idx="181">
                  <c:v>48.083683013916001</c:v>
                </c:pt>
                <c:pt idx="182">
                  <c:v>47.0837593078613</c:v>
                </c:pt>
                <c:pt idx="183">
                  <c:v>46.0841674804688</c:v>
                </c:pt>
                <c:pt idx="184">
                  <c:v>45.0843505859375</c:v>
                </c:pt>
                <c:pt idx="185">
                  <c:v>44.084659576416001</c:v>
                </c:pt>
                <c:pt idx="186">
                  <c:v>43.084793090820298</c:v>
                </c:pt>
                <c:pt idx="187">
                  <c:v>42.085159301757798</c:v>
                </c:pt>
                <c:pt idx="188">
                  <c:v>41.085094451904297</c:v>
                </c:pt>
                <c:pt idx="189">
                  <c:v>40.085643768310497</c:v>
                </c:pt>
                <c:pt idx="190">
                  <c:v>39.085777282714801</c:v>
                </c:pt>
                <c:pt idx="191">
                  <c:v>38.085914611816399</c:v>
                </c:pt>
                <c:pt idx="192">
                  <c:v>37.08642578125</c:v>
                </c:pt>
                <c:pt idx="193">
                  <c:v>36.086696624755902</c:v>
                </c:pt>
                <c:pt idx="194">
                  <c:v>35.086662292480497</c:v>
                </c:pt>
                <c:pt idx="195">
                  <c:v>34.0870170593262</c:v>
                </c:pt>
                <c:pt idx="196">
                  <c:v>33.087234497070298</c:v>
                </c:pt>
                <c:pt idx="197">
                  <c:v>32.087677001953097</c:v>
                </c:pt>
                <c:pt idx="198">
                  <c:v>31.087793350219702</c:v>
                </c:pt>
                <c:pt idx="199">
                  <c:v>30.088047027587901</c:v>
                </c:pt>
                <c:pt idx="200">
                  <c:v>29.088455200195298</c:v>
                </c:pt>
                <c:pt idx="201">
                  <c:v>28.088426589965799</c:v>
                </c:pt>
                <c:pt idx="202">
                  <c:v>27.0886344909668</c:v>
                </c:pt>
                <c:pt idx="203">
                  <c:v>26.088960647583001</c:v>
                </c:pt>
                <c:pt idx="204">
                  <c:v>25.089208602905298</c:v>
                </c:pt>
                <c:pt idx="205">
                  <c:v>24.0892848968506</c:v>
                </c:pt>
                <c:pt idx="206">
                  <c:v>23.089796066284201</c:v>
                </c:pt>
                <c:pt idx="207">
                  <c:v>22.090145111083999</c:v>
                </c:pt>
                <c:pt idx="208">
                  <c:v>21.090227127075199</c:v>
                </c:pt>
                <c:pt idx="209">
                  <c:v>20.09055519104</c:v>
                </c:pt>
                <c:pt idx="210">
                  <c:v>19.090866088867202</c:v>
                </c:pt>
                <c:pt idx="211">
                  <c:v>18.090736389160199</c:v>
                </c:pt>
                <c:pt idx="212">
                  <c:v>17.091123580932599</c:v>
                </c:pt>
                <c:pt idx="213">
                  <c:v>16.0915431976318</c:v>
                </c:pt>
                <c:pt idx="214">
                  <c:v>15.0914211273193</c:v>
                </c:pt>
                <c:pt idx="215">
                  <c:v>14.091381072998001</c:v>
                </c:pt>
                <c:pt idx="216">
                  <c:v>13.091391563415501</c:v>
                </c:pt>
                <c:pt idx="217">
                  <c:v>12.091112136840801</c:v>
                </c:pt>
                <c:pt idx="218">
                  <c:v>11.091106414794901</c:v>
                </c:pt>
                <c:pt idx="219">
                  <c:v>10.090822219848601</c:v>
                </c:pt>
                <c:pt idx="220">
                  <c:v>9.0907325744628906</c:v>
                </c:pt>
                <c:pt idx="221">
                  <c:v>8.0908527374267596</c:v>
                </c:pt>
                <c:pt idx="222">
                  <c:v>7.0905251502990696</c:v>
                </c:pt>
                <c:pt idx="223">
                  <c:v>6.0907683372497603</c:v>
                </c:pt>
                <c:pt idx="224">
                  <c:v>5.0907425880432102</c:v>
                </c:pt>
                <c:pt idx="225">
                  <c:v>4.0908570289611799</c:v>
                </c:pt>
                <c:pt idx="226">
                  <c:v>3.0910327434539799</c:v>
                </c:pt>
                <c:pt idx="227">
                  <c:v>2.0906355381011998</c:v>
                </c:pt>
                <c:pt idx="228">
                  <c:v>1.09076976776123</c:v>
                </c:pt>
                <c:pt idx="229">
                  <c:v>9.1086484491825104E-2</c:v>
                </c:pt>
              </c:numCache>
            </c:numRef>
          </c:xVal>
          <c:yVal>
            <c:numRef>
              <c:f>_27_01_bss_4_6_thixotropy_3_1_r!$G$2:$G$231</c:f>
              <c:numCache>
                <c:formatCode>General</c:formatCode>
                <c:ptCount val="230"/>
                <c:pt idx="0">
                  <c:v>449.50466918945301</c:v>
                </c:pt>
                <c:pt idx="1">
                  <c:v>178.94738769531301</c:v>
                </c:pt>
                <c:pt idx="2">
                  <c:v>97.809814453125</c:v>
                </c:pt>
                <c:pt idx="3">
                  <c:v>61.606315612792997</c:v>
                </c:pt>
                <c:pt idx="4">
                  <c:v>50.392101287841797</c:v>
                </c:pt>
                <c:pt idx="5">
                  <c:v>36.245937347412102</c:v>
                </c:pt>
                <c:pt idx="6">
                  <c:v>31.674730300903299</c:v>
                </c:pt>
                <c:pt idx="7">
                  <c:v>29.1780700683594</c:v>
                </c:pt>
                <c:pt idx="8">
                  <c:v>35.625026702880902</c:v>
                </c:pt>
                <c:pt idx="9">
                  <c:v>18.1487922668457</c:v>
                </c:pt>
                <c:pt idx="10">
                  <c:v>15.7055768966675</c:v>
                </c:pt>
                <c:pt idx="11">
                  <c:v>15.660135269165</c:v>
                </c:pt>
                <c:pt idx="12">
                  <c:v>14.8124446868896</c:v>
                </c:pt>
                <c:pt idx="13">
                  <c:v>14.521303176879901</c:v>
                </c:pt>
                <c:pt idx="14">
                  <c:v>13.503302574157701</c:v>
                </c:pt>
                <c:pt idx="15">
                  <c:v>12.5005807876587</c:v>
                </c:pt>
                <c:pt idx="16">
                  <c:v>11.735425949096699</c:v>
                </c:pt>
                <c:pt idx="17">
                  <c:v>11.0030603408813</c:v>
                </c:pt>
                <c:pt idx="18">
                  <c:v>10.354688644409199</c:v>
                </c:pt>
                <c:pt idx="19">
                  <c:v>10.234745025634799</c:v>
                </c:pt>
                <c:pt idx="20">
                  <c:v>9.3115463256835902</c:v>
                </c:pt>
                <c:pt idx="21">
                  <c:v>9.1776666641235405</c:v>
                </c:pt>
                <c:pt idx="22">
                  <c:v>8.8962030410766602</c:v>
                </c:pt>
                <c:pt idx="23">
                  <c:v>8.4803075790405291</c:v>
                </c:pt>
                <c:pt idx="24">
                  <c:v>7.9108786582946804</c:v>
                </c:pt>
                <c:pt idx="25">
                  <c:v>8.0818548202514595</c:v>
                </c:pt>
                <c:pt idx="26">
                  <c:v>4.4012513160705602</c:v>
                </c:pt>
                <c:pt idx="27">
                  <c:v>4.5092349052429199</c:v>
                </c:pt>
                <c:pt idx="28">
                  <c:v>4.3394236564636204</c:v>
                </c:pt>
                <c:pt idx="29">
                  <c:v>4.6104001998901403</c:v>
                </c:pt>
                <c:pt idx="30">
                  <c:v>4.3039026260376003</c:v>
                </c:pt>
                <c:pt idx="31">
                  <c:v>4.7980160713195801</c:v>
                </c:pt>
                <c:pt idx="32">
                  <c:v>4.1822705268859899</c:v>
                </c:pt>
                <c:pt idx="33">
                  <c:v>4.1536111831665004</c:v>
                </c:pt>
                <c:pt idx="34">
                  <c:v>4.1813282966613796</c:v>
                </c:pt>
                <c:pt idx="35">
                  <c:v>4.07236576080322</c:v>
                </c:pt>
                <c:pt idx="36">
                  <c:v>4.4163103103637704</c:v>
                </c:pt>
                <c:pt idx="37">
                  <c:v>3.9344222545623802</c:v>
                </c:pt>
                <c:pt idx="38">
                  <c:v>3.7338941097259499</c:v>
                </c:pt>
                <c:pt idx="39">
                  <c:v>3.5884709358215301</c:v>
                </c:pt>
                <c:pt idx="40">
                  <c:v>3.66620993614197</c:v>
                </c:pt>
                <c:pt idx="41">
                  <c:v>3.2995965480804399</c:v>
                </c:pt>
                <c:pt idx="42">
                  <c:v>3.8707187175750701</c:v>
                </c:pt>
                <c:pt idx="43">
                  <c:v>3.4511559009552002</c:v>
                </c:pt>
                <c:pt idx="44">
                  <c:v>3.3517210483550999</c:v>
                </c:pt>
                <c:pt idx="45">
                  <c:v>3.3425703048706099</c:v>
                </c:pt>
                <c:pt idx="46">
                  <c:v>3.2534167766571001</c:v>
                </c:pt>
                <c:pt idx="47">
                  <c:v>3.1505510807037398</c:v>
                </c:pt>
                <c:pt idx="48">
                  <c:v>3.0721187591552699</c:v>
                </c:pt>
                <c:pt idx="49">
                  <c:v>3.0619375705718999</c:v>
                </c:pt>
                <c:pt idx="50">
                  <c:v>3.0989000797271702</c:v>
                </c:pt>
                <c:pt idx="51">
                  <c:v>2.7360963821411102</c:v>
                </c:pt>
                <c:pt idx="52">
                  <c:v>2.7335369586944598</c:v>
                </c:pt>
                <c:pt idx="53">
                  <c:v>4.1061768531799299</c:v>
                </c:pt>
                <c:pt idx="54">
                  <c:v>4.7269434928893999</c:v>
                </c:pt>
                <c:pt idx="55">
                  <c:v>4.2313199043273899</c:v>
                </c:pt>
                <c:pt idx="56">
                  <c:v>3.4624357223510702</c:v>
                </c:pt>
                <c:pt idx="57">
                  <c:v>3.7423791885375999</c:v>
                </c:pt>
                <c:pt idx="58">
                  <c:v>3.70257616043091</c:v>
                </c:pt>
                <c:pt idx="59">
                  <c:v>3.7887375354766801</c:v>
                </c:pt>
                <c:pt idx="60">
                  <c:v>3.3092672824859601</c:v>
                </c:pt>
                <c:pt idx="61">
                  <c:v>3.17556929588318</c:v>
                </c:pt>
                <c:pt idx="62">
                  <c:v>3.3194522857665998</c:v>
                </c:pt>
                <c:pt idx="63">
                  <c:v>3.1094391345977801</c:v>
                </c:pt>
                <c:pt idx="64">
                  <c:v>3.32698273658752</c:v>
                </c:pt>
                <c:pt idx="65">
                  <c:v>3.41950511932373</c:v>
                </c:pt>
                <c:pt idx="66">
                  <c:v>3.1134045124053999</c:v>
                </c:pt>
                <c:pt idx="67">
                  <c:v>3.0206105709075901</c:v>
                </c:pt>
                <c:pt idx="68">
                  <c:v>3.0608532428741499</c:v>
                </c:pt>
                <c:pt idx="69">
                  <c:v>3.08253741264343</c:v>
                </c:pt>
                <c:pt idx="70">
                  <c:v>3.0478353500366202</c:v>
                </c:pt>
                <c:pt idx="71">
                  <c:v>3.2925095558166499</c:v>
                </c:pt>
                <c:pt idx="72">
                  <c:v>3.0151071548461901</c:v>
                </c:pt>
                <c:pt idx="73">
                  <c:v>2.972501039505</c:v>
                </c:pt>
                <c:pt idx="74">
                  <c:v>2.9185552597045898</c:v>
                </c:pt>
                <c:pt idx="75">
                  <c:v>2.9664506912231401</c:v>
                </c:pt>
                <c:pt idx="76">
                  <c:v>2.8790631294250502</c:v>
                </c:pt>
                <c:pt idx="77">
                  <c:v>3.0417640209197998</c:v>
                </c:pt>
                <c:pt idx="78">
                  <c:v>3.0652554035186799</c:v>
                </c:pt>
                <c:pt idx="79">
                  <c:v>3.0216472148895299</c:v>
                </c:pt>
                <c:pt idx="80">
                  <c:v>3.08584356307983</c:v>
                </c:pt>
                <c:pt idx="81">
                  <c:v>2.9849913120269802</c:v>
                </c:pt>
                <c:pt idx="82">
                  <c:v>3.2639865875244101</c:v>
                </c:pt>
                <c:pt idx="83">
                  <c:v>3.0779604911804199</c:v>
                </c:pt>
                <c:pt idx="84">
                  <c:v>2.9088375568389901</c:v>
                </c:pt>
                <c:pt idx="85">
                  <c:v>2.8682942390441899</c:v>
                </c:pt>
                <c:pt idx="86">
                  <c:v>2.8877825736999498</c:v>
                </c:pt>
                <c:pt idx="87">
                  <c:v>2.86188411712646</c:v>
                </c:pt>
                <c:pt idx="88">
                  <c:v>2.8852891921997101</c:v>
                </c:pt>
                <c:pt idx="89">
                  <c:v>2.9813392162322998</c:v>
                </c:pt>
                <c:pt idx="90">
                  <c:v>2.8873326778411901</c:v>
                </c:pt>
                <c:pt idx="91">
                  <c:v>3.1323828697204599</c:v>
                </c:pt>
                <c:pt idx="92">
                  <c:v>2.8031084537506099</c:v>
                </c:pt>
                <c:pt idx="93">
                  <c:v>2.9937396049499498</c:v>
                </c:pt>
                <c:pt idx="94">
                  <c:v>3.1856155395507799</c:v>
                </c:pt>
                <c:pt idx="95">
                  <c:v>3.0044078826904301</c:v>
                </c:pt>
                <c:pt idx="96">
                  <c:v>3.1952769756317099</c:v>
                </c:pt>
                <c:pt idx="97">
                  <c:v>3.1134598255157502</c:v>
                </c:pt>
                <c:pt idx="98">
                  <c:v>2.7831916809082</c:v>
                </c:pt>
                <c:pt idx="99">
                  <c:v>2.9674298763275102</c:v>
                </c:pt>
                <c:pt idx="100">
                  <c:v>2.9137110710143999</c:v>
                </c:pt>
                <c:pt idx="101">
                  <c:v>2.9405703544616699</c:v>
                </c:pt>
                <c:pt idx="102">
                  <c:v>2.9822664260864298</c:v>
                </c:pt>
                <c:pt idx="103">
                  <c:v>3.0032920837402299</c:v>
                </c:pt>
                <c:pt idx="104">
                  <c:v>2.9543333053588898</c:v>
                </c:pt>
                <c:pt idx="105">
                  <c:v>2.9830787181854199</c:v>
                </c:pt>
                <c:pt idx="106">
                  <c:v>3.0790104866027801</c:v>
                </c:pt>
                <c:pt idx="107">
                  <c:v>3.09850072860718</c:v>
                </c:pt>
                <c:pt idx="108">
                  <c:v>3.0997240543365501</c:v>
                </c:pt>
                <c:pt idx="109">
                  <c:v>3.17484426498413</c:v>
                </c:pt>
                <c:pt idx="110">
                  <c:v>3.12857222557068</c:v>
                </c:pt>
                <c:pt idx="111">
                  <c:v>3.17503809928894</c:v>
                </c:pt>
                <c:pt idx="112">
                  <c:v>3.2553608417511</c:v>
                </c:pt>
                <c:pt idx="113">
                  <c:v>3.2200770378112802</c:v>
                </c:pt>
                <c:pt idx="114">
                  <c:v>3.2718052864074698</c:v>
                </c:pt>
                <c:pt idx="115">
                  <c:v>3.5352146625518799</c:v>
                </c:pt>
                <c:pt idx="116">
                  <c:v>3.5031976699829102</c:v>
                </c:pt>
                <c:pt idx="117">
                  <c:v>3.7068650722503702</c:v>
                </c:pt>
                <c:pt idx="118">
                  <c:v>3.6087551116943399</c:v>
                </c:pt>
                <c:pt idx="119">
                  <c:v>3.7249662876129199</c:v>
                </c:pt>
                <c:pt idx="120">
                  <c:v>3.5713222026825</c:v>
                </c:pt>
                <c:pt idx="121">
                  <c:v>3.5091075897216801</c:v>
                </c:pt>
                <c:pt idx="122">
                  <c:v>3.4778368473053001</c:v>
                </c:pt>
                <c:pt idx="123">
                  <c:v>3.4641685485839799</c:v>
                </c:pt>
                <c:pt idx="124">
                  <c:v>3.32058501243591</c:v>
                </c:pt>
                <c:pt idx="125">
                  <c:v>3.3804855346679701</c:v>
                </c:pt>
                <c:pt idx="126">
                  <c:v>3.2878062725067099</c:v>
                </c:pt>
                <c:pt idx="127">
                  <c:v>3.2196617126464799</c:v>
                </c:pt>
                <c:pt idx="128">
                  <c:v>3.2499406337738002</c:v>
                </c:pt>
                <c:pt idx="129">
                  <c:v>3.2102324962615998</c:v>
                </c:pt>
                <c:pt idx="130">
                  <c:v>3.2407581806182901</c:v>
                </c:pt>
                <c:pt idx="131">
                  <c:v>3.2485156059265101</c:v>
                </c:pt>
                <c:pt idx="132">
                  <c:v>3.2340953350067099</c:v>
                </c:pt>
                <c:pt idx="133">
                  <c:v>3.1979730129241899</c:v>
                </c:pt>
                <c:pt idx="134">
                  <c:v>3.1758217811584499</c:v>
                </c:pt>
                <c:pt idx="135">
                  <c:v>3.2688024044036901</c:v>
                </c:pt>
                <c:pt idx="136">
                  <c:v>3.31403684616089</c:v>
                </c:pt>
                <c:pt idx="137">
                  <c:v>3.46530318260193</c:v>
                </c:pt>
                <c:pt idx="138">
                  <c:v>3.77642798423767</c:v>
                </c:pt>
                <c:pt idx="139">
                  <c:v>3.6237735748290998</c:v>
                </c:pt>
                <c:pt idx="140">
                  <c:v>3.50000095367432</c:v>
                </c:pt>
                <c:pt idx="141">
                  <c:v>3.4409563541412398</c:v>
                </c:pt>
                <c:pt idx="142">
                  <c:v>3.24719333648682</c:v>
                </c:pt>
                <c:pt idx="143">
                  <c:v>3.18231201171875</c:v>
                </c:pt>
                <c:pt idx="144">
                  <c:v>3.1353788375854501</c:v>
                </c:pt>
                <c:pt idx="145">
                  <c:v>3.1713957786560099</c:v>
                </c:pt>
                <c:pt idx="146">
                  <c:v>3.0369894504547101</c:v>
                </c:pt>
                <c:pt idx="147">
                  <c:v>3.0563702583313002</c:v>
                </c:pt>
                <c:pt idx="148">
                  <c:v>3.1642363071441699</c:v>
                </c:pt>
                <c:pt idx="149">
                  <c:v>3.1198377609252899</c:v>
                </c:pt>
                <c:pt idx="150">
                  <c:v>3.1635184288024898</c:v>
                </c:pt>
                <c:pt idx="151">
                  <c:v>3.1307845115661599</c:v>
                </c:pt>
                <c:pt idx="152">
                  <c:v>3.1315057277679399</c:v>
                </c:pt>
                <c:pt idx="153">
                  <c:v>3.1738727092742902</c:v>
                </c:pt>
                <c:pt idx="154">
                  <c:v>3.1078245639800999</c:v>
                </c:pt>
                <c:pt idx="155">
                  <c:v>3.1074645519256601</c:v>
                </c:pt>
                <c:pt idx="156">
                  <c:v>3.0561878681182901</c:v>
                </c:pt>
                <c:pt idx="157">
                  <c:v>2.9313147068023699</c:v>
                </c:pt>
                <c:pt idx="158">
                  <c:v>3.0871105194091801</c:v>
                </c:pt>
                <c:pt idx="159">
                  <c:v>3.1758699417114298</c:v>
                </c:pt>
                <c:pt idx="160">
                  <c:v>3.1777298450470002</c:v>
                </c:pt>
                <c:pt idx="161">
                  <c:v>3.2767598628997798</c:v>
                </c:pt>
                <c:pt idx="162">
                  <c:v>3.2126054763793901</c:v>
                </c:pt>
                <c:pt idx="163">
                  <c:v>3.2891752719879199</c:v>
                </c:pt>
                <c:pt idx="164">
                  <c:v>3.3072104454040501</c:v>
                </c:pt>
                <c:pt idx="165">
                  <c:v>3.3417508602142298</c:v>
                </c:pt>
                <c:pt idx="166">
                  <c:v>3.3278901576995898</c:v>
                </c:pt>
                <c:pt idx="167">
                  <c:v>3.33801317214966</c:v>
                </c:pt>
                <c:pt idx="168">
                  <c:v>3.4156467914581299</c:v>
                </c:pt>
                <c:pt idx="169">
                  <c:v>3.3089187145233199</c:v>
                </c:pt>
                <c:pt idx="170">
                  <c:v>3.4131841659545898</c:v>
                </c:pt>
                <c:pt idx="171">
                  <c:v>3.4087204933166499</c:v>
                </c:pt>
                <c:pt idx="172">
                  <c:v>3.3487620353698699</c:v>
                </c:pt>
                <c:pt idx="173">
                  <c:v>3.49607157707214</c:v>
                </c:pt>
                <c:pt idx="174">
                  <c:v>3.6876249313354501</c:v>
                </c:pt>
                <c:pt idx="175">
                  <c:v>3.7263159751892099</c:v>
                </c:pt>
                <c:pt idx="176">
                  <c:v>3.81419777870178</c:v>
                </c:pt>
                <c:pt idx="177">
                  <c:v>3.8262722492218</c:v>
                </c:pt>
                <c:pt idx="178">
                  <c:v>3.7515227794647199</c:v>
                </c:pt>
                <c:pt idx="179">
                  <c:v>3.7232136726379399</c:v>
                </c:pt>
                <c:pt idx="180">
                  <c:v>3.9203662872314502</c:v>
                </c:pt>
                <c:pt idx="181">
                  <c:v>3.6943104267120401</c:v>
                </c:pt>
                <c:pt idx="182">
                  <c:v>3.4452645778656001</c:v>
                </c:pt>
                <c:pt idx="183">
                  <c:v>3.7854542732238801</c:v>
                </c:pt>
                <c:pt idx="184">
                  <c:v>3.7296595573425302</c:v>
                </c:pt>
                <c:pt idx="185">
                  <c:v>3.71649241447449</c:v>
                </c:pt>
                <c:pt idx="186">
                  <c:v>3.6908020973205602</c:v>
                </c:pt>
                <c:pt idx="187">
                  <c:v>3.9001767635345499</c:v>
                </c:pt>
                <c:pt idx="188">
                  <c:v>3.8136501312255899</c:v>
                </c:pt>
                <c:pt idx="189">
                  <c:v>3.9182324409484899</c:v>
                </c:pt>
                <c:pt idx="190">
                  <c:v>3.8930718898773198</c:v>
                </c:pt>
                <c:pt idx="191">
                  <c:v>4.0807638168334996</c:v>
                </c:pt>
                <c:pt idx="192">
                  <c:v>4.2554202079772896</c:v>
                </c:pt>
                <c:pt idx="193">
                  <c:v>4.1595101356506303</c:v>
                </c:pt>
                <c:pt idx="194">
                  <c:v>4.0834331512451199</c:v>
                </c:pt>
                <c:pt idx="195">
                  <c:v>3.9315528869628902</c:v>
                </c:pt>
                <c:pt idx="196">
                  <c:v>4.07757520675659</c:v>
                </c:pt>
                <c:pt idx="197">
                  <c:v>3.9033651351928702</c:v>
                </c:pt>
                <c:pt idx="198">
                  <c:v>4.4237751960754403</c:v>
                </c:pt>
                <c:pt idx="199">
                  <c:v>4.6854629516601598</c:v>
                </c:pt>
                <c:pt idx="200">
                  <c:v>4.0756101608276403</c:v>
                </c:pt>
                <c:pt idx="201">
                  <c:v>4.1246457099914604</c:v>
                </c:pt>
                <c:pt idx="202">
                  <c:v>4.0069818496704102</c:v>
                </c:pt>
                <c:pt idx="203">
                  <c:v>4.38087701797485</c:v>
                </c:pt>
                <c:pt idx="204">
                  <c:v>4.7233719825744602</c:v>
                </c:pt>
                <c:pt idx="205">
                  <c:v>4.9703445434570304</c:v>
                </c:pt>
                <c:pt idx="206">
                  <c:v>5.12282466888428</c:v>
                </c:pt>
                <c:pt idx="207">
                  <c:v>5.3104186058044398</c:v>
                </c:pt>
                <c:pt idx="208">
                  <c:v>5.33286476135254</c:v>
                </c:pt>
                <c:pt idx="209">
                  <c:v>5.7225461006164604</c:v>
                </c:pt>
                <c:pt idx="210">
                  <c:v>5.1880149841308603</c:v>
                </c:pt>
                <c:pt idx="211">
                  <c:v>5.51556348800659</c:v>
                </c:pt>
                <c:pt idx="212">
                  <c:v>3.8345899581909202</c:v>
                </c:pt>
                <c:pt idx="213">
                  <c:v>4.2955846786498997</c:v>
                </c:pt>
                <c:pt idx="214">
                  <c:v>4.6167569160461399</c:v>
                </c:pt>
                <c:pt idx="215">
                  <c:v>5.1281652450561497</c:v>
                </c:pt>
                <c:pt idx="216">
                  <c:v>6.0559663772582999</c:v>
                </c:pt>
                <c:pt idx="217">
                  <c:v>6.3117470741271999</c:v>
                </c:pt>
                <c:pt idx="218">
                  <c:v>6.8388333320617702</c:v>
                </c:pt>
                <c:pt idx="219">
                  <c:v>7.20589399337769</c:v>
                </c:pt>
                <c:pt idx="220">
                  <c:v>7.4571151733398402</c:v>
                </c:pt>
                <c:pt idx="221">
                  <c:v>7.7720208168029803</c:v>
                </c:pt>
                <c:pt idx="222">
                  <c:v>8.5062150955200195</c:v>
                </c:pt>
                <c:pt idx="223">
                  <c:v>9.3675308227539098</c:v>
                </c:pt>
                <c:pt idx="224">
                  <c:v>11.153812408447299</c:v>
                </c:pt>
                <c:pt idx="225">
                  <c:v>14.338092803955099</c:v>
                </c:pt>
                <c:pt idx="226">
                  <c:v>17.660425186157202</c:v>
                </c:pt>
                <c:pt idx="227">
                  <c:v>26.789665222168001</c:v>
                </c:pt>
                <c:pt idx="228">
                  <c:v>46.888359069824197</c:v>
                </c:pt>
                <c:pt idx="229">
                  <c:v>339.949829101563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4F9A-44C7-A2D6-0195D2EA7715}"/>
            </c:ext>
          </c:extLst>
        </c:ser>
        <c:ser>
          <c:idx val="8"/>
          <c:order val="5"/>
          <c:tx>
            <c:v>34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>
                  <a:lumMod val="60000"/>
                </a:schemeClr>
              </a:solidFill>
              <a:ln w="9525">
                <a:solidFill>
                  <a:schemeClr val="accent3">
                    <a:lumMod val="60000"/>
                  </a:schemeClr>
                </a:solidFill>
              </a:ln>
              <a:effectLst/>
            </c:spPr>
          </c:marker>
          <c:xVal>
            <c:numRef>
              <c:f>_27_01_bss_1_3_thixotropy_5_1_r!$F$2:$F$231</c:f>
              <c:numCache>
                <c:formatCode>General</c:formatCode>
                <c:ptCount val="230"/>
                <c:pt idx="0">
                  <c:v>0.92746990919113204</c:v>
                </c:pt>
                <c:pt idx="1">
                  <c:v>1.9263508319854701</c:v>
                </c:pt>
                <c:pt idx="2">
                  <c:v>2.9294867515564</c:v>
                </c:pt>
                <c:pt idx="3">
                  <c:v>3.9254999160766602</c:v>
                </c:pt>
                <c:pt idx="4">
                  <c:v>4.9271521568298304</c:v>
                </c:pt>
                <c:pt idx="5">
                  <c:v>5.9281988143920898</c:v>
                </c:pt>
                <c:pt idx="6">
                  <c:v>6.9261608123779297</c:v>
                </c:pt>
                <c:pt idx="7">
                  <c:v>7.9247994422912598</c:v>
                </c:pt>
                <c:pt idx="8">
                  <c:v>8.9291582107543892</c:v>
                </c:pt>
                <c:pt idx="9">
                  <c:v>9.9269618988037092</c:v>
                </c:pt>
                <c:pt idx="10">
                  <c:v>10.9275369644165</c:v>
                </c:pt>
                <c:pt idx="11">
                  <c:v>11.9258527755737</c:v>
                </c:pt>
                <c:pt idx="12">
                  <c:v>12.9248647689819</c:v>
                </c:pt>
                <c:pt idx="13">
                  <c:v>13.927141189575201</c:v>
                </c:pt>
                <c:pt idx="14">
                  <c:v>14.9267492294312</c:v>
                </c:pt>
                <c:pt idx="15">
                  <c:v>15.929573059081999</c:v>
                </c:pt>
                <c:pt idx="16">
                  <c:v>16.929315567016602</c:v>
                </c:pt>
                <c:pt idx="17">
                  <c:v>17.928138732910199</c:v>
                </c:pt>
                <c:pt idx="18">
                  <c:v>18.929069519043001</c:v>
                </c:pt>
                <c:pt idx="19">
                  <c:v>19.928846359252901</c:v>
                </c:pt>
                <c:pt idx="20">
                  <c:v>20.928342819213899</c:v>
                </c:pt>
                <c:pt idx="21">
                  <c:v>21.927986145019499</c:v>
                </c:pt>
                <c:pt idx="22">
                  <c:v>22.927978515625</c:v>
                </c:pt>
                <c:pt idx="23">
                  <c:v>23.9278678894043</c:v>
                </c:pt>
                <c:pt idx="24">
                  <c:v>24.927385330200199</c:v>
                </c:pt>
                <c:pt idx="25">
                  <c:v>25.927171707153299</c:v>
                </c:pt>
                <c:pt idx="26">
                  <c:v>26.926836013793899</c:v>
                </c:pt>
                <c:pt idx="27">
                  <c:v>27.9267063140869</c:v>
                </c:pt>
                <c:pt idx="28">
                  <c:v>28.926446914672901</c:v>
                </c:pt>
                <c:pt idx="29">
                  <c:v>29.9261074066162</c:v>
                </c:pt>
                <c:pt idx="30">
                  <c:v>30.925786972045898</c:v>
                </c:pt>
                <c:pt idx="31">
                  <c:v>31.9256896972656</c:v>
                </c:pt>
                <c:pt idx="32">
                  <c:v>32.925548553466797</c:v>
                </c:pt>
                <c:pt idx="33">
                  <c:v>33.925224304199197</c:v>
                </c:pt>
                <c:pt idx="34">
                  <c:v>34.924922943115199</c:v>
                </c:pt>
                <c:pt idx="35">
                  <c:v>35.924758911132798</c:v>
                </c:pt>
                <c:pt idx="36">
                  <c:v>36.924514770507798</c:v>
                </c:pt>
                <c:pt idx="37">
                  <c:v>37.923812866210902</c:v>
                </c:pt>
                <c:pt idx="38">
                  <c:v>38.924076080322301</c:v>
                </c:pt>
                <c:pt idx="39">
                  <c:v>39.923618316650398</c:v>
                </c:pt>
                <c:pt idx="40">
                  <c:v>40.923313140869098</c:v>
                </c:pt>
                <c:pt idx="41">
                  <c:v>41.923255920410199</c:v>
                </c:pt>
                <c:pt idx="42">
                  <c:v>42.922985076904297</c:v>
                </c:pt>
                <c:pt idx="43">
                  <c:v>43.922679901122997</c:v>
                </c:pt>
                <c:pt idx="44">
                  <c:v>44.922519683837898</c:v>
                </c:pt>
                <c:pt idx="45">
                  <c:v>45.921962738037102</c:v>
                </c:pt>
                <c:pt idx="46">
                  <c:v>46.921974182128899</c:v>
                </c:pt>
                <c:pt idx="47">
                  <c:v>47.921848297119098</c:v>
                </c:pt>
                <c:pt idx="48">
                  <c:v>48.921581268310497</c:v>
                </c:pt>
                <c:pt idx="49">
                  <c:v>49.921382904052699</c:v>
                </c:pt>
                <c:pt idx="50">
                  <c:v>50.9210205078125</c:v>
                </c:pt>
                <c:pt idx="51">
                  <c:v>51.920719146728501</c:v>
                </c:pt>
                <c:pt idx="52">
                  <c:v>52.920608520507798</c:v>
                </c:pt>
                <c:pt idx="53">
                  <c:v>53.920452117919901</c:v>
                </c:pt>
                <c:pt idx="54">
                  <c:v>54.920120239257798</c:v>
                </c:pt>
                <c:pt idx="55">
                  <c:v>55.920120239257798</c:v>
                </c:pt>
                <c:pt idx="56">
                  <c:v>56.919620513916001</c:v>
                </c:pt>
                <c:pt idx="57">
                  <c:v>57.919296264648402</c:v>
                </c:pt>
                <c:pt idx="58">
                  <c:v>58.9191703796387</c:v>
                </c:pt>
                <c:pt idx="59">
                  <c:v>59.918872833252003</c:v>
                </c:pt>
                <c:pt idx="60">
                  <c:v>60.918567657470703</c:v>
                </c:pt>
                <c:pt idx="61">
                  <c:v>61.918384552002003</c:v>
                </c:pt>
                <c:pt idx="62">
                  <c:v>62.918167114257798</c:v>
                </c:pt>
                <c:pt idx="63">
                  <c:v>63.917877197265597</c:v>
                </c:pt>
                <c:pt idx="64">
                  <c:v>64.917755126953097</c:v>
                </c:pt>
                <c:pt idx="65">
                  <c:v>65.917419433593807</c:v>
                </c:pt>
                <c:pt idx="66">
                  <c:v>66.917121887207003</c:v>
                </c:pt>
                <c:pt idx="67">
                  <c:v>67.916976928710895</c:v>
                </c:pt>
                <c:pt idx="68">
                  <c:v>68.916755676269503</c:v>
                </c:pt>
                <c:pt idx="69">
                  <c:v>69.916564941406307</c:v>
                </c:pt>
                <c:pt idx="70">
                  <c:v>70.915954589843807</c:v>
                </c:pt>
                <c:pt idx="71">
                  <c:v>71.915885925292997</c:v>
                </c:pt>
                <c:pt idx="72">
                  <c:v>72.915954589843807</c:v>
                </c:pt>
                <c:pt idx="73">
                  <c:v>73.915519714355497</c:v>
                </c:pt>
                <c:pt idx="74">
                  <c:v>74.915328979492202</c:v>
                </c:pt>
                <c:pt idx="75">
                  <c:v>75.914932250976605</c:v>
                </c:pt>
                <c:pt idx="76">
                  <c:v>76.914642333984403</c:v>
                </c:pt>
                <c:pt idx="77">
                  <c:v>77.914482116699205</c:v>
                </c:pt>
                <c:pt idx="78">
                  <c:v>78.914199829101605</c:v>
                </c:pt>
                <c:pt idx="79">
                  <c:v>79.914016723632798</c:v>
                </c:pt>
                <c:pt idx="80">
                  <c:v>80.913711547851605</c:v>
                </c:pt>
                <c:pt idx="81">
                  <c:v>81.913436889648395</c:v>
                </c:pt>
                <c:pt idx="82">
                  <c:v>82.913307189941406</c:v>
                </c:pt>
                <c:pt idx="83">
                  <c:v>83.913040161132798</c:v>
                </c:pt>
                <c:pt idx="84">
                  <c:v>84.912704467773395</c:v>
                </c:pt>
                <c:pt idx="85">
                  <c:v>85.912490844726605</c:v>
                </c:pt>
                <c:pt idx="86">
                  <c:v>86.912300109863295</c:v>
                </c:pt>
                <c:pt idx="87">
                  <c:v>87.911956787109403</c:v>
                </c:pt>
                <c:pt idx="88">
                  <c:v>88.911720275878906</c:v>
                </c:pt>
                <c:pt idx="89">
                  <c:v>89.911590576171903</c:v>
                </c:pt>
                <c:pt idx="90">
                  <c:v>90.911033630371094</c:v>
                </c:pt>
                <c:pt idx="91">
                  <c:v>91.911392211914105</c:v>
                </c:pt>
                <c:pt idx="92">
                  <c:v>92.910713195800795</c:v>
                </c:pt>
                <c:pt idx="93">
                  <c:v>93.910774230957003</c:v>
                </c:pt>
                <c:pt idx="94">
                  <c:v>94.910606384277301</c:v>
                </c:pt>
                <c:pt idx="95">
                  <c:v>95.9100341796875</c:v>
                </c:pt>
                <c:pt idx="96">
                  <c:v>96.909957885742202</c:v>
                </c:pt>
                <c:pt idx="97">
                  <c:v>97.909599304199205</c:v>
                </c:pt>
                <c:pt idx="98">
                  <c:v>98.909469604492202</c:v>
                </c:pt>
                <c:pt idx="99">
                  <c:v>99.909149169921903</c:v>
                </c:pt>
                <c:pt idx="100">
                  <c:v>9.9998235702514595</c:v>
                </c:pt>
                <c:pt idx="101">
                  <c:v>10.0002136230469</c:v>
                </c:pt>
                <c:pt idx="102">
                  <c:v>10.0000553131104</c:v>
                </c:pt>
                <c:pt idx="103">
                  <c:v>9.9998998641967791</c:v>
                </c:pt>
                <c:pt idx="104">
                  <c:v>9.9998989105224592</c:v>
                </c:pt>
                <c:pt idx="105">
                  <c:v>9.9999074935913104</c:v>
                </c:pt>
                <c:pt idx="106">
                  <c:v>10.000013351440399</c:v>
                </c:pt>
                <c:pt idx="107">
                  <c:v>9.9998493194580096</c:v>
                </c:pt>
                <c:pt idx="108">
                  <c:v>10.0000953674316</c:v>
                </c:pt>
                <c:pt idx="109">
                  <c:v>10.000080108642599</c:v>
                </c:pt>
                <c:pt idx="110">
                  <c:v>9.9999790191650408</c:v>
                </c:pt>
                <c:pt idx="111">
                  <c:v>10.0000057220459</c:v>
                </c:pt>
                <c:pt idx="112">
                  <c:v>9.99993991851807</c:v>
                </c:pt>
                <c:pt idx="113">
                  <c:v>10.0002098083496</c:v>
                </c:pt>
                <c:pt idx="114">
                  <c:v>10.000036239624</c:v>
                </c:pt>
                <c:pt idx="115">
                  <c:v>9.9998569488525408</c:v>
                </c:pt>
                <c:pt idx="116">
                  <c:v>9.9999561309814506</c:v>
                </c:pt>
                <c:pt idx="117">
                  <c:v>9.9996814727783203</c:v>
                </c:pt>
                <c:pt idx="118">
                  <c:v>9.9998846054077095</c:v>
                </c:pt>
                <c:pt idx="119">
                  <c:v>10.0004940032959</c:v>
                </c:pt>
                <c:pt idx="120">
                  <c:v>9.9999217987060494</c:v>
                </c:pt>
                <c:pt idx="121">
                  <c:v>10.000313758850099</c:v>
                </c:pt>
                <c:pt idx="122">
                  <c:v>10.0003757476807</c:v>
                </c:pt>
                <c:pt idx="123">
                  <c:v>9.9995050430297905</c:v>
                </c:pt>
                <c:pt idx="124">
                  <c:v>9.9999094009399396</c:v>
                </c:pt>
                <c:pt idx="125">
                  <c:v>10.000500679016101</c:v>
                </c:pt>
                <c:pt idx="126">
                  <c:v>10.000328063964799</c:v>
                </c:pt>
                <c:pt idx="127">
                  <c:v>9.9997653961181605</c:v>
                </c:pt>
                <c:pt idx="128">
                  <c:v>10.0007619857788</c:v>
                </c:pt>
                <c:pt idx="129">
                  <c:v>9.9990234375</c:v>
                </c:pt>
                <c:pt idx="130">
                  <c:v>99.074867248535199</c:v>
                </c:pt>
                <c:pt idx="131">
                  <c:v>98.072578430175795</c:v>
                </c:pt>
                <c:pt idx="132">
                  <c:v>97.073051452636705</c:v>
                </c:pt>
                <c:pt idx="133">
                  <c:v>96.0731201171875</c:v>
                </c:pt>
                <c:pt idx="134">
                  <c:v>95.076057434082003</c:v>
                </c:pt>
                <c:pt idx="135">
                  <c:v>94.076972961425795</c:v>
                </c:pt>
                <c:pt idx="136">
                  <c:v>93.074447631835895</c:v>
                </c:pt>
                <c:pt idx="137">
                  <c:v>92.0750732421875</c:v>
                </c:pt>
                <c:pt idx="138">
                  <c:v>91.074562072753906</c:v>
                </c:pt>
                <c:pt idx="139">
                  <c:v>90.078018188476605</c:v>
                </c:pt>
                <c:pt idx="140">
                  <c:v>89.078697204589801</c:v>
                </c:pt>
                <c:pt idx="141">
                  <c:v>88.075027465820298</c:v>
                </c:pt>
                <c:pt idx="142">
                  <c:v>87.074714660644503</c:v>
                </c:pt>
                <c:pt idx="143">
                  <c:v>86.078292846679702</c:v>
                </c:pt>
                <c:pt idx="144">
                  <c:v>85.078483581542997</c:v>
                </c:pt>
                <c:pt idx="145">
                  <c:v>84.079132080078097</c:v>
                </c:pt>
                <c:pt idx="146">
                  <c:v>83.076843261718807</c:v>
                </c:pt>
                <c:pt idx="147">
                  <c:v>82.079277038574205</c:v>
                </c:pt>
                <c:pt idx="148">
                  <c:v>81.076095581054702</c:v>
                </c:pt>
                <c:pt idx="149">
                  <c:v>80.077354431152301</c:v>
                </c:pt>
                <c:pt idx="150">
                  <c:v>79.077590942382798</c:v>
                </c:pt>
                <c:pt idx="151">
                  <c:v>78.077598571777301</c:v>
                </c:pt>
                <c:pt idx="152">
                  <c:v>77.078056335449205</c:v>
                </c:pt>
                <c:pt idx="153">
                  <c:v>76.077659606933594</c:v>
                </c:pt>
                <c:pt idx="154">
                  <c:v>75.078338623046903</c:v>
                </c:pt>
                <c:pt idx="155">
                  <c:v>74.079093933105497</c:v>
                </c:pt>
                <c:pt idx="156">
                  <c:v>73.07470703125</c:v>
                </c:pt>
                <c:pt idx="157">
                  <c:v>72.079795837402301</c:v>
                </c:pt>
                <c:pt idx="158">
                  <c:v>71.079750061035199</c:v>
                </c:pt>
                <c:pt idx="159">
                  <c:v>70.079742431640597</c:v>
                </c:pt>
                <c:pt idx="160">
                  <c:v>69.079978942871094</c:v>
                </c:pt>
                <c:pt idx="161">
                  <c:v>68.080215454101605</c:v>
                </c:pt>
                <c:pt idx="162">
                  <c:v>67.080322265625</c:v>
                </c:pt>
                <c:pt idx="163">
                  <c:v>66.080650329589801</c:v>
                </c:pt>
                <c:pt idx="164">
                  <c:v>65.080894470214801</c:v>
                </c:pt>
                <c:pt idx="165">
                  <c:v>64.081130981445298</c:v>
                </c:pt>
                <c:pt idx="166">
                  <c:v>63.081325531005902</c:v>
                </c:pt>
                <c:pt idx="167">
                  <c:v>62.081703186035199</c:v>
                </c:pt>
                <c:pt idx="168">
                  <c:v>61.082004547119098</c:v>
                </c:pt>
                <c:pt idx="169">
                  <c:v>60.082073211669901</c:v>
                </c:pt>
                <c:pt idx="170">
                  <c:v>59.082374572753899</c:v>
                </c:pt>
                <c:pt idx="171">
                  <c:v>58.082557678222699</c:v>
                </c:pt>
                <c:pt idx="172">
                  <c:v>57.082790374755902</c:v>
                </c:pt>
                <c:pt idx="173">
                  <c:v>56.083118438720703</c:v>
                </c:pt>
                <c:pt idx="174">
                  <c:v>55.083263397216797</c:v>
                </c:pt>
                <c:pt idx="175">
                  <c:v>54.0837211608887</c:v>
                </c:pt>
                <c:pt idx="176">
                  <c:v>53.083770751953097</c:v>
                </c:pt>
                <c:pt idx="177">
                  <c:v>52.084220886230497</c:v>
                </c:pt>
                <c:pt idx="178">
                  <c:v>51.084255218505902</c:v>
                </c:pt>
                <c:pt idx="179">
                  <c:v>50.0845756530762</c:v>
                </c:pt>
                <c:pt idx="180">
                  <c:v>49.0848197937012</c:v>
                </c:pt>
                <c:pt idx="181">
                  <c:v>48.084716796875</c:v>
                </c:pt>
                <c:pt idx="182">
                  <c:v>47.085056304931598</c:v>
                </c:pt>
                <c:pt idx="183">
                  <c:v>46.085147857666001</c:v>
                </c:pt>
                <c:pt idx="184">
                  <c:v>45.085891723632798</c:v>
                </c:pt>
                <c:pt idx="185">
                  <c:v>44.086032867431598</c:v>
                </c:pt>
                <c:pt idx="186">
                  <c:v>43.085762023925803</c:v>
                </c:pt>
                <c:pt idx="187">
                  <c:v>42.086582183837898</c:v>
                </c:pt>
                <c:pt idx="188">
                  <c:v>41.086864471435497</c:v>
                </c:pt>
                <c:pt idx="189">
                  <c:v>40.087043762207003</c:v>
                </c:pt>
                <c:pt idx="190">
                  <c:v>39.0871772766113</c:v>
                </c:pt>
                <c:pt idx="191">
                  <c:v>38.087356567382798</c:v>
                </c:pt>
                <c:pt idx="192">
                  <c:v>37.0879936218262</c:v>
                </c:pt>
                <c:pt idx="193">
                  <c:v>36.088138580322301</c:v>
                </c:pt>
                <c:pt idx="194">
                  <c:v>35.088283538818402</c:v>
                </c:pt>
                <c:pt idx="195">
                  <c:v>34.088504791259801</c:v>
                </c:pt>
                <c:pt idx="196">
                  <c:v>33.088722229003899</c:v>
                </c:pt>
                <c:pt idx="197">
                  <c:v>32.088737487792997</c:v>
                </c:pt>
                <c:pt idx="198">
                  <c:v>31.089210510253899</c:v>
                </c:pt>
                <c:pt idx="199">
                  <c:v>30.089490890502901</c:v>
                </c:pt>
                <c:pt idx="200">
                  <c:v>29.089912414550799</c:v>
                </c:pt>
                <c:pt idx="201">
                  <c:v>28.089931488037099</c:v>
                </c:pt>
                <c:pt idx="202">
                  <c:v>27.0901699066162</c:v>
                </c:pt>
                <c:pt idx="203">
                  <c:v>26.0903835296631</c:v>
                </c:pt>
                <c:pt idx="204">
                  <c:v>25.090610504150401</c:v>
                </c:pt>
                <c:pt idx="205">
                  <c:v>24.090980529785199</c:v>
                </c:pt>
                <c:pt idx="206">
                  <c:v>23.0911159515381</c:v>
                </c:pt>
                <c:pt idx="207">
                  <c:v>22.091373443603501</c:v>
                </c:pt>
                <c:pt idx="208">
                  <c:v>21.091596603393601</c:v>
                </c:pt>
                <c:pt idx="209">
                  <c:v>20.091789245605501</c:v>
                </c:pt>
                <c:pt idx="210">
                  <c:v>19.092149734497099</c:v>
                </c:pt>
                <c:pt idx="211">
                  <c:v>18.092290878295898</c:v>
                </c:pt>
                <c:pt idx="212">
                  <c:v>17.092571258544901</c:v>
                </c:pt>
                <c:pt idx="213">
                  <c:v>16.092891693115199</c:v>
                </c:pt>
                <c:pt idx="214">
                  <c:v>15.092775344848601</c:v>
                </c:pt>
                <c:pt idx="215">
                  <c:v>14.092614173889199</c:v>
                </c:pt>
                <c:pt idx="216">
                  <c:v>13.0926570892334</c:v>
                </c:pt>
                <c:pt idx="217">
                  <c:v>12.092460632324199</c:v>
                </c:pt>
                <c:pt idx="218">
                  <c:v>11.0924644470215</c:v>
                </c:pt>
                <c:pt idx="219">
                  <c:v>10.0923051834106</c:v>
                </c:pt>
                <c:pt idx="220">
                  <c:v>9.0921173095703107</c:v>
                </c:pt>
                <c:pt idx="221">
                  <c:v>8.0919857025146502</c:v>
                </c:pt>
                <c:pt idx="222">
                  <c:v>7.0920114517211896</c:v>
                </c:pt>
                <c:pt idx="223">
                  <c:v>6.09216213226318</c:v>
                </c:pt>
                <c:pt idx="224">
                  <c:v>5.0921382904052699</c:v>
                </c:pt>
                <c:pt idx="225">
                  <c:v>4.0923447608947798</c:v>
                </c:pt>
                <c:pt idx="226">
                  <c:v>3.09224605560303</c:v>
                </c:pt>
                <c:pt idx="227">
                  <c:v>2.0923087596893302</c:v>
                </c:pt>
                <c:pt idx="228">
                  <c:v>1.09219741821289</c:v>
                </c:pt>
                <c:pt idx="229">
                  <c:v>9.2362508177757305E-2</c:v>
                </c:pt>
              </c:numCache>
            </c:numRef>
          </c:xVal>
          <c:yVal>
            <c:numRef>
              <c:f>_27_01_bss_1_3_thixotropy_5_1_r!$G$2:$G$231</c:f>
              <c:numCache>
                <c:formatCode>General</c:formatCode>
                <c:ptCount val="230"/>
                <c:pt idx="0">
                  <c:v>2839.7314453125</c:v>
                </c:pt>
                <c:pt idx="1">
                  <c:v>878.87640380859398</c:v>
                </c:pt>
                <c:pt idx="2">
                  <c:v>419.13772583007801</c:v>
                </c:pt>
                <c:pt idx="3">
                  <c:v>261.78036499023398</c:v>
                </c:pt>
                <c:pt idx="4">
                  <c:v>197.61549377441401</c:v>
                </c:pt>
                <c:pt idx="5">
                  <c:v>158.68316650390599</c:v>
                </c:pt>
                <c:pt idx="6">
                  <c:v>135.75329589843801</c:v>
                </c:pt>
                <c:pt idx="7">
                  <c:v>103.216064453125</c:v>
                </c:pt>
                <c:pt idx="8">
                  <c:v>73.319435119628906</c:v>
                </c:pt>
                <c:pt idx="9">
                  <c:v>44.321254730224602</c:v>
                </c:pt>
                <c:pt idx="10">
                  <c:v>30.179651260376001</c:v>
                </c:pt>
                <c:pt idx="11">
                  <c:v>23.1384792327881</c:v>
                </c:pt>
                <c:pt idx="12">
                  <c:v>23.233579635620099</c:v>
                </c:pt>
                <c:pt idx="13">
                  <c:v>20.233650207519499</c:v>
                </c:pt>
                <c:pt idx="14">
                  <c:v>17.5238151550293</c:v>
                </c:pt>
                <c:pt idx="15">
                  <c:v>14.751311302185099</c:v>
                </c:pt>
                <c:pt idx="16">
                  <c:v>12.7318124771118</c:v>
                </c:pt>
                <c:pt idx="17">
                  <c:v>11.827838897705099</c:v>
                </c:pt>
                <c:pt idx="18">
                  <c:v>11.6061820983887</c:v>
                </c:pt>
                <c:pt idx="19">
                  <c:v>9.8144092559814506</c:v>
                </c:pt>
                <c:pt idx="20">
                  <c:v>8.6844778060913104</c:v>
                </c:pt>
                <c:pt idx="21">
                  <c:v>8.5532350540161097</c:v>
                </c:pt>
                <c:pt idx="22">
                  <c:v>7.7039294242858896</c:v>
                </c:pt>
                <c:pt idx="23">
                  <c:v>6.5716052055358896</c:v>
                </c:pt>
                <c:pt idx="24">
                  <c:v>5.80106544494629</c:v>
                </c:pt>
                <c:pt idx="25">
                  <c:v>5.1654839515686</c:v>
                </c:pt>
                <c:pt idx="26">
                  <c:v>5.1651186943054199</c:v>
                </c:pt>
                <c:pt idx="27">
                  <c:v>4.1289348602294904</c:v>
                </c:pt>
                <c:pt idx="28">
                  <c:v>3.69907522201538</c:v>
                </c:pt>
                <c:pt idx="29">
                  <c:v>3.4570009708404501</c:v>
                </c:pt>
                <c:pt idx="30">
                  <c:v>3.4586236476898198</c:v>
                </c:pt>
                <c:pt idx="31">
                  <c:v>2.6963555812835698</c:v>
                </c:pt>
                <c:pt idx="32">
                  <c:v>2.4646809101104701</c:v>
                </c:pt>
                <c:pt idx="33">
                  <c:v>2.5497603416442902</c:v>
                </c:pt>
                <c:pt idx="34">
                  <c:v>2.5183060169220002</c:v>
                </c:pt>
                <c:pt idx="35">
                  <c:v>2.2530457973480198</c:v>
                </c:pt>
                <c:pt idx="36">
                  <c:v>2.1429910659789999</c:v>
                </c:pt>
                <c:pt idx="37">
                  <c:v>3.5861670970916699</c:v>
                </c:pt>
                <c:pt idx="38">
                  <c:v>3.16744756698608</c:v>
                </c:pt>
                <c:pt idx="39">
                  <c:v>2.8462545871734601</c:v>
                </c:pt>
                <c:pt idx="40">
                  <c:v>2.54413938522339</c:v>
                </c:pt>
                <c:pt idx="41">
                  <c:v>2.1069169044494598</c:v>
                </c:pt>
                <c:pt idx="42">
                  <c:v>1.97443294525146</c:v>
                </c:pt>
                <c:pt idx="43">
                  <c:v>1.89084029197693</c:v>
                </c:pt>
                <c:pt idx="44">
                  <c:v>1.8800064325332599</c:v>
                </c:pt>
                <c:pt idx="45">
                  <c:v>2.0627717971801798</c:v>
                </c:pt>
                <c:pt idx="46">
                  <c:v>1.71481668949127</c:v>
                </c:pt>
                <c:pt idx="47">
                  <c:v>1.87880051136017</c:v>
                </c:pt>
                <c:pt idx="48">
                  <c:v>1.72561967372894</c:v>
                </c:pt>
                <c:pt idx="49">
                  <c:v>1.30348312854767</c:v>
                </c:pt>
                <c:pt idx="50">
                  <c:v>1.17257487773895</c:v>
                </c:pt>
                <c:pt idx="51">
                  <c:v>1.3164762258529701</c:v>
                </c:pt>
                <c:pt idx="52">
                  <c:v>1.22878170013428</c:v>
                </c:pt>
                <c:pt idx="53">
                  <c:v>1.2284362316131601</c:v>
                </c:pt>
                <c:pt idx="54">
                  <c:v>1.18695628643036</c:v>
                </c:pt>
                <c:pt idx="55">
                  <c:v>1.1429959535598799</c:v>
                </c:pt>
                <c:pt idx="56">
                  <c:v>1.1820424795150799</c:v>
                </c:pt>
                <c:pt idx="57">
                  <c:v>1.5137894153595</c:v>
                </c:pt>
                <c:pt idx="58">
                  <c:v>1.74238240718842</c:v>
                </c:pt>
                <c:pt idx="59">
                  <c:v>1.5108942985534699</c:v>
                </c:pt>
                <c:pt idx="60">
                  <c:v>1.6884015798568699</c:v>
                </c:pt>
                <c:pt idx="61">
                  <c:v>1.72449779510498</c:v>
                </c:pt>
                <c:pt idx="62">
                  <c:v>1.6367771625518801</c:v>
                </c:pt>
                <c:pt idx="63">
                  <c:v>1.6592880487442001</c:v>
                </c:pt>
                <c:pt idx="64">
                  <c:v>1.32820761203766</c:v>
                </c:pt>
                <c:pt idx="65">
                  <c:v>1.11326551437378</c:v>
                </c:pt>
                <c:pt idx="66">
                  <c:v>0.99905484914779696</c:v>
                </c:pt>
                <c:pt idx="67">
                  <c:v>0.95354074239730802</c:v>
                </c:pt>
                <c:pt idx="68">
                  <c:v>0.98470705747604403</c:v>
                </c:pt>
                <c:pt idx="69">
                  <c:v>0.83076667785644498</c:v>
                </c:pt>
                <c:pt idx="70">
                  <c:v>0.86359626054763805</c:v>
                </c:pt>
                <c:pt idx="71">
                  <c:v>1.0436152219772299</c:v>
                </c:pt>
                <c:pt idx="72">
                  <c:v>0.95416492223739602</c:v>
                </c:pt>
                <c:pt idx="73">
                  <c:v>0.850031137466431</c:v>
                </c:pt>
                <c:pt idx="74">
                  <c:v>0.94842696189880404</c:v>
                </c:pt>
                <c:pt idx="75">
                  <c:v>0.73828107118606601</c:v>
                </c:pt>
                <c:pt idx="76">
                  <c:v>0.72697460651397705</c:v>
                </c:pt>
                <c:pt idx="77">
                  <c:v>0.70903563499450695</c:v>
                </c:pt>
                <c:pt idx="78">
                  <c:v>0.64200586080551103</c:v>
                </c:pt>
                <c:pt idx="79">
                  <c:v>0.59168905019760099</c:v>
                </c:pt>
                <c:pt idx="80">
                  <c:v>0.635855972766876</c:v>
                </c:pt>
                <c:pt idx="81">
                  <c:v>0.61892926692962602</c:v>
                </c:pt>
                <c:pt idx="82">
                  <c:v>0.597464740276337</c:v>
                </c:pt>
                <c:pt idx="83">
                  <c:v>0.56545203924179099</c:v>
                </c:pt>
                <c:pt idx="84">
                  <c:v>0.55714797973632801</c:v>
                </c:pt>
                <c:pt idx="85">
                  <c:v>0.57768619060516402</c:v>
                </c:pt>
                <c:pt idx="86">
                  <c:v>0.54260671138763406</c:v>
                </c:pt>
                <c:pt idx="87">
                  <c:v>0.585923552513123</c:v>
                </c:pt>
                <c:pt idx="88">
                  <c:v>0.577794909477234</c:v>
                </c:pt>
                <c:pt idx="89">
                  <c:v>0.65663611888885498</c:v>
                </c:pt>
                <c:pt idx="90">
                  <c:v>0.87469595670700095</c:v>
                </c:pt>
                <c:pt idx="91">
                  <c:v>0.88898962736129805</c:v>
                </c:pt>
                <c:pt idx="92">
                  <c:v>0.86174488067626998</c:v>
                </c:pt>
                <c:pt idx="93">
                  <c:v>1.2797665596008301</c:v>
                </c:pt>
                <c:pt idx="94">
                  <c:v>0.85963225364685103</c:v>
                </c:pt>
                <c:pt idx="95">
                  <c:v>0.54866737127304099</c:v>
                </c:pt>
                <c:pt idx="96">
                  <c:v>0.50129264593124401</c:v>
                </c:pt>
                <c:pt idx="97">
                  <c:v>0.443353712558746</c:v>
                </c:pt>
                <c:pt idx="98">
                  <c:v>0.45294937491416898</c:v>
                </c:pt>
                <c:pt idx="99">
                  <c:v>0.45230138301849399</c:v>
                </c:pt>
                <c:pt idx="100">
                  <c:v>3.2527422904968302</c:v>
                </c:pt>
                <c:pt idx="101">
                  <c:v>3.4044995307922399</c:v>
                </c:pt>
                <c:pt idx="102">
                  <c:v>3.2966108322143599</c:v>
                </c:pt>
                <c:pt idx="103">
                  <c:v>3.3275003433227499</c:v>
                </c:pt>
                <c:pt idx="104">
                  <c:v>3.48861527442932</c:v>
                </c:pt>
                <c:pt idx="105">
                  <c:v>3.3196167945861799</c:v>
                </c:pt>
                <c:pt idx="106">
                  <c:v>3.3811168670654301</c:v>
                </c:pt>
                <c:pt idx="107">
                  <c:v>3.2487032413482702</c:v>
                </c:pt>
                <c:pt idx="108">
                  <c:v>3.3997421264648402</c:v>
                </c:pt>
                <c:pt idx="109">
                  <c:v>3.5224659442901598</c:v>
                </c:pt>
                <c:pt idx="110">
                  <c:v>3.3472471237182599</c:v>
                </c:pt>
                <c:pt idx="111">
                  <c:v>3.5500235557556201</c:v>
                </c:pt>
                <c:pt idx="112">
                  <c:v>3.8546800613403298</c:v>
                </c:pt>
                <c:pt idx="113">
                  <c:v>3.6193950176239</c:v>
                </c:pt>
                <c:pt idx="114">
                  <c:v>3.94959497451782</c:v>
                </c:pt>
                <c:pt idx="115">
                  <c:v>4.2996559143066397</c:v>
                </c:pt>
                <c:pt idx="116">
                  <c:v>3.9362716674804701</c:v>
                </c:pt>
                <c:pt idx="117">
                  <c:v>4.1928744316101101</c:v>
                </c:pt>
                <c:pt idx="118">
                  <c:v>4.6891832351684597</c:v>
                </c:pt>
                <c:pt idx="119">
                  <c:v>6.3247919082641602</c:v>
                </c:pt>
                <c:pt idx="120">
                  <c:v>8.5294065475463903</c:v>
                </c:pt>
                <c:pt idx="121">
                  <c:v>11.250099182128899</c:v>
                </c:pt>
                <c:pt idx="122">
                  <c:v>11.7325448989868</c:v>
                </c:pt>
                <c:pt idx="123">
                  <c:v>11.3558263778687</c:v>
                </c:pt>
                <c:pt idx="124">
                  <c:v>10.479495048522899</c:v>
                </c:pt>
                <c:pt idx="125">
                  <c:v>12.072579383850099</c:v>
                </c:pt>
                <c:pt idx="126">
                  <c:v>11.1553802490234</c:v>
                </c:pt>
                <c:pt idx="127">
                  <c:v>10.768836975097701</c:v>
                </c:pt>
                <c:pt idx="128">
                  <c:v>10.9538278579712</c:v>
                </c:pt>
                <c:pt idx="129">
                  <c:v>10.719689369201699</c:v>
                </c:pt>
                <c:pt idx="130">
                  <c:v>2.5922920703887899</c:v>
                </c:pt>
                <c:pt idx="131">
                  <c:v>2.9414405822753902</c:v>
                </c:pt>
                <c:pt idx="132">
                  <c:v>2.5417723655700701</c:v>
                </c:pt>
                <c:pt idx="133">
                  <c:v>2.00162625312805</c:v>
                </c:pt>
                <c:pt idx="134">
                  <c:v>2.56365942955017</c:v>
                </c:pt>
                <c:pt idx="135">
                  <c:v>2.46212601661682</c:v>
                </c:pt>
                <c:pt idx="136">
                  <c:v>3.1255257129669198</c:v>
                </c:pt>
                <c:pt idx="137">
                  <c:v>2.6351366043090798</c:v>
                </c:pt>
                <c:pt idx="138">
                  <c:v>2.0791203975677499</c:v>
                </c:pt>
                <c:pt idx="139">
                  <c:v>2.9727611541747998</c:v>
                </c:pt>
                <c:pt idx="140">
                  <c:v>3.14242386817932</c:v>
                </c:pt>
                <c:pt idx="141">
                  <c:v>3.5535144805908199</c:v>
                </c:pt>
                <c:pt idx="142">
                  <c:v>2.9788868427276598</c:v>
                </c:pt>
                <c:pt idx="143">
                  <c:v>2.5679869651794398</c:v>
                </c:pt>
                <c:pt idx="144">
                  <c:v>2.3370342254638699</c:v>
                </c:pt>
                <c:pt idx="145">
                  <c:v>2.1223313808441202</c:v>
                </c:pt>
                <c:pt idx="146">
                  <c:v>3.2106473445892298</c:v>
                </c:pt>
                <c:pt idx="147">
                  <c:v>2.3641991615295401</c:v>
                </c:pt>
                <c:pt idx="148">
                  <c:v>2.0545358657836901</c:v>
                </c:pt>
                <c:pt idx="149">
                  <c:v>1.8198219537735001</c:v>
                </c:pt>
                <c:pt idx="150">
                  <c:v>1.40466260910034</c:v>
                </c:pt>
                <c:pt idx="151">
                  <c:v>1.02881360054016</c:v>
                </c:pt>
                <c:pt idx="152">
                  <c:v>0.97508865594863903</c:v>
                </c:pt>
                <c:pt idx="153">
                  <c:v>1.0289266109466599</c:v>
                </c:pt>
                <c:pt idx="154">
                  <c:v>1.4041450023651101</c:v>
                </c:pt>
                <c:pt idx="155">
                  <c:v>1.28303027153015</c:v>
                </c:pt>
                <c:pt idx="156">
                  <c:v>8.0686521530151403</c:v>
                </c:pt>
                <c:pt idx="157">
                  <c:v>2.4989261627197301</c:v>
                </c:pt>
                <c:pt idx="158">
                  <c:v>1.33510446548462</c:v>
                </c:pt>
                <c:pt idx="159">
                  <c:v>0.61480712890625</c:v>
                </c:pt>
                <c:pt idx="160">
                  <c:v>0.50239437818527199</c:v>
                </c:pt>
                <c:pt idx="161">
                  <c:v>0.51664113998413097</c:v>
                </c:pt>
                <c:pt idx="162">
                  <c:v>0.50067126750946001</c:v>
                </c:pt>
                <c:pt idx="163">
                  <c:v>0.63520306348800704</c:v>
                </c:pt>
                <c:pt idx="164">
                  <c:v>0.68099856376647905</c:v>
                </c:pt>
                <c:pt idx="165">
                  <c:v>0.42128080129623402</c:v>
                </c:pt>
                <c:pt idx="166">
                  <c:v>0.50368070602417003</c:v>
                </c:pt>
                <c:pt idx="167">
                  <c:v>0.59794139862060502</c:v>
                </c:pt>
                <c:pt idx="168">
                  <c:v>0.63865035772323597</c:v>
                </c:pt>
                <c:pt idx="169">
                  <c:v>0.37656497955322299</c:v>
                </c:pt>
                <c:pt idx="170">
                  <c:v>0.36155754327773998</c:v>
                </c:pt>
                <c:pt idx="171">
                  <c:v>0.351254463195801</c:v>
                </c:pt>
                <c:pt idx="172">
                  <c:v>0.367208212614059</c:v>
                </c:pt>
                <c:pt idx="173">
                  <c:v>0.70356297492981001</c:v>
                </c:pt>
                <c:pt idx="174">
                  <c:v>0.67066246271133401</c:v>
                </c:pt>
                <c:pt idx="175">
                  <c:v>0.84010601043701205</c:v>
                </c:pt>
                <c:pt idx="176">
                  <c:v>0.65962117910385099</c:v>
                </c:pt>
                <c:pt idx="177">
                  <c:v>0.77138823270797696</c:v>
                </c:pt>
                <c:pt idx="178">
                  <c:v>0.58333301544189498</c:v>
                </c:pt>
                <c:pt idx="179">
                  <c:v>0.67128914594650302</c:v>
                </c:pt>
                <c:pt idx="180">
                  <c:v>0.45792016386985801</c:v>
                </c:pt>
                <c:pt idx="181">
                  <c:v>0.948023021221161</c:v>
                </c:pt>
                <c:pt idx="182">
                  <c:v>0.90554082393646196</c:v>
                </c:pt>
                <c:pt idx="183">
                  <c:v>0.81780368089675903</c:v>
                </c:pt>
                <c:pt idx="184">
                  <c:v>0.771370708942413</c:v>
                </c:pt>
                <c:pt idx="185">
                  <c:v>0.490606248378754</c:v>
                </c:pt>
                <c:pt idx="186">
                  <c:v>0.97137129306793202</c:v>
                </c:pt>
                <c:pt idx="187">
                  <c:v>3.0293426513671902</c:v>
                </c:pt>
                <c:pt idx="188">
                  <c:v>1.48379254341125</c:v>
                </c:pt>
                <c:pt idx="189">
                  <c:v>1.3377654552459699</c:v>
                </c:pt>
                <c:pt idx="190">
                  <c:v>1.4624482393264799</c:v>
                </c:pt>
                <c:pt idx="191">
                  <c:v>1.5303521156311</c:v>
                </c:pt>
                <c:pt idx="192">
                  <c:v>2.07833003997803</c:v>
                </c:pt>
                <c:pt idx="193">
                  <c:v>1.61898565292358</c:v>
                </c:pt>
                <c:pt idx="194">
                  <c:v>1.9741553068161</c:v>
                </c:pt>
                <c:pt idx="195">
                  <c:v>2.1017653942108199</c:v>
                </c:pt>
                <c:pt idx="196">
                  <c:v>2.9554719924926798</c:v>
                </c:pt>
                <c:pt idx="197">
                  <c:v>1.9906374216079701</c:v>
                </c:pt>
                <c:pt idx="198">
                  <c:v>1.82771956920624</c:v>
                </c:pt>
                <c:pt idx="199">
                  <c:v>1.75061678886414</c:v>
                </c:pt>
                <c:pt idx="200">
                  <c:v>1.64958703517914</c:v>
                </c:pt>
                <c:pt idx="201">
                  <c:v>1.88218438625336</c:v>
                </c:pt>
                <c:pt idx="202">
                  <c:v>1.4775962829589799</c:v>
                </c:pt>
                <c:pt idx="203">
                  <c:v>1.5822125673294101</c:v>
                </c:pt>
                <c:pt idx="204">
                  <c:v>1.8260110616684</c:v>
                </c:pt>
                <c:pt idx="205">
                  <c:v>1.88806080818176</c:v>
                </c:pt>
                <c:pt idx="206">
                  <c:v>1.9710910320282</c:v>
                </c:pt>
                <c:pt idx="207">
                  <c:v>1.7120676040649401</c:v>
                </c:pt>
                <c:pt idx="208">
                  <c:v>1.8502899408340501</c:v>
                </c:pt>
                <c:pt idx="209">
                  <c:v>2.0364959239959699</c:v>
                </c:pt>
                <c:pt idx="210">
                  <c:v>2.3304021358489999</c:v>
                </c:pt>
                <c:pt idx="211">
                  <c:v>2.75908756256104</c:v>
                </c:pt>
                <c:pt idx="212">
                  <c:v>2.4845397472381601</c:v>
                </c:pt>
                <c:pt idx="213">
                  <c:v>1.8853800296783401</c:v>
                </c:pt>
                <c:pt idx="214">
                  <c:v>1.73699843883514</c:v>
                </c:pt>
                <c:pt idx="215">
                  <c:v>1.8359858989715601</c:v>
                </c:pt>
                <c:pt idx="216">
                  <c:v>1.65550065040588</c:v>
                </c:pt>
                <c:pt idx="217">
                  <c:v>1.7668774127960201</c:v>
                </c:pt>
                <c:pt idx="218">
                  <c:v>2.1265709400177002</c:v>
                </c:pt>
                <c:pt idx="219">
                  <c:v>2.3044817447662398</c:v>
                </c:pt>
                <c:pt idx="220">
                  <c:v>2.3783695697784402</c:v>
                </c:pt>
                <c:pt idx="221">
                  <c:v>2.3431763648986799</c:v>
                </c:pt>
                <c:pt idx="222">
                  <c:v>2.5646889209747301</c:v>
                </c:pt>
                <c:pt idx="223">
                  <c:v>2.7789382934570299</c:v>
                </c:pt>
                <c:pt idx="224">
                  <c:v>3.8264746665954599</c:v>
                </c:pt>
                <c:pt idx="225">
                  <c:v>4.3429012298584002</c:v>
                </c:pt>
                <c:pt idx="226">
                  <c:v>4.8829069137573198</c:v>
                </c:pt>
                <c:pt idx="227">
                  <c:v>9.4378252029418892</c:v>
                </c:pt>
                <c:pt idx="228">
                  <c:v>14.6822147369385</c:v>
                </c:pt>
                <c:pt idx="229">
                  <c:v>120.7929611206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4F9A-44C7-A2D6-0195D2EA771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Viscosity, </a:t>
                </a:r>
                <a:r>
                  <a:rPr lang="el-GR"/>
                  <a:t>η</a:t>
                </a:r>
                <a:r>
                  <a:rPr lang="en-GB"/>
                  <a:t> (Pas)</a:t>
                </a:r>
                <a:r>
                  <a:rPr lang="en-GB" baseline="0"/>
                  <a:t> </a:t>
                </a:r>
                <a:endParaRPr lang="en-GB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legend>
      <c:legendPos val="r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3207608033227503"/>
          <c:y val="4.951019637154408E-2"/>
          <c:w val="0.83262067106654714"/>
          <c:h val="0.69212171215260898"/>
        </c:manualLayout>
      </c:layout>
      <c:scatterChart>
        <c:scatterStyle val="lineMarker"/>
        <c:varyColors val="0"/>
        <c:ser>
          <c:idx val="2"/>
          <c:order val="0"/>
          <c:tx>
            <c:v>5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2"/>
            <c:spPr>
              <a:solidFill>
                <a:schemeClr val="tx1"/>
              </a:solidFill>
              <a:ln w="9525">
                <a:noFill/>
              </a:ln>
              <a:effectLst/>
            </c:spPr>
          </c:marker>
          <c:xVal>
            <c:numRef>
              <c:f>Type_1_3_5___._1_thixotropy_rwd!$F$2:$F$231</c:f>
              <c:numCache>
                <c:formatCode>General</c:formatCode>
                <c:ptCount val="230"/>
                <c:pt idx="0">
                  <c:v>0.92486739158630404</c:v>
                </c:pt>
                <c:pt idx="1">
                  <c:v>1.92493236064911</c:v>
                </c:pt>
                <c:pt idx="2">
                  <c:v>2.9249186515808101</c:v>
                </c:pt>
                <c:pt idx="3">
                  <c:v>3.9248642921447798</c:v>
                </c:pt>
                <c:pt idx="4">
                  <c:v>4.9248628616332999</c:v>
                </c:pt>
                <c:pt idx="5">
                  <c:v>5.9248061180114702</c:v>
                </c:pt>
                <c:pt idx="6">
                  <c:v>6.9274721145629901</c:v>
                </c:pt>
                <c:pt idx="7">
                  <c:v>7.92740726470947</c:v>
                </c:pt>
                <c:pt idx="8">
                  <c:v>8.9274721145629901</c:v>
                </c:pt>
                <c:pt idx="9">
                  <c:v>9.9247989654540998</c:v>
                </c:pt>
                <c:pt idx="10">
                  <c:v>10.9248342514038</c:v>
                </c:pt>
                <c:pt idx="11">
                  <c:v>11.924975395202599</c:v>
                </c:pt>
                <c:pt idx="12">
                  <c:v>12.925004959106399</c:v>
                </c:pt>
                <c:pt idx="13">
                  <c:v>13.925124168396</c:v>
                </c:pt>
                <c:pt idx="14">
                  <c:v>14.9280805587769</c:v>
                </c:pt>
                <c:pt idx="15">
                  <c:v>15.927975654602101</c:v>
                </c:pt>
                <c:pt idx="16">
                  <c:v>16.928098678588899</c:v>
                </c:pt>
                <c:pt idx="17">
                  <c:v>17.927789688110401</c:v>
                </c:pt>
                <c:pt idx="18">
                  <c:v>18.927442550659201</c:v>
                </c:pt>
                <c:pt idx="19">
                  <c:v>19.927211761474599</c:v>
                </c:pt>
                <c:pt idx="20">
                  <c:v>20.927120208740199</c:v>
                </c:pt>
                <c:pt idx="21">
                  <c:v>21.926872253418001</c:v>
                </c:pt>
                <c:pt idx="22">
                  <c:v>22.9267978668213</c:v>
                </c:pt>
                <c:pt idx="23">
                  <c:v>23.926336288452099</c:v>
                </c:pt>
                <c:pt idx="24">
                  <c:v>24.925743103027301</c:v>
                </c:pt>
                <c:pt idx="25">
                  <c:v>25.9256591796875</c:v>
                </c:pt>
                <c:pt idx="26">
                  <c:v>26.925867080688501</c:v>
                </c:pt>
                <c:pt idx="27">
                  <c:v>27.925086975097699</c:v>
                </c:pt>
                <c:pt idx="28">
                  <c:v>28.925226211547901</c:v>
                </c:pt>
                <c:pt idx="29">
                  <c:v>29.9251613616943</c:v>
                </c:pt>
                <c:pt idx="30">
                  <c:v>30.9243564605713</c:v>
                </c:pt>
                <c:pt idx="31">
                  <c:v>31.924074172973601</c:v>
                </c:pt>
                <c:pt idx="32">
                  <c:v>32.923141479492202</c:v>
                </c:pt>
                <c:pt idx="33">
                  <c:v>33.924087524414098</c:v>
                </c:pt>
                <c:pt idx="34">
                  <c:v>34.923530578613303</c:v>
                </c:pt>
                <c:pt idx="35">
                  <c:v>35.923213958740199</c:v>
                </c:pt>
                <c:pt idx="36">
                  <c:v>36.9232177734375</c:v>
                </c:pt>
                <c:pt idx="37">
                  <c:v>37.923248291015597</c:v>
                </c:pt>
                <c:pt idx="38">
                  <c:v>38.922595977783203</c:v>
                </c:pt>
                <c:pt idx="39">
                  <c:v>39.922805786132798</c:v>
                </c:pt>
                <c:pt idx="40">
                  <c:v>40.921901702880902</c:v>
                </c:pt>
                <c:pt idx="41">
                  <c:v>41.922409057617202</c:v>
                </c:pt>
                <c:pt idx="42">
                  <c:v>42.9212837219238</c:v>
                </c:pt>
                <c:pt idx="43">
                  <c:v>43.921188354492202</c:v>
                </c:pt>
                <c:pt idx="44">
                  <c:v>44.9202270507813</c:v>
                </c:pt>
                <c:pt idx="45">
                  <c:v>45.920928955078097</c:v>
                </c:pt>
                <c:pt idx="46">
                  <c:v>46.920578002929702</c:v>
                </c:pt>
                <c:pt idx="47">
                  <c:v>47.9208374023438</c:v>
                </c:pt>
                <c:pt idx="48">
                  <c:v>48.920425415039098</c:v>
                </c:pt>
                <c:pt idx="49">
                  <c:v>49.920162200927699</c:v>
                </c:pt>
                <c:pt idx="50">
                  <c:v>50.919101715087898</c:v>
                </c:pt>
                <c:pt idx="51">
                  <c:v>51.919803619384801</c:v>
                </c:pt>
                <c:pt idx="52">
                  <c:v>52.919227600097699</c:v>
                </c:pt>
                <c:pt idx="53">
                  <c:v>53.919040679931598</c:v>
                </c:pt>
                <c:pt idx="54">
                  <c:v>54.918724060058601</c:v>
                </c:pt>
                <c:pt idx="55">
                  <c:v>55.918292999267599</c:v>
                </c:pt>
                <c:pt idx="56">
                  <c:v>56.918060302734403</c:v>
                </c:pt>
                <c:pt idx="57">
                  <c:v>57.918441772460902</c:v>
                </c:pt>
                <c:pt idx="58">
                  <c:v>58.917579650878899</c:v>
                </c:pt>
                <c:pt idx="59">
                  <c:v>59.918182373046903</c:v>
                </c:pt>
                <c:pt idx="60">
                  <c:v>60.916969299316399</c:v>
                </c:pt>
                <c:pt idx="61">
                  <c:v>61.916957855224602</c:v>
                </c:pt>
                <c:pt idx="62">
                  <c:v>62.916568756103501</c:v>
                </c:pt>
                <c:pt idx="63">
                  <c:v>63.916339874267599</c:v>
                </c:pt>
                <c:pt idx="64">
                  <c:v>64.916984558105497</c:v>
                </c:pt>
                <c:pt idx="65">
                  <c:v>65.915573120117202</c:v>
                </c:pt>
                <c:pt idx="66">
                  <c:v>66.915618896484403</c:v>
                </c:pt>
                <c:pt idx="67">
                  <c:v>67.915885925292997</c:v>
                </c:pt>
                <c:pt idx="68">
                  <c:v>68.915313720703097</c:v>
                </c:pt>
                <c:pt idx="69">
                  <c:v>69.915275573730497</c:v>
                </c:pt>
                <c:pt idx="70">
                  <c:v>70.914840698242202</c:v>
                </c:pt>
                <c:pt idx="71">
                  <c:v>71.914207458496094</c:v>
                </c:pt>
                <c:pt idx="72">
                  <c:v>72.913742065429702</c:v>
                </c:pt>
                <c:pt idx="73">
                  <c:v>73.914459228515597</c:v>
                </c:pt>
                <c:pt idx="74">
                  <c:v>74.914337158203097</c:v>
                </c:pt>
                <c:pt idx="75">
                  <c:v>75.914085388183594</c:v>
                </c:pt>
                <c:pt idx="76">
                  <c:v>76.913314819335895</c:v>
                </c:pt>
                <c:pt idx="77">
                  <c:v>77.912590026855497</c:v>
                </c:pt>
                <c:pt idx="78">
                  <c:v>78.912864685058594</c:v>
                </c:pt>
                <c:pt idx="79">
                  <c:v>79.912483215332003</c:v>
                </c:pt>
                <c:pt idx="80">
                  <c:v>80.912239074707003</c:v>
                </c:pt>
                <c:pt idx="81">
                  <c:v>81.912063598632798</c:v>
                </c:pt>
                <c:pt idx="82">
                  <c:v>82.912574768066406</c:v>
                </c:pt>
                <c:pt idx="83">
                  <c:v>83.911842346191406</c:v>
                </c:pt>
                <c:pt idx="84">
                  <c:v>84.910728454589801</c:v>
                </c:pt>
                <c:pt idx="85">
                  <c:v>85.911003112792997</c:v>
                </c:pt>
                <c:pt idx="86">
                  <c:v>86.910461425781307</c:v>
                </c:pt>
                <c:pt idx="87">
                  <c:v>87.911247253417997</c:v>
                </c:pt>
                <c:pt idx="88">
                  <c:v>88.911003112792997</c:v>
                </c:pt>
                <c:pt idx="89">
                  <c:v>89.910247802734403</c:v>
                </c:pt>
                <c:pt idx="90">
                  <c:v>90.910079956054702</c:v>
                </c:pt>
                <c:pt idx="91">
                  <c:v>91.909942626953097</c:v>
                </c:pt>
                <c:pt idx="92">
                  <c:v>92.909812927246094</c:v>
                </c:pt>
                <c:pt idx="93">
                  <c:v>93.908538818359403</c:v>
                </c:pt>
                <c:pt idx="94">
                  <c:v>94.909324645996094</c:v>
                </c:pt>
                <c:pt idx="95">
                  <c:v>95.908882141113295</c:v>
                </c:pt>
                <c:pt idx="96">
                  <c:v>96.908645629882798</c:v>
                </c:pt>
                <c:pt idx="97">
                  <c:v>97.908065795898395</c:v>
                </c:pt>
                <c:pt idx="98">
                  <c:v>98.908271789550795</c:v>
                </c:pt>
                <c:pt idx="99">
                  <c:v>99.908683776855497</c:v>
                </c:pt>
                <c:pt idx="100">
                  <c:v>100.00122833252</c:v>
                </c:pt>
                <c:pt idx="101">
                  <c:v>100.001304626465</c:v>
                </c:pt>
                <c:pt idx="102">
                  <c:v>100.001335144043</c:v>
                </c:pt>
                <c:pt idx="103">
                  <c:v>100.000770568848</c:v>
                </c:pt>
                <c:pt idx="104">
                  <c:v>99.999687194824205</c:v>
                </c:pt>
                <c:pt idx="105">
                  <c:v>100.00074005127</c:v>
                </c:pt>
                <c:pt idx="106">
                  <c:v>100.000381469727</c:v>
                </c:pt>
                <c:pt idx="107">
                  <c:v>100.001815795898</c:v>
                </c:pt>
                <c:pt idx="108">
                  <c:v>99.999015808105497</c:v>
                </c:pt>
                <c:pt idx="109">
                  <c:v>100.00115966796901</c:v>
                </c:pt>
                <c:pt idx="110">
                  <c:v>100.00055694580099</c:v>
                </c:pt>
                <c:pt idx="111">
                  <c:v>99.999465942382798</c:v>
                </c:pt>
                <c:pt idx="112">
                  <c:v>99.999900817871094</c:v>
                </c:pt>
                <c:pt idx="113">
                  <c:v>100.001022338867</c:v>
                </c:pt>
                <c:pt idx="114">
                  <c:v>99.999122619628906</c:v>
                </c:pt>
                <c:pt idx="115">
                  <c:v>99.9998779296875</c:v>
                </c:pt>
                <c:pt idx="116">
                  <c:v>100.00038909912099</c:v>
                </c:pt>
                <c:pt idx="117">
                  <c:v>100.00251007080099</c:v>
                </c:pt>
                <c:pt idx="118">
                  <c:v>100.000930786133</c:v>
                </c:pt>
                <c:pt idx="119">
                  <c:v>100.001106262207</c:v>
                </c:pt>
                <c:pt idx="120">
                  <c:v>100.00131225585901</c:v>
                </c:pt>
                <c:pt idx="121">
                  <c:v>100.00030517578099</c:v>
                </c:pt>
                <c:pt idx="122">
                  <c:v>100.00018310546901</c:v>
                </c:pt>
                <c:pt idx="123">
                  <c:v>100.00122833252</c:v>
                </c:pt>
                <c:pt idx="124">
                  <c:v>100.000839233398</c:v>
                </c:pt>
                <c:pt idx="125">
                  <c:v>99.9998779296875</c:v>
                </c:pt>
                <c:pt idx="126">
                  <c:v>99.999580383300795</c:v>
                </c:pt>
                <c:pt idx="127">
                  <c:v>100.000160217285</c:v>
                </c:pt>
                <c:pt idx="128">
                  <c:v>99.999420166015597</c:v>
                </c:pt>
                <c:pt idx="129">
                  <c:v>99.999061584472699</c:v>
                </c:pt>
                <c:pt idx="130">
                  <c:v>99.075851440429702</c:v>
                </c:pt>
                <c:pt idx="131">
                  <c:v>98.076126098632798</c:v>
                </c:pt>
                <c:pt idx="132">
                  <c:v>97.074745178222699</c:v>
                </c:pt>
                <c:pt idx="133">
                  <c:v>96.072761535644503</c:v>
                </c:pt>
                <c:pt idx="134">
                  <c:v>95.075569152832003</c:v>
                </c:pt>
                <c:pt idx="135">
                  <c:v>94.076980590820298</c:v>
                </c:pt>
                <c:pt idx="136">
                  <c:v>93.0758056640625</c:v>
                </c:pt>
                <c:pt idx="137">
                  <c:v>92.072669982910199</c:v>
                </c:pt>
                <c:pt idx="138">
                  <c:v>91.073791503906307</c:v>
                </c:pt>
                <c:pt idx="139">
                  <c:v>90.076591491699205</c:v>
                </c:pt>
                <c:pt idx="140">
                  <c:v>89.078773498535199</c:v>
                </c:pt>
                <c:pt idx="141">
                  <c:v>88.078155517578097</c:v>
                </c:pt>
                <c:pt idx="142">
                  <c:v>87.076400756835895</c:v>
                </c:pt>
                <c:pt idx="143">
                  <c:v>86.078437805175795</c:v>
                </c:pt>
                <c:pt idx="144">
                  <c:v>85.078475952148395</c:v>
                </c:pt>
                <c:pt idx="145">
                  <c:v>84.079452514648395</c:v>
                </c:pt>
                <c:pt idx="146">
                  <c:v>83.077133178710895</c:v>
                </c:pt>
                <c:pt idx="147">
                  <c:v>82.076255798339801</c:v>
                </c:pt>
                <c:pt idx="148">
                  <c:v>81.076484680175795</c:v>
                </c:pt>
                <c:pt idx="149">
                  <c:v>80.077346801757798</c:v>
                </c:pt>
                <c:pt idx="150">
                  <c:v>79.077781677246094</c:v>
                </c:pt>
                <c:pt idx="151">
                  <c:v>78.077972412109403</c:v>
                </c:pt>
                <c:pt idx="152">
                  <c:v>77.077590942382798</c:v>
                </c:pt>
                <c:pt idx="153">
                  <c:v>76.078880310058594</c:v>
                </c:pt>
                <c:pt idx="154">
                  <c:v>75.078109741210895</c:v>
                </c:pt>
                <c:pt idx="155">
                  <c:v>74.078422546386705</c:v>
                </c:pt>
                <c:pt idx="156">
                  <c:v>73.079414367675795</c:v>
                </c:pt>
                <c:pt idx="157">
                  <c:v>72.079849243164105</c:v>
                </c:pt>
                <c:pt idx="158">
                  <c:v>71.079948425292997</c:v>
                </c:pt>
                <c:pt idx="159">
                  <c:v>70.07958984375</c:v>
                </c:pt>
                <c:pt idx="160">
                  <c:v>69.080078125</c:v>
                </c:pt>
                <c:pt idx="161">
                  <c:v>68.080062866210895</c:v>
                </c:pt>
                <c:pt idx="162">
                  <c:v>67.080230712890597</c:v>
                </c:pt>
                <c:pt idx="163">
                  <c:v>66.080764770507798</c:v>
                </c:pt>
                <c:pt idx="164">
                  <c:v>65.081047058105497</c:v>
                </c:pt>
                <c:pt idx="165">
                  <c:v>64.081130981445298</c:v>
                </c:pt>
                <c:pt idx="166">
                  <c:v>63.0814819335938</c:v>
                </c:pt>
                <c:pt idx="167">
                  <c:v>62.081417083740199</c:v>
                </c:pt>
                <c:pt idx="168">
                  <c:v>61.082408905029297</c:v>
                </c:pt>
                <c:pt idx="169">
                  <c:v>60.082572937011697</c:v>
                </c:pt>
                <c:pt idx="170">
                  <c:v>59.081939697265597</c:v>
                </c:pt>
                <c:pt idx="171">
                  <c:v>58.082748413085902</c:v>
                </c:pt>
                <c:pt idx="172">
                  <c:v>57.083267211914098</c:v>
                </c:pt>
                <c:pt idx="173">
                  <c:v>56.083099365234403</c:v>
                </c:pt>
                <c:pt idx="174">
                  <c:v>55.082958221435497</c:v>
                </c:pt>
                <c:pt idx="175">
                  <c:v>54.083969116210902</c:v>
                </c:pt>
                <c:pt idx="176">
                  <c:v>53.083518981933601</c:v>
                </c:pt>
                <c:pt idx="177">
                  <c:v>52.084152221679702</c:v>
                </c:pt>
                <c:pt idx="178">
                  <c:v>51.084274291992202</c:v>
                </c:pt>
                <c:pt idx="179">
                  <c:v>50.084556579589801</c:v>
                </c:pt>
                <c:pt idx="180">
                  <c:v>49.084617614746101</c:v>
                </c:pt>
                <c:pt idx="181">
                  <c:v>48.084957122802699</c:v>
                </c:pt>
                <c:pt idx="182">
                  <c:v>47.085731506347699</c:v>
                </c:pt>
                <c:pt idx="183">
                  <c:v>46.085563659667997</c:v>
                </c:pt>
                <c:pt idx="184">
                  <c:v>45.085617065429702</c:v>
                </c:pt>
                <c:pt idx="185">
                  <c:v>44.086055755615199</c:v>
                </c:pt>
                <c:pt idx="186">
                  <c:v>43.086345672607401</c:v>
                </c:pt>
                <c:pt idx="187">
                  <c:v>42.086616516113303</c:v>
                </c:pt>
                <c:pt idx="188">
                  <c:v>41.086296081542997</c:v>
                </c:pt>
                <c:pt idx="189">
                  <c:v>40.087181091308601</c:v>
                </c:pt>
                <c:pt idx="190">
                  <c:v>39.087657928466797</c:v>
                </c:pt>
                <c:pt idx="191">
                  <c:v>38.087730407714801</c:v>
                </c:pt>
                <c:pt idx="192">
                  <c:v>37.0880126953125</c:v>
                </c:pt>
                <c:pt idx="193">
                  <c:v>36.087959289550803</c:v>
                </c:pt>
                <c:pt idx="194">
                  <c:v>35.088565826416001</c:v>
                </c:pt>
                <c:pt idx="195">
                  <c:v>34.088382720947301</c:v>
                </c:pt>
                <c:pt idx="196">
                  <c:v>33.088859558105497</c:v>
                </c:pt>
                <c:pt idx="197">
                  <c:v>32.088893890380902</c:v>
                </c:pt>
                <c:pt idx="198">
                  <c:v>31.0891304016113</c:v>
                </c:pt>
                <c:pt idx="199">
                  <c:v>30.089157104492202</c:v>
                </c:pt>
                <c:pt idx="200">
                  <c:v>29.0896110534668</c:v>
                </c:pt>
                <c:pt idx="201">
                  <c:v>28.0894680023193</c:v>
                </c:pt>
                <c:pt idx="202">
                  <c:v>27.089841842651399</c:v>
                </c:pt>
                <c:pt idx="203">
                  <c:v>26.090610504150401</c:v>
                </c:pt>
                <c:pt idx="204">
                  <c:v>25.090446472168001</c:v>
                </c:pt>
                <c:pt idx="205">
                  <c:v>24.091159820556602</c:v>
                </c:pt>
                <c:pt idx="206">
                  <c:v>23.091392517089801</c:v>
                </c:pt>
                <c:pt idx="207">
                  <c:v>22.091426849365199</c:v>
                </c:pt>
                <c:pt idx="208">
                  <c:v>21.091650009155298</c:v>
                </c:pt>
                <c:pt idx="209">
                  <c:v>20.0919075012207</c:v>
                </c:pt>
                <c:pt idx="210">
                  <c:v>19.092191696166999</c:v>
                </c:pt>
                <c:pt idx="211">
                  <c:v>18.092369079589801</c:v>
                </c:pt>
                <c:pt idx="212">
                  <c:v>17.092586517333999</c:v>
                </c:pt>
                <c:pt idx="213">
                  <c:v>16.092731475830099</c:v>
                </c:pt>
                <c:pt idx="214">
                  <c:v>15.0928602218628</c:v>
                </c:pt>
                <c:pt idx="215">
                  <c:v>14.0926151275635</c:v>
                </c:pt>
                <c:pt idx="216">
                  <c:v>13.0925092697144</c:v>
                </c:pt>
                <c:pt idx="217">
                  <c:v>12.092485427856399</c:v>
                </c:pt>
                <c:pt idx="218">
                  <c:v>11.092365264892599</c:v>
                </c:pt>
                <c:pt idx="219">
                  <c:v>10.0922603607178</c:v>
                </c:pt>
                <c:pt idx="220">
                  <c:v>9.0921344757080096</c:v>
                </c:pt>
                <c:pt idx="221">
                  <c:v>8.0920133590698207</c:v>
                </c:pt>
                <c:pt idx="222">
                  <c:v>7.0921196937561</c:v>
                </c:pt>
                <c:pt idx="223">
                  <c:v>6.0921955108642596</c:v>
                </c:pt>
                <c:pt idx="224">
                  <c:v>5.0922279357910201</c:v>
                </c:pt>
                <c:pt idx="225">
                  <c:v>4.0922904014587402</c:v>
                </c:pt>
                <c:pt idx="226">
                  <c:v>3.0923330783843999</c:v>
                </c:pt>
                <c:pt idx="227">
                  <c:v>2.0922975540161102</c:v>
                </c:pt>
                <c:pt idx="229">
                  <c:v>9.2335864901542705E-2</c:v>
                </c:pt>
              </c:numCache>
            </c:numRef>
          </c:xVal>
          <c:yVal>
            <c:numRef>
              <c:f>Type_1_3_5___._1_thixotropy_rwd!$G$2:$G$231</c:f>
              <c:numCache>
                <c:formatCode>General</c:formatCode>
                <c:ptCount val="230"/>
                <c:pt idx="0">
                  <c:v>0.34779846668243403</c:v>
                </c:pt>
                <c:pt idx="1">
                  <c:v>0.14557833969593001</c:v>
                </c:pt>
                <c:pt idx="2">
                  <c:v>0.14704640209674799</c:v>
                </c:pt>
                <c:pt idx="3">
                  <c:v>0.11351061612367599</c:v>
                </c:pt>
                <c:pt idx="4">
                  <c:v>0.12322198599577</c:v>
                </c:pt>
                <c:pt idx="5">
                  <c:v>0.16629096865654</c:v>
                </c:pt>
                <c:pt idx="6">
                  <c:v>0.16267414391040799</c:v>
                </c:pt>
                <c:pt idx="7">
                  <c:v>0.179101526737213</c:v>
                </c:pt>
                <c:pt idx="8">
                  <c:v>0.202649220824242</c:v>
                </c:pt>
                <c:pt idx="9">
                  <c:v>0.19030368328094499</c:v>
                </c:pt>
                <c:pt idx="10">
                  <c:v>0.21397137641906699</c:v>
                </c:pt>
                <c:pt idx="11">
                  <c:v>0.18602705001831099</c:v>
                </c:pt>
                <c:pt idx="12">
                  <c:v>0.212784558534622</c:v>
                </c:pt>
                <c:pt idx="13">
                  <c:v>0.19949796795845001</c:v>
                </c:pt>
                <c:pt idx="14">
                  <c:v>0.202779591083527</c:v>
                </c:pt>
                <c:pt idx="15">
                  <c:v>0.20183049142360701</c:v>
                </c:pt>
                <c:pt idx="16">
                  <c:v>0.20989264547824901</c:v>
                </c:pt>
                <c:pt idx="17">
                  <c:v>0.21853888034820601</c:v>
                </c:pt>
                <c:pt idx="18">
                  <c:v>0.207123592495918</c:v>
                </c:pt>
                <c:pt idx="19">
                  <c:v>0.228290870785713</c:v>
                </c:pt>
                <c:pt idx="20">
                  <c:v>0.24411717057228099</c:v>
                </c:pt>
                <c:pt idx="21">
                  <c:v>0.24313965439796401</c:v>
                </c:pt>
                <c:pt idx="22">
                  <c:v>0.27410575747489901</c:v>
                </c:pt>
                <c:pt idx="23">
                  <c:v>0.22948481142520899</c:v>
                </c:pt>
                <c:pt idx="24">
                  <c:v>0.24350625276565599</c:v>
                </c:pt>
                <c:pt idx="25">
                  <c:v>0.250099897384644</c:v>
                </c:pt>
                <c:pt idx="26">
                  <c:v>0.23873429000377699</c:v>
                </c:pt>
                <c:pt idx="27">
                  <c:v>0.252606391906738</c:v>
                </c:pt>
                <c:pt idx="28">
                  <c:v>0.28125253319740301</c:v>
                </c:pt>
                <c:pt idx="29">
                  <c:v>0.26126614212989802</c:v>
                </c:pt>
                <c:pt idx="30">
                  <c:v>0.282810658216476</c:v>
                </c:pt>
                <c:pt idx="31">
                  <c:v>0.30083352327346802</c:v>
                </c:pt>
                <c:pt idx="32">
                  <c:v>0.282713443040848</c:v>
                </c:pt>
                <c:pt idx="33">
                  <c:v>0.28789475560188299</c:v>
                </c:pt>
                <c:pt idx="34">
                  <c:v>0.29476180672645602</c:v>
                </c:pt>
                <c:pt idx="35">
                  <c:v>0.26789808273315402</c:v>
                </c:pt>
                <c:pt idx="36">
                  <c:v>0.284641712903976</c:v>
                </c:pt>
                <c:pt idx="37">
                  <c:v>0.29770377278327897</c:v>
                </c:pt>
                <c:pt idx="38">
                  <c:v>0.31420028209686302</c:v>
                </c:pt>
                <c:pt idx="39">
                  <c:v>0.29226103425025901</c:v>
                </c:pt>
                <c:pt idx="40">
                  <c:v>0.27866992354393</c:v>
                </c:pt>
                <c:pt idx="41">
                  <c:v>0.33674240112304699</c:v>
                </c:pt>
                <c:pt idx="42">
                  <c:v>0.32454359531402599</c:v>
                </c:pt>
                <c:pt idx="43">
                  <c:v>0.35437348484992998</c:v>
                </c:pt>
                <c:pt idx="44">
                  <c:v>0.32796382904052701</c:v>
                </c:pt>
                <c:pt idx="45">
                  <c:v>0.32795768976211498</c:v>
                </c:pt>
                <c:pt idx="46">
                  <c:v>0.36375108361244202</c:v>
                </c:pt>
                <c:pt idx="47">
                  <c:v>0.35137170553207397</c:v>
                </c:pt>
                <c:pt idx="48">
                  <c:v>0.35606494545936601</c:v>
                </c:pt>
                <c:pt idx="49">
                  <c:v>0.38015115261077898</c:v>
                </c:pt>
                <c:pt idx="50">
                  <c:v>0.408246040344238</c:v>
                </c:pt>
                <c:pt idx="51">
                  <c:v>0.40135365724563599</c:v>
                </c:pt>
                <c:pt idx="52">
                  <c:v>0.41895395517349199</c:v>
                </c:pt>
                <c:pt idx="53">
                  <c:v>0.437982678413391</c:v>
                </c:pt>
                <c:pt idx="54">
                  <c:v>0.42023169994354198</c:v>
                </c:pt>
                <c:pt idx="55">
                  <c:v>0.458408623933792</c:v>
                </c:pt>
                <c:pt idx="56">
                  <c:v>0.45352700352668801</c:v>
                </c:pt>
                <c:pt idx="57">
                  <c:v>0.49444928765296903</c:v>
                </c:pt>
                <c:pt idx="58">
                  <c:v>0.52028554677963301</c:v>
                </c:pt>
                <c:pt idx="59">
                  <c:v>0.51130193471908603</c:v>
                </c:pt>
                <c:pt idx="60">
                  <c:v>0.50336664915084794</c:v>
                </c:pt>
                <c:pt idx="61">
                  <c:v>0.56279486417770397</c:v>
                </c:pt>
                <c:pt idx="62">
                  <c:v>0.53673827648162797</c:v>
                </c:pt>
                <c:pt idx="63">
                  <c:v>0.54020994901657104</c:v>
                </c:pt>
                <c:pt idx="64">
                  <c:v>0.56611740589141801</c:v>
                </c:pt>
                <c:pt idx="65">
                  <c:v>0.563931465148926</c:v>
                </c:pt>
                <c:pt idx="66">
                  <c:v>0.58080959320068404</c:v>
                </c:pt>
                <c:pt idx="67">
                  <c:v>0.61968249082565297</c:v>
                </c:pt>
                <c:pt idx="68">
                  <c:v>0.61811834573745705</c:v>
                </c:pt>
                <c:pt idx="69">
                  <c:v>0.59021615982055697</c:v>
                </c:pt>
                <c:pt idx="70">
                  <c:v>0.63332527875900302</c:v>
                </c:pt>
                <c:pt idx="71">
                  <c:v>0.62713128328323398</c:v>
                </c:pt>
                <c:pt idx="72">
                  <c:v>0.60685002803802501</c:v>
                </c:pt>
                <c:pt idx="73">
                  <c:v>0.62019604444503795</c:v>
                </c:pt>
                <c:pt idx="74">
                  <c:v>0.64752662181854204</c:v>
                </c:pt>
                <c:pt idx="75">
                  <c:v>0.64014083147048995</c:v>
                </c:pt>
                <c:pt idx="76">
                  <c:v>0.66391253471374501</c:v>
                </c:pt>
                <c:pt idx="77">
                  <c:v>0.64937210083007801</c:v>
                </c:pt>
                <c:pt idx="78">
                  <c:v>0.64931988716125499</c:v>
                </c:pt>
                <c:pt idx="79">
                  <c:v>0.65521669387817405</c:v>
                </c:pt>
                <c:pt idx="80">
                  <c:v>0.68522578477859497</c:v>
                </c:pt>
                <c:pt idx="81">
                  <c:v>0.67176204919815097</c:v>
                </c:pt>
                <c:pt idx="82">
                  <c:v>0.66745913028716997</c:v>
                </c:pt>
                <c:pt idx="83">
                  <c:v>0.644281566143036</c:v>
                </c:pt>
                <c:pt idx="84">
                  <c:v>0.65612888336181596</c:v>
                </c:pt>
                <c:pt idx="85">
                  <c:v>0.65017008781433105</c:v>
                </c:pt>
                <c:pt idx="86">
                  <c:v>0.616152703762054</c:v>
                </c:pt>
                <c:pt idx="87">
                  <c:v>0.67494171857833896</c:v>
                </c:pt>
                <c:pt idx="88">
                  <c:v>0.60953289270401001</c:v>
                </c:pt>
                <c:pt idx="89">
                  <c:v>0.59153401851654097</c:v>
                </c:pt>
                <c:pt idx="90">
                  <c:v>0.64817458391189597</c:v>
                </c:pt>
                <c:pt idx="91">
                  <c:v>0.61754190921783403</c:v>
                </c:pt>
                <c:pt idx="92">
                  <c:v>0.61390441656112704</c:v>
                </c:pt>
                <c:pt idx="93">
                  <c:v>0.64903193712234497</c:v>
                </c:pt>
                <c:pt idx="94">
                  <c:v>0.60313439369201705</c:v>
                </c:pt>
                <c:pt idx="95">
                  <c:v>0.59888327121734597</c:v>
                </c:pt>
                <c:pt idx="96">
                  <c:v>0.64224940538406405</c:v>
                </c:pt>
                <c:pt idx="97">
                  <c:v>0.63500952720642101</c:v>
                </c:pt>
                <c:pt idx="98">
                  <c:v>0.60895282030105602</c:v>
                </c:pt>
                <c:pt idx="99">
                  <c:v>0.61860954761505105</c:v>
                </c:pt>
                <c:pt idx="100">
                  <c:v>0.66357201337814298</c:v>
                </c:pt>
                <c:pt idx="101">
                  <c:v>0.63992351293563798</c:v>
                </c:pt>
                <c:pt idx="102">
                  <c:v>0.61102610826492298</c:v>
                </c:pt>
                <c:pt idx="103">
                  <c:v>0.62030071020126298</c:v>
                </c:pt>
                <c:pt idx="104">
                  <c:v>0.61076194047927901</c:v>
                </c:pt>
                <c:pt idx="105">
                  <c:v>0.64108586311340299</c:v>
                </c:pt>
                <c:pt idx="106">
                  <c:v>0.60904711484909102</c:v>
                </c:pt>
                <c:pt idx="107">
                  <c:v>0.63042348623275801</c:v>
                </c:pt>
                <c:pt idx="108">
                  <c:v>0.62693166732788097</c:v>
                </c:pt>
                <c:pt idx="109">
                  <c:v>0.65421682596206698</c:v>
                </c:pt>
                <c:pt idx="110">
                  <c:v>0.57076048851013195</c:v>
                </c:pt>
                <c:pt idx="111">
                  <c:v>0.66484963893890403</c:v>
                </c:pt>
                <c:pt idx="112">
                  <c:v>0.62844413518905595</c:v>
                </c:pt>
                <c:pt idx="113">
                  <c:v>0.66870355606079102</c:v>
                </c:pt>
                <c:pt idx="114">
                  <c:v>0.59182554483413696</c:v>
                </c:pt>
                <c:pt idx="115">
                  <c:v>0.63567250967025801</c:v>
                </c:pt>
                <c:pt idx="116">
                  <c:v>0.67670381069183405</c:v>
                </c:pt>
                <c:pt idx="117">
                  <c:v>0.60693407058715798</c:v>
                </c:pt>
                <c:pt idx="118">
                  <c:v>0.57891339063644398</c:v>
                </c:pt>
                <c:pt idx="119">
                  <c:v>0.60307115316391002</c:v>
                </c:pt>
                <c:pt idx="120">
                  <c:v>0.63517481088638295</c:v>
                </c:pt>
                <c:pt idx="121">
                  <c:v>0.60788255929946899</c:v>
                </c:pt>
                <c:pt idx="122">
                  <c:v>0.61749482154846203</c:v>
                </c:pt>
                <c:pt idx="123">
                  <c:v>0.63495463132858299</c:v>
                </c:pt>
                <c:pt idx="124">
                  <c:v>0.60097515583038297</c:v>
                </c:pt>
                <c:pt idx="125">
                  <c:v>0.632030189037323</c:v>
                </c:pt>
                <c:pt idx="126">
                  <c:v>0.65877038240432695</c:v>
                </c:pt>
                <c:pt idx="127">
                  <c:v>0.65071344375610396</c:v>
                </c:pt>
                <c:pt idx="128">
                  <c:v>0.61916643381118797</c:v>
                </c:pt>
                <c:pt idx="129">
                  <c:v>0.61040282249450695</c:v>
                </c:pt>
                <c:pt idx="130">
                  <c:v>0.66658771038055398</c:v>
                </c:pt>
                <c:pt idx="131">
                  <c:v>0.62062931060791005</c:v>
                </c:pt>
                <c:pt idx="132">
                  <c:v>0.63532400131225597</c:v>
                </c:pt>
                <c:pt idx="133">
                  <c:v>0.59889549016952504</c:v>
                </c:pt>
                <c:pt idx="134">
                  <c:v>0.60636538267135598</c:v>
                </c:pt>
                <c:pt idx="135">
                  <c:v>0.61393111944198597</c:v>
                </c:pt>
                <c:pt idx="136">
                  <c:v>0.588492572307587</c:v>
                </c:pt>
                <c:pt idx="137">
                  <c:v>0.58371829986572299</c:v>
                </c:pt>
                <c:pt idx="138">
                  <c:v>0.59298068284988403</c:v>
                </c:pt>
                <c:pt idx="139">
                  <c:v>0.59845072031021096</c:v>
                </c:pt>
                <c:pt idx="140">
                  <c:v>0.58701044321060203</c:v>
                </c:pt>
                <c:pt idx="141">
                  <c:v>0.60921335220336903</c:v>
                </c:pt>
                <c:pt idx="142">
                  <c:v>0.60257905721664395</c:v>
                </c:pt>
                <c:pt idx="143">
                  <c:v>0.56421214342117298</c:v>
                </c:pt>
                <c:pt idx="144">
                  <c:v>0.59348267316818204</c:v>
                </c:pt>
                <c:pt idx="145">
                  <c:v>0.56542110443115201</c:v>
                </c:pt>
                <c:pt idx="146">
                  <c:v>0.55701828002929699</c:v>
                </c:pt>
                <c:pt idx="147">
                  <c:v>0.57044082880020097</c:v>
                </c:pt>
                <c:pt idx="148">
                  <c:v>0.55150067806243896</c:v>
                </c:pt>
                <c:pt idx="149">
                  <c:v>0.58058422803878795</c:v>
                </c:pt>
                <c:pt idx="150">
                  <c:v>0.57943868637085005</c:v>
                </c:pt>
                <c:pt idx="151">
                  <c:v>0.597548007965088</c:v>
                </c:pt>
                <c:pt idx="152">
                  <c:v>0.56259626150131203</c:v>
                </c:pt>
                <c:pt idx="153">
                  <c:v>0.54893201589584395</c:v>
                </c:pt>
                <c:pt idx="154">
                  <c:v>0.55176538228988603</c:v>
                </c:pt>
                <c:pt idx="155">
                  <c:v>0.55416786670684803</c:v>
                </c:pt>
                <c:pt idx="156">
                  <c:v>0.54859620332717896</c:v>
                </c:pt>
                <c:pt idx="157">
                  <c:v>0.53295910358428999</c:v>
                </c:pt>
                <c:pt idx="158">
                  <c:v>0.51494640111923196</c:v>
                </c:pt>
                <c:pt idx="159">
                  <c:v>0.55447733402252197</c:v>
                </c:pt>
                <c:pt idx="160">
                  <c:v>0.532545566558838</c:v>
                </c:pt>
                <c:pt idx="161">
                  <c:v>0.52026981115341198</c:v>
                </c:pt>
                <c:pt idx="162">
                  <c:v>0.52138125896453902</c:v>
                </c:pt>
                <c:pt idx="163">
                  <c:v>0.51615816354751598</c:v>
                </c:pt>
                <c:pt idx="164">
                  <c:v>0.53787416219711304</c:v>
                </c:pt>
                <c:pt idx="165">
                  <c:v>0.51993560791015603</c:v>
                </c:pt>
                <c:pt idx="166">
                  <c:v>0.48603433370590199</c:v>
                </c:pt>
                <c:pt idx="167">
                  <c:v>0.48627766966819802</c:v>
                </c:pt>
                <c:pt idx="168">
                  <c:v>0.47638732194900502</c:v>
                </c:pt>
                <c:pt idx="169">
                  <c:v>0.463217943906784</c:v>
                </c:pt>
                <c:pt idx="170">
                  <c:v>0.46272647380828902</c:v>
                </c:pt>
                <c:pt idx="171">
                  <c:v>0.4654900431633</c:v>
                </c:pt>
                <c:pt idx="172">
                  <c:v>0.43109390139579801</c:v>
                </c:pt>
                <c:pt idx="173">
                  <c:v>0.41914883255958602</c:v>
                </c:pt>
                <c:pt idx="174">
                  <c:v>0.40502685308456399</c:v>
                </c:pt>
                <c:pt idx="175">
                  <c:v>0.40449815988540599</c:v>
                </c:pt>
                <c:pt idx="176">
                  <c:v>0.37728631496429399</c:v>
                </c:pt>
                <c:pt idx="177">
                  <c:v>0.38107064366340598</c:v>
                </c:pt>
                <c:pt idx="178">
                  <c:v>0.35443452000617998</c:v>
                </c:pt>
                <c:pt idx="179">
                  <c:v>0.35981661081314098</c:v>
                </c:pt>
                <c:pt idx="180">
                  <c:v>0.35576930642128002</c:v>
                </c:pt>
                <c:pt idx="181">
                  <c:v>0.33479896187782299</c:v>
                </c:pt>
                <c:pt idx="182">
                  <c:v>0.34893131256103499</c:v>
                </c:pt>
                <c:pt idx="183">
                  <c:v>0.32227343320846602</c:v>
                </c:pt>
                <c:pt idx="184">
                  <c:v>0.35834881663322399</c:v>
                </c:pt>
                <c:pt idx="185">
                  <c:v>0.335348069667816</c:v>
                </c:pt>
                <c:pt idx="186">
                  <c:v>0.32363778352737399</c:v>
                </c:pt>
                <c:pt idx="187">
                  <c:v>0.328553527593613</c:v>
                </c:pt>
                <c:pt idx="188">
                  <c:v>0.29778671264648399</c:v>
                </c:pt>
                <c:pt idx="189">
                  <c:v>0.29693588614463801</c:v>
                </c:pt>
                <c:pt idx="190">
                  <c:v>0.31742912530898998</c:v>
                </c:pt>
                <c:pt idx="191">
                  <c:v>0.27887177467346203</c:v>
                </c:pt>
                <c:pt idx="192">
                  <c:v>0.26246735453605702</c:v>
                </c:pt>
                <c:pt idx="193">
                  <c:v>0.24412141740322099</c:v>
                </c:pt>
                <c:pt idx="194">
                  <c:v>0.22478525340557101</c:v>
                </c:pt>
                <c:pt idx="195">
                  <c:v>0.26416197419166598</c:v>
                </c:pt>
                <c:pt idx="196">
                  <c:v>0.27566546201705899</c:v>
                </c:pt>
                <c:pt idx="197">
                  <c:v>0.24857105314731601</c:v>
                </c:pt>
                <c:pt idx="198">
                  <c:v>0.23913519084453599</c:v>
                </c:pt>
                <c:pt idx="199">
                  <c:v>0.20551547408103901</c:v>
                </c:pt>
                <c:pt idx="200">
                  <c:v>0.20440016686916401</c:v>
                </c:pt>
                <c:pt idx="201">
                  <c:v>0.22874590754509</c:v>
                </c:pt>
                <c:pt idx="202">
                  <c:v>0.213886559009552</c:v>
                </c:pt>
                <c:pt idx="203">
                  <c:v>0.22390787303447701</c:v>
                </c:pt>
                <c:pt idx="204">
                  <c:v>0.208079323172569</c:v>
                </c:pt>
                <c:pt idx="205">
                  <c:v>0.166235536336899</c:v>
                </c:pt>
                <c:pt idx="206">
                  <c:v>0.19932322204113001</c:v>
                </c:pt>
                <c:pt idx="207">
                  <c:v>0.203555047512054</c:v>
                </c:pt>
                <c:pt idx="208">
                  <c:v>0.178461357951164</c:v>
                </c:pt>
                <c:pt idx="209">
                  <c:v>0.17096760869026201</c:v>
                </c:pt>
                <c:pt idx="210">
                  <c:v>0.203494697809219</c:v>
                </c:pt>
                <c:pt idx="211">
                  <c:v>0.19568707048893</c:v>
                </c:pt>
                <c:pt idx="212">
                  <c:v>0.19069167971611001</c:v>
                </c:pt>
                <c:pt idx="213">
                  <c:v>0.173907890915871</c:v>
                </c:pt>
                <c:pt idx="214">
                  <c:v>0.182545825839043</c:v>
                </c:pt>
                <c:pt idx="215">
                  <c:v>0.178005620837212</c:v>
                </c:pt>
                <c:pt idx="216">
                  <c:v>0.16952629387378701</c:v>
                </c:pt>
                <c:pt idx="217">
                  <c:v>0.177457690238953</c:v>
                </c:pt>
                <c:pt idx="218">
                  <c:v>0.15298421680927299</c:v>
                </c:pt>
                <c:pt idx="219">
                  <c:v>0.14556714892387401</c:v>
                </c:pt>
                <c:pt idx="220">
                  <c:v>0.133375659584999</c:v>
                </c:pt>
                <c:pt idx="221">
                  <c:v>0.12875729799270599</c:v>
                </c:pt>
                <c:pt idx="222">
                  <c:v>0.11584784090519</c:v>
                </c:pt>
                <c:pt idx="223">
                  <c:v>0.110471874475479</c:v>
                </c:pt>
                <c:pt idx="224">
                  <c:v>0.100267663598061</c:v>
                </c:pt>
                <c:pt idx="225">
                  <c:v>9.2988617718219799E-2</c:v>
                </c:pt>
                <c:pt idx="226">
                  <c:v>8.4813922643661499E-2</c:v>
                </c:pt>
                <c:pt idx="227">
                  <c:v>0.10883176326751701</c:v>
                </c:pt>
                <c:pt idx="229">
                  <c:v>0.5692142844200129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85DD-4D82-B5F0-09D084779E74}"/>
            </c:ext>
          </c:extLst>
        </c:ser>
        <c:ser>
          <c:idx val="3"/>
          <c:order val="1"/>
          <c:tx>
            <c:v>5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2"/>
            <c:spPr>
              <a:solidFill>
                <a:schemeClr val="bg1">
                  <a:lumMod val="50000"/>
                </a:schemeClr>
              </a:solidFill>
              <a:ln w="9525">
                <a:noFill/>
              </a:ln>
              <a:effectLst/>
            </c:spPr>
          </c:marker>
          <c:xVal>
            <c:numRef>
              <c:f>Type_4_6__5___._1_thixotropy_rw!$F$2:$F$231</c:f>
              <c:numCache>
                <c:formatCode>General</c:formatCode>
                <c:ptCount val="230"/>
                <c:pt idx="0">
                  <c:v>0.92629134654998802</c:v>
                </c:pt>
                <c:pt idx="1">
                  <c:v>1.9262136220932</c:v>
                </c:pt>
                <c:pt idx="2">
                  <c:v>2.9263513088226301</c:v>
                </c:pt>
                <c:pt idx="3">
                  <c:v>3.9263162612914999</c:v>
                </c:pt>
                <c:pt idx="4">
                  <c:v>4.9263024330139196</c:v>
                </c:pt>
                <c:pt idx="5">
                  <c:v>5.9261674880981401</c:v>
                </c:pt>
                <c:pt idx="6">
                  <c:v>6.9288129806518599</c:v>
                </c:pt>
                <c:pt idx="7">
                  <c:v>7.9287843704223597</c:v>
                </c:pt>
                <c:pt idx="8">
                  <c:v>8.9289026260375994</c:v>
                </c:pt>
                <c:pt idx="9">
                  <c:v>9.9289960861206108</c:v>
                </c:pt>
                <c:pt idx="10">
                  <c:v>10.926317214965801</c:v>
                </c:pt>
                <c:pt idx="11">
                  <c:v>11.926307678222701</c:v>
                </c:pt>
                <c:pt idx="12">
                  <c:v>12.9264888763428</c:v>
                </c:pt>
                <c:pt idx="13">
                  <c:v>13.926652908325201</c:v>
                </c:pt>
                <c:pt idx="14">
                  <c:v>14.926682472229</c:v>
                </c:pt>
                <c:pt idx="15">
                  <c:v>15.926659584045399</c:v>
                </c:pt>
                <c:pt idx="16">
                  <c:v>16.926557540893601</c:v>
                </c:pt>
                <c:pt idx="17">
                  <c:v>17.92626953125</c:v>
                </c:pt>
                <c:pt idx="18">
                  <c:v>18.9263095855713</c:v>
                </c:pt>
                <c:pt idx="19">
                  <c:v>19.9258117675781</c:v>
                </c:pt>
                <c:pt idx="20">
                  <c:v>20.925514221191399</c:v>
                </c:pt>
                <c:pt idx="21">
                  <c:v>21.9253826141357</c:v>
                </c:pt>
                <c:pt idx="22">
                  <c:v>22.925296783447301</c:v>
                </c:pt>
                <c:pt idx="23">
                  <c:v>23.924812316894499</c:v>
                </c:pt>
                <c:pt idx="24">
                  <c:v>24.924860000610401</c:v>
                </c:pt>
                <c:pt idx="25">
                  <c:v>25.924299240112301</c:v>
                </c:pt>
                <c:pt idx="26">
                  <c:v>26.924360275268601</c:v>
                </c:pt>
                <c:pt idx="27">
                  <c:v>27.924074172973601</c:v>
                </c:pt>
                <c:pt idx="28">
                  <c:v>28.923866271972699</c:v>
                </c:pt>
                <c:pt idx="29">
                  <c:v>29.923406600952099</c:v>
                </c:pt>
                <c:pt idx="30">
                  <c:v>30.92333984375</c:v>
                </c:pt>
                <c:pt idx="31">
                  <c:v>31.922878265380898</c:v>
                </c:pt>
                <c:pt idx="32">
                  <c:v>32.9254150390625</c:v>
                </c:pt>
                <c:pt idx="33">
                  <c:v>33.925327301025398</c:v>
                </c:pt>
                <c:pt idx="34">
                  <c:v>34.924873352050803</c:v>
                </c:pt>
                <c:pt idx="35">
                  <c:v>35.924903869628899</c:v>
                </c:pt>
                <c:pt idx="36">
                  <c:v>36.924449920654297</c:v>
                </c:pt>
                <c:pt idx="37">
                  <c:v>37.9239311218262</c:v>
                </c:pt>
                <c:pt idx="38">
                  <c:v>38.923957824707003</c:v>
                </c:pt>
                <c:pt idx="39">
                  <c:v>39.9239311218262</c:v>
                </c:pt>
                <c:pt idx="40">
                  <c:v>40.923614501953097</c:v>
                </c:pt>
                <c:pt idx="41">
                  <c:v>41.923286437988303</c:v>
                </c:pt>
                <c:pt idx="42">
                  <c:v>42.923126220703097</c:v>
                </c:pt>
                <c:pt idx="43">
                  <c:v>43.922607421875</c:v>
                </c:pt>
                <c:pt idx="44">
                  <c:v>44.922683715820298</c:v>
                </c:pt>
                <c:pt idx="45">
                  <c:v>45.922389984130902</c:v>
                </c:pt>
                <c:pt idx="46">
                  <c:v>46.921710968017599</c:v>
                </c:pt>
                <c:pt idx="47">
                  <c:v>47.921333312988303</c:v>
                </c:pt>
                <c:pt idx="48">
                  <c:v>48.921558380127003</c:v>
                </c:pt>
                <c:pt idx="49">
                  <c:v>49.921222686767599</c:v>
                </c:pt>
                <c:pt idx="50">
                  <c:v>50.921222686767599</c:v>
                </c:pt>
                <c:pt idx="51">
                  <c:v>51.920925140380902</c:v>
                </c:pt>
                <c:pt idx="52">
                  <c:v>52.919872283935497</c:v>
                </c:pt>
                <c:pt idx="53">
                  <c:v>53.920047760009801</c:v>
                </c:pt>
                <c:pt idx="54">
                  <c:v>54.9195365905762</c:v>
                </c:pt>
                <c:pt idx="55">
                  <c:v>55.919712066650398</c:v>
                </c:pt>
                <c:pt idx="56">
                  <c:v>56.918998718261697</c:v>
                </c:pt>
                <c:pt idx="57">
                  <c:v>57.9191284179688</c:v>
                </c:pt>
                <c:pt idx="58">
                  <c:v>58.919239044189503</c:v>
                </c:pt>
                <c:pt idx="59">
                  <c:v>59.918506622314503</c:v>
                </c:pt>
                <c:pt idx="60">
                  <c:v>60.919197082519503</c:v>
                </c:pt>
                <c:pt idx="61">
                  <c:v>61.917617797851598</c:v>
                </c:pt>
                <c:pt idx="62">
                  <c:v>62.918319702148402</c:v>
                </c:pt>
                <c:pt idx="63">
                  <c:v>63.918041229247997</c:v>
                </c:pt>
                <c:pt idx="64">
                  <c:v>64.917640686035199</c:v>
                </c:pt>
                <c:pt idx="65">
                  <c:v>65.917991638183594</c:v>
                </c:pt>
                <c:pt idx="66">
                  <c:v>66.915924072265597</c:v>
                </c:pt>
                <c:pt idx="67">
                  <c:v>67.916511535644503</c:v>
                </c:pt>
                <c:pt idx="68">
                  <c:v>68.916534423828097</c:v>
                </c:pt>
                <c:pt idx="69">
                  <c:v>69.916053771972699</c:v>
                </c:pt>
                <c:pt idx="70">
                  <c:v>70.916122436523395</c:v>
                </c:pt>
                <c:pt idx="71">
                  <c:v>71.916168212890597</c:v>
                </c:pt>
                <c:pt idx="72">
                  <c:v>72.915290832519503</c:v>
                </c:pt>
                <c:pt idx="73">
                  <c:v>73.915267944335895</c:v>
                </c:pt>
                <c:pt idx="74">
                  <c:v>74.914649963378906</c:v>
                </c:pt>
                <c:pt idx="75">
                  <c:v>75.914886474609403</c:v>
                </c:pt>
                <c:pt idx="76">
                  <c:v>76.915229797363295</c:v>
                </c:pt>
                <c:pt idx="77">
                  <c:v>77.913658142089801</c:v>
                </c:pt>
                <c:pt idx="78">
                  <c:v>78.913673400878906</c:v>
                </c:pt>
                <c:pt idx="79">
                  <c:v>79.914039611816406</c:v>
                </c:pt>
                <c:pt idx="80">
                  <c:v>80.914070129394503</c:v>
                </c:pt>
                <c:pt idx="81">
                  <c:v>81.913734436035199</c:v>
                </c:pt>
                <c:pt idx="82">
                  <c:v>82.913192749023395</c:v>
                </c:pt>
                <c:pt idx="83">
                  <c:v>83.912132263183594</c:v>
                </c:pt>
                <c:pt idx="84">
                  <c:v>84.913581848144503</c:v>
                </c:pt>
                <c:pt idx="85">
                  <c:v>85.913764953613295</c:v>
                </c:pt>
                <c:pt idx="86">
                  <c:v>86.912422180175795</c:v>
                </c:pt>
                <c:pt idx="87">
                  <c:v>87.911506652832003</c:v>
                </c:pt>
                <c:pt idx="88">
                  <c:v>88.912223815917997</c:v>
                </c:pt>
                <c:pt idx="89">
                  <c:v>89.911453247070298</c:v>
                </c:pt>
                <c:pt idx="90">
                  <c:v>90.91162109375</c:v>
                </c:pt>
                <c:pt idx="91">
                  <c:v>91.909706115722699</c:v>
                </c:pt>
                <c:pt idx="92">
                  <c:v>92.910331726074205</c:v>
                </c:pt>
                <c:pt idx="93">
                  <c:v>93.910476684570298</c:v>
                </c:pt>
                <c:pt idx="94">
                  <c:v>94.9105224609375</c:v>
                </c:pt>
                <c:pt idx="95">
                  <c:v>95.910362243652301</c:v>
                </c:pt>
                <c:pt idx="96">
                  <c:v>96.910705566406307</c:v>
                </c:pt>
                <c:pt idx="97">
                  <c:v>97.908119201660199</c:v>
                </c:pt>
                <c:pt idx="98">
                  <c:v>98.909606933593807</c:v>
                </c:pt>
                <c:pt idx="99">
                  <c:v>99.908966064453097</c:v>
                </c:pt>
                <c:pt idx="100">
                  <c:v>100.000541687012</c:v>
                </c:pt>
                <c:pt idx="101">
                  <c:v>99.999496459960895</c:v>
                </c:pt>
                <c:pt idx="102">
                  <c:v>100.00067138671901</c:v>
                </c:pt>
                <c:pt idx="103">
                  <c:v>100.00050354003901</c:v>
                </c:pt>
                <c:pt idx="104">
                  <c:v>99.998336791992202</c:v>
                </c:pt>
                <c:pt idx="105">
                  <c:v>100.001792907715</c:v>
                </c:pt>
                <c:pt idx="106">
                  <c:v>99.999565124511705</c:v>
                </c:pt>
                <c:pt idx="107">
                  <c:v>99.999603271484403</c:v>
                </c:pt>
                <c:pt idx="108">
                  <c:v>100.00067138671901</c:v>
                </c:pt>
                <c:pt idx="109">
                  <c:v>100.00114440918</c:v>
                </c:pt>
                <c:pt idx="110">
                  <c:v>100.00017547607401</c:v>
                </c:pt>
                <c:pt idx="111">
                  <c:v>100.001815795898</c:v>
                </c:pt>
                <c:pt idx="112">
                  <c:v>100.000038146973</c:v>
                </c:pt>
                <c:pt idx="113">
                  <c:v>100.000106811523</c:v>
                </c:pt>
                <c:pt idx="114">
                  <c:v>100.00066375732401</c:v>
                </c:pt>
                <c:pt idx="115">
                  <c:v>100.000450134277</c:v>
                </c:pt>
                <c:pt idx="116">
                  <c:v>100.000274658203</c:v>
                </c:pt>
                <c:pt idx="117">
                  <c:v>100.00065612793</c:v>
                </c:pt>
                <c:pt idx="118">
                  <c:v>99.999900817871094</c:v>
                </c:pt>
                <c:pt idx="119">
                  <c:v>100.00006866455099</c:v>
                </c:pt>
                <c:pt idx="120">
                  <c:v>99.999275207519503</c:v>
                </c:pt>
                <c:pt idx="121">
                  <c:v>99.999641418457003</c:v>
                </c:pt>
                <c:pt idx="122">
                  <c:v>99.999908447265597</c:v>
                </c:pt>
                <c:pt idx="123">
                  <c:v>99.999412536621094</c:v>
                </c:pt>
                <c:pt idx="124">
                  <c:v>100.001754760742</c:v>
                </c:pt>
                <c:pt idx="125">
                  <c:v>100.00178527832</c:v>
                </c:pt>
                <c:pt idx="126">
                  <c:v>99.999038696289105</c:v>
                </c:pt>
                <c:pt idx="127">
                  <c:v>100.000381469727</c:v>
                </c:pt>
                <c:pt idx="128">
                  <c:v>100.00090789794901</c:v>
                </c:pt>
                <c:pt idx="129">
                  <c:v>99.999008178710895</c:v>
                </c:pt>
                <c:pt idx="130">
                  <c:v>99.075477600097699</c:v>
                </c:pt>
                <c:pt idx="131">
                  <c:v>98.075401306152301</c:v>
                </c:pt>
                <c:pt idx="132">
                  <c:v>97.073066711425795</c:v>
                </c:pt>
                <c:pt idx="133">
                  <c:v>96.072769165039105</c:v>
                </c:pt>
                <c:pt idx="134">
                  <c:v>95.076950073242202</c:v>
                </c:pt>
                <c:pt idx="135">
                  <c:v>94.076477050781307</c:v>
                </c:pt>
                <c:pt idx="136">
                  <c:v>93.076126098632798</c:v>
                </c:pt>
                <c:pt idx="137">
                  <c:v>92.074089050292997</c:v>
                </c:pt>
                <c:pt idx="138">
                  <c:v>91.074546813964801</c:v>
                </c:pt>
                <c:pt idx="139">
                  <c:v>90.078392028808594</c:v>
                </c:pt>
                <c:pt idx="140">
                  <c:v>89.077224731445298</c:v>
                </c:pt>
                <c:pt idx="141">
                  <c:v>88.0780029296875</c:v>
                </c:pt>
                <c:pt idx="142">
                  <c:v>87.074989318847699</c:v>
                </c:pt>
                <c:pt idx="143">
                  <c:v>86.078193664550795</c:v>
                </c:pt>
                <c:pt idx="144">
                  <c:v>85.078414916992202</c:v>
                </c:pt>
                <c:pt idx="145">
                  <c:v>84.078598022460895</c:v>
                </c:pt>
                <c:pt idx="146">
                  <c:v>83.079254150390597</c:v>
                </c:pt>
                <c:pt idx="147">
                  <c:v>82.080184936523395</c:v>
                </c:pt>
                <c:pt idx="148">
                  <c:v>81.079017639160199</c:v>
                </c:pt>
                <c:pt idx="149">
                  <c:v>80.080215454101605</c:v>
                </c:pt>
                <c:pt idx="150">
                  <c:v>79.079772949218807</c:v>
                </c:pt>
                <c:pt idx="151">
                  <c:v>78.080596923828097</c:v>
                </c:pt>
                <c:pt idx="152">
                  <c:v>77.080772399902301</c:v>
                </c:pt>
                <c:pt idx="153">
                  <c:v>76.080772399902301</c:v>
                </c:pt>
                <c:pt idx="154">
                  <c:v>75.082420349121094</c:v>
                </c:pt>
                <c:pt idx="155">
                  <c:v>74.080879211425795</c:v>
                </c:pt>
                <c:pt idx="156">
                  <c:v>73.081443786621094</c:v>
                </c:pt>
                <c:pt idx="157">
                  <c:v>72.081581115722699</c:v>
                </c:pt>
                <c:pt idx="158">
                  <c:v>71.0821533203125</c:v>
                </c:pt>
                <c:pt idx="159">
                  <c:v>70.080986022949205</c:v>
                </c:pt>
                <c:pt idx="160">
                  <c:v>69.082145690917997</c:v>
                </c:pt>
                <c:pt idx="161">
                  <c:v>68.082382202148395</c:v>
                </c:pt>
                <c:pt idx="162">
                  <c:v>67.082107543945298</c:v>
                </c:pt>
                <c:pt idx="163">
                  <c:v>66.083541870117202</c:v>
                </c:pt>
                <c:pt idx="164">
                  <c:v>65.080764770507798</c:v>
                </c:pt>
                <c:pt idx="165">
                  <c:v>64.080474853515597</c:v>
                </c:pt>
                <c:pt idx="166">
                  <c:v>63.081413269042997</c:v>
                </c:pt>
                <c:pt idx="167">
                  <c:v>62.082130432128899</c:v>
                </c:pt>
                <c:pt idx="168">
                  <c:v>61.082611083984403</c:v>
                </c:pt>
                <c:pt idx="169">
                  <c:v>60.082103729247997</c:v>
                </c:pt>
                <c:pt idx="170">
                  <c:v>59.082046508789098</c:v>
                </c:pt>
                <c:pt idx="171">
                  <c:v>58.082832336425803</c:v>
                </c:pt>
                <c:pt idx="172">
                  <c:v>57.082614898681598</c:v>
                </c:pt>
                <c:pt idx="173">
                  <c:v>56.082748413085902</c:v>
                </c:pt>
                <c:pt idx="174">
                  <c:v>55.083328247070298</c:v>
                </c:pt>
                <c:pt idx="175">
                  <c:v>54.083995819091797</c:v>
                </c:pt>
                <c:pt idx="176">
                  <c:v>53.083511352539098</c:v>
                </c:pt>
                <c:pt idx="177">
                  <c:v>52.084312438964801</c:v>
                </c:pt>
                <c:pt idx="178">
                  <c:v>51.084445953369098</c:v>
                </c:pt>
                <c:pt idx="179">
                  <c:v>50.084568023681598</c:v>
                </c:pt>
                <c:pt idx="180">
                  <c:v>49.085437774658203</c:v>
                </c:pt>
                <c:pt idx="181">
                  <c:v>48.084903717041001</c:v>
                </c:pt>
                <c:pt idx="182">
                  <c:v>47.085109710693402</c:v>
                </c:pt>
                <c:pt idx="183">
                  <c:v>46.085670471191399</c:v>
                </c:pt>
                <c:pt idx="184">
                  <c:v>45.085433959960902</c:v>
                </c:pt>
                <c:pt idx="185">
                  <c:v>44.086441040039098</c:v>
                </c:pt>
                <c:pt idx="186">
                  <c:v>43.086357116699197</c:v>
                </c:pt>
                <c:pt idx="187">
                  <c:v>42.086524963378899</c:v>
                </c:pt>
                <c:pt idx="188">
                  <c:v>41.087013244628899</c:v>
                </c:pt>
                <c:pt idx="189">
                  <c:v>40.087150573730497</c:v>
                </c:pt>
                <c:pt idx="190">
                  <c:v>39.087059020996101</c:v>
                </c:pt>
                <c:pt idx="191">
                  <c:v>38.087043762207003</c:v>
                </c:pt>
                <c:pt idx="192">
                  <c:v>37.087398529052699</c:v>
                </c:pt>
                <c:pt idx="193">
                  <c:v>36.087917327880902</c:v>
                </c:pt>
                <c:pt idx="194">
                  <c:v>35.088909149169901</c:v>
                </c:pt>
                <c:pt idx="195">
                  <c:v>34.088150024414098</c:v>
                </c:pt>
                <c:pt idx="196">
                  <c:v>33.088264465332003</c:v>
                </c:pt>
                <c:pt idx="197">
                  <c:v>32.088760375976598</c:v>
                </c:pt>
                <c:pt idx="198">
                  <c:v>31.089097976684599</c:v>
                </c:pt>
                <c:pt idx="199">
                  <c:v>30.089378356933601</c:v>
                </c:pt>
                <c:pt idx="200">
                  <c:v>29.089584350585898</c:v>
                </c:pt>
                <c:pt idx="201">
                  <c:v>28.0898551940918</c:v>
                </c:pt>
                <c:pt idx="202">
                  <c:v>27.090019226074201</c:v>
                </c:pt>
                <c:pt idx="203">
                  <c:v>26.090192794799801</c:v>
                </c:pt>
                <c:pt idx="204">
                  <c:v>25.090635299682599</c:v>
                </c:pt>
                <c:pt idx="205">
                  <c:v>24.090934753418001</c:v>
                </c:pt>
                <c:pt idx="206">
                  <c:v>23.091041564941399</c:v>
                </c:pt>
                <c:pt idx="207">
                  <c:v>22.0912780761719</c:v>
                </c:pt>
                <c:pt idx="208">
                  <c:v>21.091773986816399</c:v>
                </c:pt>
                <c:pt idx="209">
                  <c:v>20.0918292999268</c:v>
                </c:pt>
                <c:pt idx="210">
                  <c:v>19.09202003479</c:v>
                </c:pt>
                <c:pt idx="211">
                  <c:v>18.0923957824707</c:v>
                </c:pt>
                <c:pt idx="212">
                  <c:v>17.092563629150401</c:v>
                </c:pt>
                <c:pt idx="213">
                  <c:v>16.092937469482401</c:v>
                </c:pt>
                <c:pt idx="214">
                  <c:v>15.0927076339722</c:v>
                </c:pt>
                <c:pt idx="215">
                  <c:v>14.0926160812378</c:v>
                </c:pt>
                <c:pt idx="216">
                  <c:v>13.092587471008301</c:v>
                </c:pt>
                <c:pt idx="217">
                  <c:v>12.092405319213899</c:v>
                </c:pt>
                <c:pt idx="218">
                  <c:v>11.092358589172401</c:v>
                </c:pt>
                <c:pt idx="219">
                  <c:v>10.0922136306763</c:v>
                </c:pt>
                <c:pt idx="220">
                  <c:v>9.0921154022216797</c:v>
                </c:pt>
                <c:pt idx="221">
                  <c:v>8.0920581817627006</c:v>
                </c:pt>
                <c:pt idx="222">
                  <c:v>7.0920848846435502</c:v>
                </c:pt>
                <c:pt idx="223">
                  <c:v>6.0921506881713903</c:v>
                </c:pt>
                <c:pt idx="224">
                  <c:v>5.0922384262084996</c:v>
                </c:pt>
                <c:pt idx="225">
                  <c:v>4.0923190116882298</c:v>
                </c:pt>
                <c:pt idx="226">
                  <c:v>3.0922644138336199</c:v>
                </c:pt>
                <c:pt idx="227">
                  <c:v>2.0922944545745898</c:v>
                </c:pt>
                <c:pt idx="228">
                  <c:v>1.0922557115554801</c:v>
                </c:pt>
                <c:pt idx="229">
                  <c:v>9.2282697558403001E-2</c:v>
                </c:pt>
              </c:numCache>
            </c:numRef>
          </c:xVal>
          <c:yVal>
            <c:numRef>
              <c:f>Type_4_6__5___._1_thixotropy_rw!$G$2:$G$231</c:f>
              <c:numCache>
                <c:formatCode>General</c:formatCode>
                <c:ptCount val="230"/>
                <c:pt idx="0">
                  <c:v>4.4347805976867702</c:v>
                </c:pt>
                <c:pt idx="1">
                  <c:v>1.0265645980835001</c:v>
                </c:pt>
                <c:pt idx="2">
                  <c:v>0.393364697694778</c:v>
                </c:pt>
                <c:pt idx="3">
                  <c:v>0.209994271397591</c:v>
                </c:pt>
                <c:pt idx="4">
                  <c:v>0.24155528843402899</c:v>
                </c:pt>
                <c:pt idx="5">
                  <c:v>0.19684216380119299</c:v>
                </c:pt>
                <c:pt idx="6">
                  <c:v>0.17772550880908999</c:v>
                </c:pt>
                <c:pt idx="7">
                  <c:v>0.17036606371402699</c:v>
                </c:pt>
                <c:pt idx="8">
                  <c:v>0.173059552907944</c:v>
                </c:pt>
                <c:pt idx="9">
                  <c:v>0.179435715079308</c:v>
                </c:pt>
                <c:pt idx="10">
                  <c:v>0.20726962387561801</c:v>
                </c:pt>
                <c:pt idx="11">
                  <c:v>0.21330919861793499</c:v>
                </c:pt>
                <c:pt idx="12">
                  <c:v>0.20304290950298301</c:v>
                </c:pt>
                <c:pt idx="13">
                  <c:v>0.167809873819351</c:v>
                </c:pt>
                <c:pt idx="14">
                  <c:v>0.169891446828842</c:v>
                </c:pt>
                <c:pt idx="15">
                  <c:v>0.17767657339572901</c:v>
                </c:pt>
                <c:pt idx="16">
                  <c:v>0.20863427221775099</c:v>
                </c:pt>
                <c:pt idx="17">
                  <c:v>0.25021252036094699</c:v>
                </c:pt>
                <c:pt idx="18">
                  <c:v>0.26954752206802401</c:v>
                </c:pt>
                <c:pt idx="19">
                  <c:v>0.25287383794784501</c:v>
                </c:pt>
                <c:pt idx="20">
                  <c:v>0.23173260688781699</c:v>
                </c:pt>
                <c:pt idx="21">
                  <c:v>0.237801939249039</c:v>
                </c:pt>
                <c:pt idx="22">
                  <c:v>0.18993715941906</c:v>
                </c:pt>
                <c:pt idx="23">
                  <c:v>0.21628947556018799</c:v>
                </c:pt>
                <c:pt idx="24">
                  <c:v>0.22910074889659901</c:v>
                </c:pt>
                <c:pt idx="25">
                  <c:v>0.208365723490715</c:v>
                </c:pt>
                <c:pt idx="26">
                  <c:v>0.24142560362815901</c:v>
                </c:pt>
                <c:pt idx="27">
                  <c:v>0.21427994966507</c:v>
                </c:pt>
                <c:pt idx="28">
                  <c:v>0.224054485559464</c:v>
                </c:pt>
                <c:pt idx="29">
                  <c:v>0.23671011626720401</c:v>
                </c:pt>
                <c:pt idx="30">
                  <c:v>0.26379847526550299</c:v>
                </c:pt>
                <c:pt idx="31">
                  <c:v>0.242792919278145</c:v>
                </c:pt>
                <c:pt idx="32">
                  <c:v>0.27758616209030201</c:v>
                </c:pt>
                <c:pt idx="33">
                  <c:v>0.26451703906059298</c:v>
                </c:pt>
                <c:pt idx="34">
                  <c:v>0.25765836238861101</c:v>
                </c:pt>
                <c:pt idx="35">
                  <c:v>0.28169408440589899</c:v>
                </c:pt>
                <c:pt idx="36">
                  <c:v>0.27504214644432101</c:v>
                </c:pt>
                <c:pt idx="37">
                  <c:v>0.301024109125137</c:v>
                </c:pt>
                <c:pt idx="38">
                  <c:v>0.31508630514144897</c:v>
                </c:pt>
                <c:pt idx="39">
                  <c:v>0.33166536688804599</c:v>
                </c:pt>
                <c:pt idx="40">
                  <c:v>0.29852092266082803</c:v>
                </c:pt>
                <c:pt idx="41">
                  <c:v>0.33734747767448398</c:v>
                </c:pt>
                <c:pt idx="42">
                  <c:v>0.32361373305320701</c:v>
                </c:pt>
                <c:pt idx="43">
                  <c:v>0.32018503546714799</c:v>
                </c:pt>
                <c:pt idx="44">
                  <c:v>0.328804790973663</c:v>
                </c:pt>
                <c:pt idx="45">
                  <c:v>0.33668476343154902</c:v>
                </c:pt>
                <c:pt idx="46">
                  <c:v>0.31589794158935502</c:v>
                </c:pt>
                <c:pt idx="47">
                  <c:v>0.343627959489822</c:v>
                </c:pt>
                <c:pt idx="48">
                  <c:v>0.32989108562469499</c:v>
                </c:pt>
                <c:pt idx="49">
                  <c:v>0.32175990939140298</c:v>
                </c:pt>
                <c:pt idx="50">
                  <c:v>0.33629027009010298</c:v>
                </c:pt>
                <c:pt idx="51">
                  <c:v>0.33312916755676297</c:v>
                </c:pt>
                <c:pt idx="52">
                  <c:v>0.38964688777923601</c:v>
                </c:pt>
                <c:pt idx="53">
                  <c:v>0.40335342288017301</c:v>
                </c:pt>
                <c:pt idx="54">
                  <c:v>0.361394762992859</c:v>
                </c:pt>
                <c:pt idx="55">
                  <c:v>0.37748602032661399</c:v>
                </c:pt>
                <c:pt idx="56">
                  <c:v>0.38971981406211897</c:v>
                </c:pt>
                <c:pt idx="57">
                  <c:v>0.39927887916564903</c:v>
                </c:pt>
                <c:pt idx="58">
                  <c:v>0.44001868367195102</c:v>
                </c:pt>
                <c:pt idx="59">
                  <c:v>0.42346286773681602</c:v>
                </c:pt>
                <c:pt idx="60">
                  <c:v>0.43891257047653198</c:v>
                </c:pt>
                <c:pt idx="61">
                  <c:v>0.43025234341621399</c:v>
                </c:pt>
                <c:pt idx="62">
                  <c:v>0.44454580545425398</c:v>
                </c:pt>
                <c:pt idx="63">
                  <c:v>0.43404155969619801</c:v>
                </c:pt>
                <c:pt idx="64">
                  <c:v>0.46887531876563998</c:v>
                </c:pt>
                <c:pt idx="65">
                  <c:v>0.44692233204841603</c:v>
                </c:pt>
                <c:pt idx="66">
                  <c:v>0.46534225344657898</c:v>
                </c:pt>
                <c:pt idx="67">
                  <c:v>0.48249900341033902</c:v>
                </c:pt>
                <c:pt idx="68">
                  <c:v>0.49908652901649497</c:v>
                </c:pt>
                <c:pt idx="69">
                  <c:v>0.53395187854766801</c:v>
                </c:pt>
                <c:pt idx="70">
                  <c:v>0.54046106338500999</c:v>
                </c:pt>
                <c:pt idx="71">
                  <c:v>0.52764689922332797</c:v>
                </c:pt>
                <c:pt idx="72">
                  <c:v>0.51093435287475597</c:v>
                </c:pt>
                <c:pt idx="73">
                  <c:v>0.50952905416488603</c:v>
                </c:pt>
                <c:pt idx="74">
                  <c:v>0.53405696153640703</c:v>
                </c:pt>
                <c:pt idx="75">
                  <c:v>0.52591085433960005</c:v>
                </c:pt>
                <c:pt idx="76">
                  <c:v>0.52262884378433205</c:v>
                </c:pt>
                <c:pt idx="77">
                  <c:v>0.52316701412200906</c:v>
                </c:pt>
                <c:pt idx="78">
                  <c:v>0.53954094648361195</c:v>
                </c:pt>
                <c:pt idx="79">
                  <c:v>0.56574368476867698</c:v>
                </c:pt>
                <c:pt idx="80">
                  <c:v>0.57713544368743896</c:v>
                </c:pt>
                <c:pt idx="81">
                  <c:v>0.57846325635910001</c:v>
                </c:pt>
                <c:pt idx="82">
                  <c:v>0.57939463853836104</c:v>
                </c:pt>
                <c:pt idx="83">
                  <c:v>0.57003009319305398</c:v>
                </c:pt>
                <c:pt idx="84">
                  <c:v>0.61014145612716697</c:v>
                </c:pt>
                <c:pt idx="85">
                  <c:v>0.59206902980804399</c:v>
                </c:pt>
                <c:pt idx="86">
                  <c:v>0.57304143905639604</c:v>
                </c:pt>
                <c:pt idx="87">
                  <c:v>0.55124086141586304</c:v>
                </c:pt>
                <c:pt idx="88">
                  <c:v>0.53179240226745605</c:v>
                </c:pt>
                <c:pt idx="89">
                  <c:v>0.57127219438552901</c:v>
                </c:pt>
                <c:pt idx="90">
                  <c:v>0.544827461242676</c:v>
                </c:pt>
                <c:pt idx="91">
                  <c:v>0.55782783031463601</c:v>
                </c:pt>
                <c:pt idx="92">
                  <c:v>0.56234657764434803</c:v>
                </c:pt>
                <c:pt idx="93">
                  <c:v>0.57356333732605003</c:v>
                </c:pt>
                <c:pt idx="94">
                  <c:v>0.53957784175872803</c:v>
                </c:pt>
                <c:pt idx="95">
                  <c:v>0.56241482496261597</c:v>
                </c:pt>
                <c:pt idx="96">
                  <c:v>0.55731725692749001</c:v>
                </c:pt>
                <c:pt idx="97">
                  <c:v>0.55259585380554199</c:v>
                </c:pt>
                <c:pt idx="98">
                  <c:v>0.56083846092224099</c:v>
                </c:pt>
                <c:pt idx="99">
                  <c:v>0.54601240158081099</c:v>
                </c:pt>
                <c:pt idx="100">
                  <c:v>0.54584974050521895</c:v>
                </c:pt>
                <c:pt idx="101">
                  <c:v>0.55461013317108199</c:v>
                </c:pt>
                <c:pt idx="102">
                  <c:v>0.56837755441665605</c:v>
                </c:pt>
                <c:pt idx="103">
                  <c:v>0.54734897613525402</c:v>
                </c:pt>
                <c:pt idx="104">
                  <c:v>0.55414336919784501</c:v>
                </c:pt>
                <c:pt idx="105">
                  <c:v>0.557564556598663</c:v>
                </c:pt>
                <c:pt idx="106">
                  <c:v>0.54548656940460205</c:v>
                </c:pt>
                <c:pt idx="107">
                  <c:v>0.53065782785415605</c:v>
                </c:pt>
                <c:pt idx="108">
                  <c:v>0.54693204164505005</c:v>
                </c:pt>
                <c:pt idx="109">
                  <c:v>0.54770493507385298</c:v>
                </c:pt>
                <c:pt idx="110">
                  <c:v>0.53679049015045199</c:v>
                </c:pt>
                <c:pt idx="111">
                  <c:v>0.55667757987976096</c:v>
                </c:pt>
                <c:pt idx="112">
                  <c:v>0.55024933815002397</c:v>
                </c:pt>
                <c:pt idx="113">
                  <c:v>0.53918206691741899</c:v>
                </c:pt>
                <c:pt idx="114">
                  <c:v>0.55479460954666104</c:v>
                </c:pt>
                <c:pt idx="115">
                  <c:v>0.54209119081497203</c:v>
                </c:pt>
                <c:pt idx="116">
                  <c:v>0.55360513925552401</c:v>
                </c:pt>
                <c:pt idx="117">
                  <c:v>0.53552389144897505</c:v>
                </c:pt>
                <c:pt idx="118">
                  <c:v>0.549996078014374</c:v>
                </c:pt>
                <c:pt idx="119">
                  <c:v>0.56555932760238603</c:v>
                </c:pt>
                <c:pt idx="120">
                  <c:v>0.53053754568099998</c:v>
                </c:pt>
                <c:pt idx="121">
                  <c:v>0.53936332464218095</c:v>
                </c:pt>
                <c:pt idx="122">
                  <c:v>0.56512153148651101</c:v>
                </c:pt>
                <c:pt idx="123">
                  <c:v>0.59244447946548495</c:v>
                </c:pt>
                <c:pt idx="124">
                  <c:v>0.55097419023513805</c:v>
                </c:pt>
                <c:pt idx="125">
                  <c:v>0.57134145498275801</c:v>
                </c:pt>
                <c:pt idx="126">
                  <c:v>0.55329614877700795</c:v>
                </c:pt>
                <c:pt idx="127">
                  <c:v>0.55579102039337203</c:v>
                </c:pt>
                <c:pt idx="128">
                  <c:v>0.54107725620269798</c:v>
                </c:pt>
                <c:pt idx="129">
                  <c:v>0.54328554868698098</c:v>
                </c:pt>
                <c:pt idx="130">
                  <c:v>0.54113310575485196</c:v>
                </c:pt>
                <c:pt idx="131">
                  <c:v>0.55287277698516801</c:v>
                </c:pt>
                <c:pt idx="132">
                  <c:v>0.53814780712127697</c:v>
                </c:pt>
                <c:pt idx="133">
                  <c:v>0.54645979404449496</c:v>
                </c:pt>
                <c:pt idx="134">
                  <c:v>0.52590012550354004</c:v>
                </c:pt>
                <c:pt idx="135">
                  <c:v>0.56144553422927901</c:v>
                </c:pt>
                <c:pt idx="136">
                  <c:v>0.52238029241561901</c:v>
                </c:pt>
                <c:pt idx="137">
                  <c:v>0.53014963865280196</c:v>
                </c:pt>
                <c:pt idx="138">
                  <c:v>0.55172562599182096</c:v>
                </c:pt>
                <c:pt idx="139">
                  <c:v>0.54833108186721802</c:v>
                </c:pt>
                <c:pt idx="140">
                  <c:v>0.53876793384552002</c:v>
                </c:pt>
                <c:pt idx="141">
                  <c:v>0.51507991552352905</c:v>
                </c:pt>
                <c:pt idx="142">
                  <c:v>0.51698571443557695</c:v>
                </c:pt>
                <c:pt idx="143">
                  <c:v>0.52804929018020597</c:v>
                </c:pt>
                <c:pt idx="144">
                  <c:v>0.51990473270416304</c:v>
                </c:pt>
                <c:pt idx="145">
                  <c:v>0.51810503005981401</c:v>
                </c:pt>
                <c:pt idx="146">
                  <c:v>0.50399714708328203</c:v>
                </c:pt>
                <c:pt idx="147">
                  <c:v>0.53301155567169201</c:v>
                </c:pt>
                <c:pt idx="148">
                  <c:v>0.52892488241195701</c:v>
                </c:pt>
                <c:pt idx="149">
                  <c:v>0.50911474227905296</c:v>
                </c:pt>
                <c:pt idx="150">
                  <c:v>0.50219529867172197</c:v>
                </c:pt>
                <c:pt idx="151">
                  <c:v>0.56468874216079701</c:v>
                </c:pt>
                <c:pt idx="152">
                  <c:v>0.49024733901023898</c:v>
                </c:pt>
                <c:pt idx="153">
                  <c:v>0.49240452051162698</c:v>
                </c:pt>
                <c:pt idx="154">
                  <c:v>0.504633188247681</c:v>
                </c:pt>
                <c:pt idx="155">
                  <c:v>0.49784901738166798</c:v>
                </c:pt>
                <c:pt idx="156">
                  <c:v>0.50880509614944502</c:v>
                </c:pt>
                <c:pt idx="157">
                  <c:v>0.49893134832382202</c:v>
                </c:pt>
                <c:pt idx="158">
                  <c:v>0.50065964460372903</c:v>
                </c:pt>
                <c:pt idx="159">
                  <c:v>0.48626038432121299</c:v>
                </c:pt>
                <c:pt idx="160">
                  <c:v>0.49156081676483199</c:v>
                </c:pt>
                <c:pt idx="161">
                  <c:v>0.50096362829208396</c:v>
                </c:pt>
                <c:pt idx="162">
                  <c:v>0.49941807985305797</c:v>
                </c:pt>
                <c:pt idx="163">
                  <c:v>0.48232579231262201</c:v>
                </c:pt>
                <c:pt idx="164">
                  <c:v>0.483348578214645</c:v>
                </c:pt>
                <c:pt idx="165">
                  <c:v>0.44430655241012601</c:v>
                </c:pt>
                <c:pt idx="166">
                  <c:v>0.42402690649032598</c:v>
                </c:pt>
                <c:pt idx="167">
                  <c:v>0.45501783490181003</c:v>
                </c:pt>
                <c:pt idx="168">
                  <c:v>0.39644503593444802</c:v>
                </c:pt>
                <c:pt idx="169">
                  <c:v>0.42383241653442399</c:v>
                </c:pt>
                <c:pt idx="170">
                  <c:v>0.41909459233284002</c:v>
                </c:pt>
                <c:pt idx="171">
                  <c:v>0.38842275738716098</c:v>
                </c:pt>
                <c:pt idx="172">
                  <c:v>0.38405308127403298</c:v>
                </c:pt>
                <c:pt idx="173">
                  <c:v>0.404774069786072</c:v>
                </c:pt>
                <c:pt idx="174">
                  <c:v>0.39158797264099099</c:v>
                </c:pt>
                <c:pt idx="175">
                  <c:v>0.39718505740165699</c:v>
                </c:pt>
                <c:pt idx="176">
                  <c:v>0.35963180661201499</c:v>
                </c:pt>
                <c:pt idx="177">
                  <c:v>0.359652310609818</c:v>
                </c:pt>
                <c:pt idx="178">
                  <c:v>0.352260172367096</c:v>
                </c:pt>
                <c:pt idx="179">
                  <c:v>0.36853948235511802</c:v>
                </c:pt>
                <c:pt idx="180">
                  <c:v>0.33792692422866799</c:v>
                </c:pt>
                <c:pt idx="181">
                  <c:v>0.33125695586204501</c:v>
                </c:pt>
                <c:pt idx="182">
                  <c:v>0.33815076947212203</c:v>
                </c:pt>
                <c:pt idx="183">
                  <c:v>0.34007558226585399</c:v>
                </c:pt>
                <c:pt idx="184">
                  <c:v>0.32653841376304599</c:v>
                </c:pt>
                <c:pt idx="185">
                  <c:v>0.32080823183059698</c:v>
                </c:pt>
                <c:pt idx="186">
                  <c:v>0.316976487636566</c:v>
                </c:pt>
                <c:pt idx="187">
                  <c:v>0.32551410794258101</c:v>
                </c:pt>
                <c:pt idx="188">
                  <c:v>0.30162137746810902</c:v>
                </c:pt>
                <c:pt idx="189">
                  <c:v>0.306605905294418</c:v>
                </c:pt>
                <c:pt idx="190">
                  <c:v>0.29616904258728</c:v>
                </c:pt>
                <c:pt idx="191">
                  <c:v>0.26820617914199801</c:v>
                </c:pt>
                <c:pt idx="192">
                  <c:v>0.29469618201255798</c:v>
                </c:pt>
                <c:pt idx="193">
                  <c:v>0.275486379861832</c:v>
                </c:pt>
                <c:pt idx="194">
                  <c:v>0.27764636278152499</c:v>
                </c:pt>
                <c:pt idx="195">
                  <c:v>0.279658854007721</c:v>
                </c:pt>
                <c:pt idx="196">
                  <c:v>0.27559083700180098</c:v>
                </c:pt>
                <c:pt idx="197">
                  <c:v>0.258184224367142</c:v>
                </c:pt>
                <c:pt idx="198">
                  <c:v>0.27322831749916099</c:v>
                </c:pt>
                <c:pt idx="199">
                  <c:v>0.24660113453865101</c:v>
                </c:pt>
                <c:pt idx="200">
                  <c:v>0.22032319009303999</c:v>
                </c:pt>
                <c:pt idx="201">
                  <c:v>0.263619273900986</c:v>
                </c:pt>
                <c:pt idx="202">
                  <c:v>0.222683951258659</c:v>
                </c:pt>
                <c:pt idx="203">
                  <c:v>0.23901057243347201</c:v>
                </c:pt>
                <c:pt idx="204">
                  <c:v>0.21902018785476701</c:v>
                </c:pt>
                <c:pt idx="205">
                  <c:v>0.20596636831760401</c:v>
                </c:pt>
                <c:pt idx="206">
                  <c:v>0.22300051152706099</c:v>
                </c:pt>
                <c:pt idx="207">
                  <c:v>0.19010210037231401</c:v>
                </c:pt>
                <c:pt idx="208">
                  <c:v>0.18649330735206601</c:v>
                </c:pt>
                <c:pt idx="209">
                  <c:v>0.200578138232231</c:v>
                </c:pt>
                <c:pt idx="210">
                  <c:v>0.19571807980537401</c:v>
                </c:pt>
                <c:pt idx="211">
                  <c:v>0.16857607662677801</c:v>
                </c:pt>
                <c:pt idx="212">
                  <c:v>0.16755999624729201</c:v>
                </c:pt>
                <c:pt idx="213">
                  <c:v>0.151897683739662</c:v>
                </c:pt>
                <c:pt idx="214">
                  <c:v>0.152400597929955</c:v>
                </c:pt>
                <c:pt idx="215">
                  <c:v>0.15092374384403201</c:v>
                </c:pt>
                <c:pt idx="216">
                  <c:v>0.15567833185195901</c:v>
                </c:pt>
                <c:pt idx="217">
                  <c:v>0.14450052380561801</c:v>
                </c:pt>
                <c:pt idx="218">
                  <c:v>0.143785029649734</c:v>
                </c:pt>
                <c:pt idx="219">
                  <c:v>0.13761401176452601</c:v>
                </c:pt>
                <c:pt idx="220">
                  <c:v>0.13263545930385601</c:v>
                </c:pt>
                <c:pt idx="221">
                  <c:v>0.120737642049789</c:v>
                </c:pt>
                <c:pt idx="222">
                  <c:v>0.11025391519069699</c:v>
                </c:pt>
                <c:pt idx="223">
                  <c:v>0.113008335232735</c:v>
                </c:pt>
                <c:pt idx="224">
                  <c:v>9.6556007862091106E-2</c:v>
                </c:pt>
                <c:pt idx="225">
                  <c:v>9.1550216078758198E-2</c:v>
                </c:pt>
                <c:pt idx="226">
                  <c:v>7.2331890463828999E-2</c:v>
                </c:pt>
                <c:pt idx="227">
                  <c:v>4.6944547444581999E-2</c:v>
                </c:pt>
                <c:pt idx="228">
                  <c:v>0.18233534693718001</c:v>
                </c:pt>
                <c:pt idx="229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85DD-4D82-B5F0-09D084779E74}"/>
            </c:ext>
          </c:extLst>
        </c:ser>
        <c:ser>
          <c:idx val="1"/>
          <c:order val="2"/>
          <c:tx>
            <c:v>15% BSS 1-3</c:v>
          </c:tx>
          <c:spPr>
            <a:ln w="25400" cap="rnd">
              <a:noFill/>
              <a:round/>
            </a:ln>
            <a:effectLst/>
          </c:spPr>
          <c:marker>
            <c:symbol val="x"/>
            <c:size val="5"/>
            <c:spPr>
              <a:noFill/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Type_1_3_15___._1_thixotropy_rw!$F$2:$F$231</c:f>
              <c:numCache>
                <c:formatCode>General</c:formatCode>
                <c:ptCount val="230"/>
                <c:pt idx="0">
                  <c:v>0.92749416828155495</c:v>
                </c:pt>
                <c:pt idx="1">
                  <c:v>1.92762279510498</c:v>
                </c:pt>
                <c:pt idx="2">
                  <c:v>2.9249918460845898</c:v>
                </c:pt>
                <c:pt idx="3">
                  <c:v>3.9247882366180402</c:v>
                </c:pt>
                <c:pt idx="4">
                  <c:v>4.9249305725097701</c:v>
                </c:pt>
                <c:pt idx="5">
                  <c:v>5.9246292114257804</c:v>
                </c:pt>
                <c:pt idx="6">
                  <c:v>6.9248676300048801</c:v>
                </c:pt>
                <c:pt idx="7">
                  <c:v>7.9274625778198198</c:v>
                </c:pt>
                <c:pt idx="8">
                  <c:v>8.9246387481689506</c:v>
                </c:pt>
                <c:pt idx="9">
                  <c:v>9.9247522354125994</c:v>
                </c:pt>
                <c:pt idx="10">
                  <c:v>10.924975395202599</c:v>
                </c:pt>
                <c:pt idx="11">
                  <c:v>11.9251165390015</c:v>
                </c:pt>
                <c:pt idx="12">
                  <c:v>12.925035476684601</c:v>
                </c:pt>
                <c:pt idx="13">
                  <c:v>13.9250793457031</c:v>
                </c:pt>
                <c:pt idx="14">
                  <c:v>14.925269126892101</c:v>
                </c:pt>
                <c:pt idx="15">
                  <c:v>15.925611495971699</c:v>
                </c:pt>
                <c:pt idx="16">
                  <c:v>16.925256729126001</c:v>
                </c:pt>
                <c:pt idx="17">
                  <c:v>17.9248657226563</c:v>
                </c:pt>
                <c:pt idx="18">
                  <c:v>18.924766540527301</c:v>
                </c:pt>
                <c:pt idx="19">
                  <c:v>19.924472808837901</c:v>
                </c:pt>
                <c:pt idx="20">
                  <c:v>20.924217224121101</c:v>
                </c:pt>
                <c:pt idx="21">
                  <c:v>21.924299240112301</c:v>
                </c:pt>
                <c:pt idx="22">
                  <c:v>22.9238395690918</c:v>
                </c:pt>
                <c:pt idx="23">
                  <c:v>23.924106597900401</c:v>
                </c:pt>
                <c:pt idx="24">
                  <c:v>24.923313140869102</c:v>
                </c:pt>
                <c:pt idx="25">
                  <c:v>25.923233032226602</c:v>
                </c:pt>
                <c:pt idx="26">
                  <c:v>26.922630310058601</c:v>
                </c:pt>
                <c:pt idx="27">
                  <c:v>27.9225158691406</c:v>
                </c:pt>
                <c:pt idx="28">
                  <c:v>28.922531127929702</c:v>
                </c:pt>
                <c:pt idx="29">
                  <c:v>29.922182083129901</c:v>
                </c:pt>
                <c:pt idx="30">
                  <c:v>30.921577453613299</c:v>
                </c:pt>
                <c:pt idx="31">
                  <c:v>31.921236038208001</c:v>
                </c:pt>
                <c:pt idx="32">
                  <c:v>32.9244995117188</c:v>
                </c:pt>
                <c:pt idx="33">
                  <c:v>33.924667358398402</c:v>
                </c:pt>
                <c:pt idx="34">
                  <c:v>34.923782348632798</c:v>
                </c:pt>
                <c:pt idx="35">
                  <c:v>35.923301696777301</c:v>
                </c:pt>
                <c:pt idx="36">
                  <c:v>36.922988891601598</c:v>
                </c:pt>
                <c:pt idx="37">
                  <c:v>37.9230766296387</c:v>
                </c:pt>
                <c:pt idx="38">
                  <c:v>38.922573089599602</c:v>
                </c:pt>
                <c:pt idx="39">
                  <c:v>39.922565460205099</c:v>
                </c:pt>
                <c:pt idx="40">
                  <c:v>40.9217720031738</c:v>
                </c:pt>
                <c:pt idx="41">
                  <c:v>41.922111511230497</c:v>
                </c:pt>
                <c:pt idx="42">
                  <c:v>42.921607971191399</c:v>
                </c:pt>
                <c:pt idx="43">
                  <c:v>43.9217338562012</c:v>
                </c:pt>
                <c:pt idx="44">
                  <c:v>44.921287536621101</c:v>
                </c:pt>
                <c:pt idx="45">
                  <c:v>45.921062469482401</c:v>
                </c:pt>
                <c:pt idx="46">
                  <c:v>46.920360565185497</c:v>
                </c:pt>
                <c:pt idx="47">
                  <c:v>47.920742034912102</c:v>
                </c:pt>
                <c:pt idx="48">
                  <c:v>48.920253753662102</c:v>
                </c:pt>
                <c:pt idx="49">
                  <c:v>49.919960021972699</c:v>
                </c:pt>
                <c:pt idx="50">
                  <c:v>50.919731140136697</c:v>
                </c:pt>
                <c:pt idx="51">
                  <c:v>51.919479370117202</c:v>
                </c:pt>
                <c:pt idx="52">
                  <c:v>52.919498443603501</c:v>
                </c:pt>
                <c:pt idx="53">
                  <c:v>53.919029235839801</c:v>
                </c:pt>
                <c:pt idx="54">
                  <c:v>54.918674468994098</c:v>
                </c:pt>
                <c:pt idx="55">
                  <c:v>55.918365478515597</c:v>
                </c:pt>
                <c:pt idx="56">
                  <c:v>56.918289184570298</c:v>
                </c:pt>
                <c:pt idx="57">
                  <c:v>57.918067932128899</c:v>
                </c:pt>
                <c:pt idx="58">
                  <c:v>58.917896270752003</c:v>
                </c:pt>
                <c:pt idx="59">
                  <c:v>59.917167663574197</c:v>
                </c:pt>
                <c:pt idx="60">
                  <c:v>60.917179107666001</c:v>
                </c:pt>
                <c:pt idx="61">
                  <c:v>61.916862487792997</c:v>
                </c:pt>
                <c:pt idx="62">
                  <c:v>62.916614532470703</c:v>
                </c:pt>
                <c:pt idx="63">
                  <c:v>63.916465759277301</c:v>
                </c:pt>
                <c:pt idx="64">
                  <c:v>64.916053771972699</c:v>
                </c:pt>
                <c:pt idx="65">
                  <c:v>65.916191101074205</c:v>
                </c:pt>
                <c:pt idx="66">
                  <c:v>66.915977478027301</c:v>
                </c:pt>
                <c:pt idx="67">
                  <c:v>67.915245056152301</c:v>
                </c:pt>
                <c:pt idx="68">
                  <c:v>68.915191650390597</c:v>
                </c:pt>
                <c:pt idx="69">
                  <c:v>69.915321350097699</c:v>
                </c:pt>
                <c:pt idx="70">
                  <c:v>70.914634704589801</c:v>
                </c:pt>
                <c:pt idx="71">
                  <c:v>71.914581298828097</c:v>
                </c:pt>
                <c:pt idx="72">
                  <c:v>72.914215087890597</c:v>
                </c:pt>
                <c:pt idx="73">
                  <c:v>73.914215087890597</c:v>
                </c:pt>
                <c:pt idx="74">
                  <c:v>74.913436889648395</c:v>
                </c:pt>
                <c:pt idx="75">
                  <c:v>75.913276672363295</c:v>
                </c:pt>
                <c:pt idx="76">
                  <c:v>76.913070678710895</c:v>
                </c:pt>
                <c:pt idx="77">
                  <c:v>77.913223266601605</c:v>
                </c:pt>
                <c:pt idx="78">
                  <c:v>78.912513732910199</c:v>
                </c:pt>
                <c:pt idx="79">
                  <c:v>79.912673950195298</c:v>
                </c:pt>
                <c:pt idx="80">
                  <c:v>80.912315368652301</c:v>
                </c:pt>
                <c:pt idx="81">
                  <c:v>81.912063598632798</c:v>
                </c:pt>
                <c:pt idx="82">
                  <c:v>82.911750793457003</c:v>
                </c:pt>
                <c:pt idx="83">
                  <c:v>83.9107666015625</c:v>
                </c:pt>
                <c:pt idx="84">
                  <c:v>84.910575866699205</c:v>
                </c:pt>
                <c:pt idx="85">
                  <c:v>85.910758972167997</c:v>
                </c:pt>
                <c:pt idx="86">
                  <c:v>86.911361694335895</c:v>
                </c:pt>
                <c:pt idx="87">
                  <c:v>87.910194396972699</c:v>
                </c:pt>
                <c:pt idx="88">
                  <c:v>88.910026550292997</c:v>
                </c:pt>
                <c:pt idx="89">
                  <c:v>89.910385131835895</c:v>
                </c:pt>
                <c:pt idx="90">
                  <c:v>90.9102783203125</c:v>
                </c:pt>
                <c:pt idx="91">
                  <c:v>91.909423828125</c:v>
                </c:pt>
                <c:pt idx="92">
                  <c:v>92.909339904785199</c:v>
                </c:pt>
                <c:pt idx="93">
                  <c:v>93.909027099609403</c:v>
                </c:pt>
                <c:pt idx="94">
                  <c:v>94.909507751464801</c:v>
                </c:pt>
                <c:pt idx="95">
                  <c:v>95.906730651855497</c:v>
                </c:pt>
                <c:pt idx="96">
                  <c:v>96.909759521484403</c:v>
                </c:pt>
                <c:pt idx="97">
                  <c:v>97.908027648925795</c:v>
                </c:pt>
                <c:pt idx="98">
                  <c:v>98.908370971679702</c:v>
                </c:pt>
                <c:pt idx="99">
                  <c:v>99.907455444335895</c:v>
                </c:pt>
                <c:pt idx="100">
                  <c:v>100.00090789794901</c:v>
                </c:pt>
                <c:pt idx="101">
                  <c:v>99.999618530273395</c:v>
                </c:pt>
                <c:pt idx="102">
                  <c:v>99.999092102050795</c:v>
                </c:pt>
                <c:pt idx="103">
                  <c:v>99.999359130859403</c:v>
                </c:pt>
                <c:pt idx="104">
                  <c:v>100.000564575195</c:v>
                </c:pt>
                <c:pt idx="105">
                  <c:v>99.999870300292997</c:v>
                </c:pt>
                <c:pt idx="106">
                  <c:v>99.999984741210895</c:v>
                </c:pt>
                <c:pt idx="107">
                  <c:v>99.999336242675795</c:v>
                </c:pt>
                <c:pt idx="108">
                  <c:v>100.00006103515599</c:v>
                </c:pt>
                <c:pt idx="109">
                  <c:v>100.000526428223</c:v>
                </c:pt>
                <c:pt idx="110">
                  <c:v>100.000198364258</c:v>
                </c:pt>
                <c:pt idx="111">
                  <c:v>99.999992370605497</c:v>
                </c:pt>
                <c:pt idx="112">
                  <c:v>99.998985290527301</c:v>
                </c:pt>
                <c:pt idx="113">
                  <c:v>99.999588012695298</c:v>
                </c:pt>
                <c:pt idx="114">
                  <c:v>100.00065612793</c:v>
                </c:pt>
                <c:pt idx="115">
                  <c:v>100.000701904297</c:v>
                </c:pt>
                <c:pt idx="116">
                  <c:v>99.999900817871094</c:v>
                </c:pt>
                <c:pt idx="117">
                  <c:v>100.000350952148</c:v>
                </c:pt>
                <c:pt idx="118">
                  <c:v>99.999557495117202</c:v>
                </c:pt>
                <c:pt idx="119">
                  <c:v>99.999427795410199</c:v>
                </c:pt>
                <c:pt idx="120">
                  <c:v>100.000160217285</c:v>
                </c:pt>
                <c:pt idx="121">
                  <c:v>100.00018310546901</c:v>
                </c:pt>
                <c:pt idx="122">
                  <c:v>100.003089904785</c:v>
                </c:pt>
                <c:pt idx="123">
                  <c:v>100.00001525878901</c:v>
                </c:pt>
                <c:pt idx="124">
                  <c:v>99.999984741210895</c:v>
                </c:pt>
                <c:pt idx="125">
                  <c:v>100.001174926758</c:v>
                </c:pt>
                <c:pt idx="126">
                  <c:v>99.999938964843807</c:v>
                </c:pt>
                <c:pt idx="127">
                  <c:v>99.999855041503906</c:v>
                </c:pt>
                <c:pt idx="128">
                  <c:v>99.999900817871094</c:v>
                </c:pt>
                <c:pt idx="129">
                  <c:v>100.00051116943401</c:v>
                </c:pt>
                <c:pt idx="130">
                  <c:v>99.073875427246094</c:v>
                </c:pt>
                <c:pt idx="131">
                  <c:v>98.074424743652301</c:v>
                </c:pt>
                <c:pt idx="132">
                  <c:v>97.074905395507798</c:v>
                </c:pt>
                <c:pt idx="133">
                  <c:v>96.072319030761705</c:v>
                </c:pt>
                <c:pt idx="134">
                  <c:v>95.074562072753906</c:v>
                </c:pt>
                <c:pt idx="135">
                  <c:v>94.075408935546903</c:v>
                </c:pt>
                <c:pt idx="136">
                  <c:v>93.075653076171903</c:v>
                </c:pt>
                <c:pt idx="137">
                  <c:v>92.076065063476605</c:v>
                </c:pt>
                <c:pt idx="138">
                  <c:v>91.072883605957003</c:v>
                </c:pt>
                <c:pt idx="139">
                  <c:v>90.076408386230497</c:v>
                </c:pt>
                <c:pt idx="140">
                  <c:v>89.076416015625</c:v>
                </c:pt>
                <c:pt idx="141">
                  <c:v>88.076530456542997</c:v>
                </c:pt>
                <c:pt idx="142">
                  <c:v>87.076828002929702</c:v>
                </c:pt>
                <c:pt idx="143">
                  <c:v>86.077667236328097</c:v>
                </c:pt>
                <c:pt idx="144">
                  <c:v>85.077255249023395</c:v>
                </c:pt>
                <c:pt idx="145">
                  <c:v>84.077568054199205</c:v>
                </c:pt>
                <c:pt idx="146">
                  <c:v>83.078041076660199</c:v>
                </c:pt>
                <c:pt idx="147">
                  <c:v>82.078697204589801</c:v>
                </c:pt>
                <c:pt idx="148">
                  <c:v>81.077980041503906</c:v>
                </c:pt>
                <c:pt idx="149">
                  <c:v>80.078514099121094</c:v>
                </c:pt>
                <c:pt idx="150">
                  <c:v>79.078231811523395</c:v>
                </c:pt>
                <c:pt idx="151">
                  <c:v>78.078971862792997</c:v>
                </c:pt>
                <c:pt idx="152">
                  <c:v>77.079521179199205</c:v>
                </c:pt>
                <c:pt idx="153">
                  <c:v>76.079551696777301</c:v>
                </c:pt>
                <c:pt idx="154">
                  <c:v>75.079620361328097</c:v>
                </c:pt>
                <c:pt idx="155">
                  <c:v>74.080383300781307</c:v>
                </c:pt>
                <c:pt idx="156">
                  <c:v>73.080291748046903</c:v>
                </c:pt>
                <c:pt idx="157">
                  <c:v>72.080833435058594</c:v>
                </c:pt>
                <c:pt idx="158">
                  <c:v>71.081047058105497</c:v>
                </c:pt>
                <c:pt idx="159">
                  <c:v>70.081237792968807</c:v>
                </c:pt>
                <c:pt idx="160">
                  <c:v>69.081375122070298</c:v>
                </c:pt>
                <c:pt idx="161">
                  <c:v>68.081901550292997</c:v>
                </c:pt>
                <c:pt idx="162">
                  <c:v>67.081703186035199</c:v>
                </c:pt>
                <c:pt idx="163">
                  <c:v>66.08203125</c:v>
                </c:pt>
                <c:pt idx="164">
                  <c:v>65.082160949707003</c:v>
                </c:pt>
                <c:pt idx="165">
                  <c:v>64.079833984375</c:v>
                </c:pt>
                <c:pt idx="166">
                  <c:v>63.080028533935497</c:v>
                </c:pt>
                <c:pt idx="167">
                  <c:v>62.080307006835902</c:v>
                </c:pt>
                <c:pt idx="168">
                  <c:v>61.080516815185497</c:v>
                </c:pt>
                <c:pt idx="169">
                  <c:v>60.080513000488303</c:v>
                </c:pt>
                <c:pt idx="170">
                  <c:v>59.081260681152301</c:v>
                </c:pt>
                <c:pt idx="171">
                  <c:v>58.081329345703097</c:v>
                </c:pt>
                <c:pt idx="172">
                  <c:v>57.081527709960902</c:v>
                </c:pt>
                <c:pt idx="173">
                  <c:v>56.081794738769503</c:v>
                </c:pt>
                <c:pt idx="174">
                  <c:v>55.081817626953097</c:v>
                </c:pt>
                <c:pt idx="175">
                  <c:v>54.082149505615199</c:v>
                </c:pt>
                <c:pt idx="176">
                  <c:v>53.082244873046903</c:v>
                </c:pt>
                <c:pt idx="177">
                  <c:v>52.082588195800803</c:v>
                </c:pt>
                <c:pt idx="178">
                  <c:v>51.083042144775398</c:v>
                </c:pt>
                <c:pt idx="179">
                  <c:v>50.083091735839801</c:v>
                </c:pt>
                <c:pt idx="180">
                  <c:v>49.083194732666001</c:v>
                </c:pt>
                <c:pt idx="181">
                  <c:v>48.083545684814503</c:v>
                </c:pt>
                <c:pt idx="182">
                  <c:v>47.083732604980497</c:v>
                </c:pt>
                <c:pt idx="183">
                  <c:v>46.084129333496101</c:v>
                </c:pt>
                <c:pt idx="184">
                  <c:v>45.0841674804688</c:v>
                </c:pt>
                <c:pt idx="185">
                  <c:v>44.0846138000488</c:v>
                </c:pt>
                <c:pt idx="186">
                  <c:v>43.0848197937012</c:v>
                </c:pt>
                <c:pt idx="187">
                  <c:v>42.085113525390597</c:v>
                </c:pt>
                <c:pt idx="188">
                  <c:v>41.085277557372997</c:v>
                </c:pt>
                <c:pt idx="189">
                  <c:v>40.085617065429702</c:v>
                </c:pt>
                <c:pt idx="190">
                  <c:v>39.085727691650398</c:v>
                </c:pt>
                <c:pt idx="191">
                  <c:v>38.086002349853501</c:v>
                </c:pt>
                <c:pt idx="192">
                  <c:v>37.086360931396499</c:v>
                </c:pt>
                <c:pt idx="193">
                  <c:v>36.0865287780762</c:v>
                </c:pt>
                <c:pt idx="194">
                  <c:v>35.086734771728501</c:v>
                </c:pt>
                <c:pt idx="195">
                  <c:v>34.086917877197301</c:v>
                </c:pt>
                <c:pt idx="196">
                  <c:v>33.087306976318402</c:v>
                </c:pt>
                <c:pt idx="197">
                  <c:v>32.087474822997997</c:v>
                </c:pt>
                <c:pt idx="198">
                  <c:v>31.0878200531006</c:v>
                </c:pt>
                <c:pt idx="199">
                  <c:v>30.0879917144775</c:v>
                </c:pt>
                <c:pt idx="200">
                  <c:v>29.088201522827099</c:v>
                </c:pt>
                <c:pt idx="201">
                  <c:v>28.088436126708999</c:v>
                </c:pt>
                <c:pt idx="202">
                  <c:v>27.088647842407202</c:v>
                </c:pt>
                <c:pt idx="203">
                  <c:v>26.0887966156006</c:v>
                </c:pt>
                <c:pt idx="204">
                  <c:v>25.089197158813501</c:v>
                </c:pt>
                <c:pt idx="205">
                  <c:v>24.0895175933838</c:v>
                </c:pt>
                <c:pt idx="206">
                  <c:v>23.0897731781006</c:v>
                </c:pt>
                <c:pt idx="207">
                  <c:v>22.089849472045898</c:v>
                </c:pt>
                <c:pt idx="208">
                  <c:v>21.0900688171387</c:v>
                </c:pt>
                <c:pt idx="209">
                  <c:v>20.090377807617202</c:v>
                </c:pt>
                <c:pt idx="210">
                  <c:v>19.0903224945068</c:v>
                </c:pt>
                <c:pt idx="211">
                  <c:v>18.0909309387207</c:v>
                </c:pt>
                <c:pt idx="212">
                  <c:v>17.091241836547901</c:v>
                </c:pt>
                <c:pt idx="213">
                  <c:v>16.091352462768601</c:v>
                </c:pt>
                <c:pt idx="214">
                  <c:v>15.091256141662599</c:v>
                </c:pt>
                <c:pt idx="215">
                  <c:v>14.0912427902222</c:v>
                </c:pt>
                <c:pt idx="216">
                  <c:v>13.091035842895501</c:v>
                </c:pt>
                <c:pt idx="217">
                  <c:v>12.0911102294922</c:v>
                </c:pt>
                <c:pt idx="218">
                  <c:v>11.090981483459499</c:v>
                </c:pt>
                <c:pt idx="219">
                  <c:v>10.0908851623535</c:v>
                </c:pt>
                <c:pt idx="220">
                  <c:v>9.0907726287841797</c:v>
                </c:pt>
                <c:pt idx="221">
                  <c:v>8.0906276702880895</c:v>
                </c:pt>
                <c:pt idx="222">
                  <c:v>7.0907926559448198</c:v>
                </c:pt>
                <c:pt idx="223">
                  <c:v>6.0908002853393599</c:v>
                </c:pt>
                <c:pt idx="224">
                  <c:v>5.0908713340759304</c:v>
                </c:pt>
                <c:pt idx="225">
                  <c:v>4.09085941314697</c:v>
                </c:pt>
                <c:pt idx="226">
                  <c:v>3.0908973217010498</c:v>
                </c:pt>
                <c:pt idx="227">
                  <c:v>2.09092020988464</c:v>
                </c:pt>
                <c:pt idx="228">
                  <c:v>1.09087038040161</c:v>
                </c:pt>
                <c:pt idx="229">
                  <c:v>9.1139867901802105E-2</c:v>
                </c:pt>
              </c:numCache>
            </c:numRef>
          </c:xVal>
          <c:yVal>
            <c:numRef>
              <c:f>Type_1_3_15___._1_thixotropy_rw!$G$2:$G$231</c:f>
              <c:numCache>
                <c:formatCode>General</c:formatCode>
                <c:ptCount val="230"/>
                <c:pt idx="0">
                  <c:v>13.6724586486816</c:v>
                </c:pt>
                <c:pt idx="1">
                  <c:v>8.7747373580932599</c:v>
                </c:pt>
                <c:pt idx="2">
                  <c:v>6.5674748420715297</c:v>
                </c:pt>
                <c:pt idx="3">
                  <c:v>5.4338731765747097</c:v>
                </c:pt>
                <c:pt idx="4">
                  <c:v>4.82315921783447</c:v>
                </c:pt>
                <c:pt idx="5">
                  <c:v>4.1905007362365696</c:v>
                </c:pt>
                <c:pt idx="6">
                  <c:v>3.8311645984649698</c:v>
                </c:pt>
                <c:pt idx="7">
                  <c:v>3.4621388912200901</c:v>
                </c:pt>
                <c:pt idx="8">
                  <c:v>3.1860804557800302</c:v>
                </c:pt>
                <c:pt idx="9">
                  <c:v>3.0346984863281299</c:v>
                </c:pt>
                <c:pt idx="10">
                  <c:v>2.85311031341553</c:v>
                </c:pt>
                <c:pt idx="11">
                  <c:v>2.7197649478912398</c:v>
                </c:pt>
                <c:pt idx="12">
                  <c:v>2.6072211265564</c:v>
                </c:pt>
                <c:pt idx="13">
                  <c:v>2.5821959972381601</c:v>
                </c:pt>
                <c:pt idx="14">
                  <c:v>2.5016756057739298</c:v>
                </c:pt>
                <c:pt idx="15">
                  <c:v>2.4657649993896502</c:v>
                </c:pt>
                <c:pt idx="16">
                  <c:v>2.3350782394409202</c:v>
                </c:pt>
                <c:pt idx="17">
                  <c:v>2.2762589454650901</c:v>
                </c:pt>
                <c:pt idx="18">
                  <c:v>2.2296807765960698</c:v>
                </c:pt>
                <c:pt idx="19">
                  <c:v>2.2556581497192401</c:v>
                </c:pt>
                <c:pt idx="20">
                  <c:v>2.2548842430114702</c:v>
                </c:pt>
                <c:pt idx="21">
                  <c:v>2.1184031963348402</c:v>
                </c:pt>
                <c:pt idx="22">
                  <c:v>2.0483374595642099</c:v>
                </c:pt>
                <c:pt idx="23">
                  <c:v>2.03470706939697</c:v>
                </c:pt>
                <c:pt idx="24">
                  <c:v>1.9951947927475</c:v>
                </c:pt>
                <c:pt idx="25">
                  <c:v>1.98299384117126</c:v>
                </c:pt>
                <c:pt idx="26">
                  <c:v>1.9318773746490501</c:v>
                </c:pt>
                <c:pt idx="27">
                  <c:v>1.87720263004303</c:v>
                </c:pt>
                <c:pt idx="28">
                  <c:v>1.8486187458038299</c:v>
                </c:pt>
                <c:pt idx="29">
                  <c:v>1.8145325183868399</c:v>
                </c:pt>
                <c:pt idx="30">
                  <c:v>1.8316941261291499</c:v>
                </c:pt>
                <c:pt idx="31">
                  <c:v>1.77431499958038</c:v>
                </c:pt>
                <c:pt idx="32">
                  <c:v>1.7244615554809599</c:v>
                </c:pt>
                <c:pt idx="33">
                  <c:v>1.70686995983124</c:v>
                </c:pt>
                <c:pt idx="34">
                  <c:v>1.6863882541656501</c:v>
                </c:pt>
                <c:pt idx="35">
                  <c:v>1.64495873451233</c:v>
                </c:pt>
                <c:pt idx="36">
                  <c:v>1.64578998088837</c:v>
                </c:pt>
                <c:pt idx="37">
                  <c:v>1.6264519691467301</c:v>
                </c:pt>
                <c:pt idx="38">
                  <c:v>1.6234118938446001</c:v>
                </c:pt>
                <c:pt idx="39">
                  <c:v>1.58093154430389</c:v>
                </c:pt>
                <c:pt idx="40">
                  <c:v>1.56564652919769</c:v>
                </c:pt>
                <c:pt idx="41">
                  <c:v>1.5592349767684901</c:v>
                </c:pt>
                <c:pt idx="42">
                  <c:v>1.55720007419586</c:v>
                </c:pt>
                <c:pt idx="43">
                  <c:v>1.5467878580093399</c:v>
                </c:pt>
                <c:pt idx="44">
                  <c:v>1.5218315124511701</c:v>
                </c:pt>
                <c:pt idx="45">
                  <c:v>1.5060126781463601</c:v>
                </c:pt>
                <c:pt idx="46">
                  <c:v>1.50469303131104</c:v>
                </c:pt>
                <c:pt idx="47">
                  <c:v>1.58356285095215</c:v>
                </c:pt>
                <c:pt idx="48">
                  <c:v>1.4987604618072501</c:v>
                </c:pt>
                <c:pt idx="49">
                  <c:v>1.50942277908325</c:v>
                </c:pt>
                <c:pt idx="50">
                  <c:v>1.50514805316925</c:v>
                </c:pt>
                <c:pt idx="51">
                  <c:v>1.5086077451705899</c:v>
                </c:pt>
                <c:pt idx="52">
                  <c:v>1.5211861133575399</c:v>
                </c:pt>
                <c:pt idx="53">
                  <c:v>1.5282115936279299</c:v>
                </c:pt>
                <c:pt idx="54">
                  <c:v>1.5409352779388401</c:v>
                </c:pt>
                <c:pt idx="55">
                  <c:v>1.5335077047348</c:v>
                </c:pt>
                <c:pt idx="56">
                  <c:v>1.54827308654785</c:v>
                </c:pt>
                <c:pt idx="57">
                  <c:v>1.5714626312255899</c:v>
                </c:pt>
                <c:pt idx="58">
                  <c:v>1.57614874839783</c:v>
                </c:pt>
                <c:pt idx="59">
                  <c:v>1.58869969844818</c:v>
                </c:pt>
                <c:pt idx="60">
                  <c:v>1.6028256416320801</c:v>
                </c:pt>
                <c:pt idx="61">
                  <c:v>1.6203517913818399</c:v>
                </c:pt>
                <c:pt idx="62">
                  <c:v>1.62982130050659</c:v>
                </c:pt>
                <c:pt idx="63">
                  <c:v>1.64493012428284</c:v>
                </c:pt>
                <c:pt idx="64">
                  <c:v>1.6567574739456199</c:v>
                </c:pt>
                <c:pt idx="65">
                  <c:v>1.6564871072769201</c:v>
                </c:pt>
                <c:pt idx="66">
                  <c:v>1.6692693233489999</c:v>
                </c:pt>
                <c:pt idx="67">
                  <c:v>1.69770336151123</c:v>
                </c:pt>
                <c:pt idx="68">
                  <c:v>1.6793951988220199</c:v>
                </c:pt>
                <c:pt idx="69">
                  <c:v>1.7120263576507599</c:v>
                </c:pt>
                <c:pt idx="70">
                  <c:v>1.71104288101196</c:v>
                </c:pt>
                <c:pt idx="71">
                  <c:v>1.7206386327743499</c:v>
                </c:pt>
                <c:pt idx="72">
                  <c:v>1.7218558788299601</c:v>
                </c:pt>
                <c:pt idx="73">
                  <c:v>1.75114917755127</c:v>
                </c:pt>
                <c:pt idx="74">
                  <c:v>1.7707158327102701</c:v>
                </c:pt>
                <c:pt idx="75">
                  <c:v>1.81301689147949</c:v>
                </c:pt>
                <c:pt idx="76">
                  <c:v>1.81715106964111</c:v>
                </c:pt>
                <c:pt idx="77">
                  <c:v>1.8145655393600499</c:v>
                </c:pt>
                <c:pt idx="78">
                  <c:v>1.8062603473663299</c:v>
                </c:pt>
                <c:pt idx="79">
                  <c:v>1.83201575279236</c:v>
                </c:pt>
                <c:pt idx="80">
                  <c:v>1.82827436923981</c:v>
                </c:pt>
                <c:pt idx="81">
                  <c:v>1.84697294235229</c:v>
                </c:pt>
                <c:pt idx="82">
                  <c:v>1.8591839075088501</c:v>
                </c:pt>
                <c:pt idx="83">
                  <c:v>1.9047542810440099</c:v>
                </c:pt>
                <c:pt idx="84">
                  <c:v>1.8819996118545499</c:v>
                </c:pt>
                <c:pt idx="85">
                  <c:v>1.9016590118408201</c:v>
                </c:pt>
                <c:pt idx="86">
                  <c:v>1.93194115161896</c:v>
                </c:pt>
                <c:pt idx="87">
                  <c:v>1.9333595037460301</c:v>
                </c:pt>
                <c:pt idx="88">
                  <c:v>1.95142161846161</c:v>
                </c:pt>
                <c:pt idx="89">
                  <c:v>1.97755467891693</c:v>
                </c:pt>
                <c:pt idx="90">
                  <c:v>2.0239281654357901</c:v>
                </c:pt>
                <c:pt idx="91">
                  <c:v>2.0021932125091602</c:v>
                </c:pt>
                <c:pt idx="92">
                  <c:v>2.0159478187561</c:v>
                </c:pt>
                <c:pt idx="93">
                  <c:v>2.0315482616424601</c:v>
                </c:pt>
                <c:pt idx="94">
                  <c:v>2.03434133529663</c:v>
                </c:pt>
                <c:pt idx="95">
                  <c:v>2.0774114131927499</c:v>
                </c:pt>
                <c:pt idx="96">
                  <c:v>2.06810522079468</c:v>
                </c:pt>
                <c:pt idx="97">
                  <c:v>2.0685667991638201</c:v>
                </c:pt>
                <c:pt idx="98">
                  <c:v>2.07739210128784</c:v>
                </c:pt>
                <c:pt idx="99">
                  <c:v>2.1104376316070601</c:v>
                </c:pt>
                <c:pt idx="100">
                  <c:v>2.0932693481445299</c:v>
                </c:pt>
                <c:pt idx="101">
                  <c:v>2.11398482322693</c:v>
                </c:pt>
                <c:pt idx="102">
                  <c:v>2.0944843292236301</c:v>
                </c:pt>
                <c:pt idx="103">
                  <c:v>2.1011211872100799</c:v>
                </c:pt>
                <c:pt idx="104">
                  <c:v>2.1133768558502202</c:v>
                </c:pt>
                <c:pt idx="105">
                  <c:v>2.0990657806396502</c:v>
                </c:pt>
                <c:pt idx="106">
                  <c:v>2.1033890247345002</c:v>
                </c:pt>
                <c:pt idx="107">
                  <c:v>2.1246070861816402</c:v>
                </c:pt>
                <c:pt idx="108">
                  <c:v>2.1141281127929701</c:v>
                </c:pt>
                <c:pt idx="109">
                  <c:v>2.1122274398803702</c:v>
                </c:pt>
                <c:pt idx="110">
                  <c:v>2.0798707008361799</c:v>
                </c:pt>
                <c:pt idx="111">
                  <c:v>2.0890750885009801</c:v>
                </c:pt>
                <c:pt idx="112">
                  <c:v>2.0867977142334002</c:v>
                </c:pt>
                <c:pt idx="113">
                  <c:v>2.09447240829468</c:v>
                </c:pt>
                <c:pt idx="114">
                  <c:v>2.09049272537231</c:v>
                </c:pt>
                <c:pt idx="115">
                  <c:v>2.08997654914856</c:v>
                </c:pt>
                <c:pt idx="116">
                  <c:v>2.0875515937805198</c:v>
                </c:pt>
                <c:pt idx="117">
                  <c:v>2.08839058876038</c:v>
                </c:pt>
                <c:pt idx="118">
                  <c:v>2.0913460254669198</c:v>
                </c:pt>
                <c:pt idx="119">
                  <c:v>2.0862691402435298</c:v>
                </c:pt>
                <c:pt idx="120">
                  <c:v>2.0767052173614502</c:v>
                </c:pt>
                <c:pt idx="121">
                  <c:v>2.0946741104125999</c:v>
                </c:pt>
                <c:pt idx="122">
                  <c:v>2.1385974884033199</c:v>
                </c:pt>
                <c:pt idx="123">
                  <c:v>2.0496919155120898</c:v>
                </c:pt>
                <c:pt idx="124">
                  <c:v>2.0318748950958301</c:v>
                </c:pt>
                <c:pt idx="125">
                  <c:v>2.0376734733581499</c:v>
                </c:pt>
                <c:pt idx="126">
                  <c:v>2.0241317749023402</c:v>
                </c:pt>
                <c:pt idx="127">
                  <c:v>2.0329647064209002</c:v>
                </c:pt>
                <c:pt idx="128">
                  <c:v>2.0349292755127002</c:v>
                </c:pt>
                <c:pt idx="129">
                  <c:v>2.0350601673126198</c:v>
                </c:pt>
                <c:pt idx="130">
                  <c:v>2.0174307823181201</c:v>
                </c:pt>
                <c:pt idx="131">
                  <c:v>1.9995321035385101</c:v>
                </c:pt>
                <c:pt idx="132">
                  <c:v>1.98662650585175</c:v>
                </c:pt>
                <c:pt idx="133">
                  <c:v>1.93830502033234</c:v>
                </c:pt>
                <c:pt idx="134">
                  <c:v>1.9449360370636</c:v>
                </c:pt>
                <c:pt idx="135">
                  <c:v>1.9366638660430899</c:v>
                </c:pt>
                <c:pt idx="136">
                  <c:v>1.9052984714508101</c:v>
                </c:pt>
                <c:pt idx="137">
                  <c:v>1.8909637928009</c:v>
                </c:pt>
                <c:pt idx="138">
                  <c:v>1.86954092979431</c:v>
                </c:pt>
                <c:pt idx="139">
                  <c:v>1.8576179742813099</c:v>
                </c:pt>
                <c:pt idx="140">
                  <c:v>1.86193943023682</c:v>
                </c:pt>
                <c:pt idx="141">
                  <c:v>1.84550213813782</c:v>
                </c:pt>
                <c:pt idx="142">
                  <c:v>1.8225569725036601</c:v>
                </c:pt>
                <c:pt idx="143">
                  <c:v>1.8369830846786499</c:v>
                </c:pt>
                <c:pt idx="144">
                  <c:v>1.79398441314697</c:v>
                </c:pt>
                <c:pt idx="145">
                  <c:v>1.7713155746460001</c:v>
                </c:pt>
                <c:pt idx="146">
                  <c:v>1.76324903964996</c:v>
                </c:pt>
                <c:pt idx="147">
                  <c:v>1.78268694877625</c:v>
                </c:pt>
                <c:pt idx="148">
                  <c:v>1.7509337663650499</c:v>
                </c:pt>
                <c:pt idx="149">
                  <c:v>1.7607109546661399</c:v>
                </c:pt>
                <c:pt idx="150">
                  <c:v>1.72428810596466</c:v>
                </c:pt>
                <c:pt idx="151">
                  <c:v>1.69589567184448</c:v>
                </c:pt>
                <c:pt idx="152">
                  <c:v>1.7311205863952599</c:v>
                </c:pt>
                <c:pt idx="153">
                  <c:v>1.6780430078506501</c:v>
                </c:pt>
                <c:pt idx="154">
                  <c:v>1.6726334095001201</c:v>
                </c:pt>
                <c:pt idx="155">
                  <c:v>1.6574954986572299</c:v>
                </c:pt>
                <c:pt idx="156">
                  <c:v>1.617760181427</c:v>
                </c:pt>
                <c:pt idx="157">
                  <c:v>1.6155302524566699</c:v>
                </c:pt>
                <c:pt idx="158">
                  <c:v>1.60623323917389</c:v>
                </c:pt>
                <c:pt idx="159">
                  <c:v>1.5826501846313501</c:v>
                </c:pt>
                <c:pt idx="160">
                  <c:v>1.56307244300842</c:v>
                </c:pt>
                <c:pt idx="161">
                  <c:v>1.55847787857056</c:v>
                </c:pt>
                <c:pt idx="162">
                  <c:v>1.5284732580184901</c:v>
                </c:pt>
                <c:pt idx="163">
                  <c:v>1.5137315988540601</c:v>
                </c:pt>
                <c:pt idx="164">
                  <c:v>1.49177193641663</c:v>
                </c:pt>
                <c:pt idx="165">
                  <c:v>1.48148465156555</c:v>
                </c:pt>
                <c:pt idx="166">
                  <c:v>1.4686906337737999</c:v>
                </c:pt>
                <c:pt idx="167">
                  <c:v>1.43860471248627</c:v>
                </c:pt>
                <c:pt idx="168">
                  <c:v>1.41755867004395</c:v>
                </c:pt>
                <c:pt idx="169">
                  <c:v>1.4111459255218499</c:v>
                </c:pt>
                <c:pt idx="170">
                  <c:v>1.4151194095611599</c:v>
                </c:pt>
                <c:pt idx="171">
                  <c:v>1.37337386608124</c:v>
                </c:pt>
                <c:pt idx="172">
                  <c:v>1.35482430458069</c:v>
                </c:pt>
                <c:pt idx="173">
                  <c:v>1.3360846042633101</c:v>
                </c:pt>
                <c:pt idx="174">
                  <c:v>1.32382547855377</c:v>
                </c:pt>
                <c:pt idx="175">
                  <c:v>1.31389331817627</c:v>
                </c:pt>
                <c:pt idx="176">
                  <c:v>1.3171614408493</c:v>
                </c:pt>
                <c:pt idx="177">
                  <c:v>1.2735954523086499</c:v>
                </c:pt>
                <c:pt idx="178">
                  <c:v>1.2666836977005</c:v>
                </c:pt>
                <c:pt idx="179">
                  <c:v>1.25550377368927</c:v>
                </c:pt>
                <c:pt idx="180">
                  <c:v>1.24532306194305</c:v>
                </c:pt>
                <c:pt idx="181">
                  <c:v>1.24940073490143</c:v>
                </c:pt>
                <c:pt idx="182">
                  <c:v>1.23362696170807</c:v>
                </c:pt>
                <c:pt idx="183">
                  <c:v>1.2193454504013099</c:v>
                </c:pt>
                <c:pt idx="184">
                  <c:v>1.23455262184143</c:v>
                </c:pt>
                <c:pt idx="185">
                  <c:v>1.2430182695388801</c:v>
                </c:pt>
                <c:pt idx="186">
                  <c:v>1.2296452522277801</c:v>
                </c:pt>
                <c:pt idx="187">
                  <c:v>1.2414404153823899</c:v>
                </c:pt>
                <c:pt idx="188">
                  <c:v>1.24107241630554</c:v>
                </c:pt>
                <c:pt idx="189">
                  <c:v>1.25647974014282</c:v>
                </c:pt>
                <c:pt idx="190">
                  <c:v>1.27954602241516</c:v>
                </c:pt>
                <c:pt idx="191">
                  <c:v>1.25036013126373</c:v>
                </c:pt>
                <c:pt idx="192">
                  <c:v>1.25600433349609</c:v>
                </c:pt>
                <c:pt idx="193">
                  <c:v>1.2624374628067001</c:v>
                </c:pt>
                <c:pt idx="194">
                  <c:v>1.2827069759368901</c:v>
                </c:pt>
                <c:pt idx="195">
                  <c:v>1.2938660383224501</c:v>
                </c:pt>
                <c:pt idx="196">
                  <c:v>1.3076308965682999</c:v>
                </c:pt>
                <c:pt idx="197">
                  <c:v>1.33467781543732</c:v>
                </c:pt>
                <c:pt idx="198">
                  <c:v>1.32849586009979</c:v>
                </c:pt>
                <c:pt idx="199">
                  <c:v>1.3655754327773999</c:v>
                </c:pt>
                <c:pt idx="200">
                  <c:v>1.40012359619141</c:v>
                </c:pt>
                <c:pt idx="201">
                  <c:v>1.4163348674774201</c:v>
                </c:pt>
                <c:pt idx="202">
                  <c:v>1.4256942272186299</c:v>
                </c:pt>
                <c:pt idx="203">
                  <c:v>1.45704364776611</c:v>
                </c:pt>
                <c:pt idx="204">
                  <c:v>1.48851370811462</c:v>
                </c:pt>
                <c:pt idx="205">
                  <c:v>1.51844465732574</c:v>
                </c:pt>
                <c:pt idx="206">
                  <c:v>1.54617702960968</c:v>
                </c:pt>
                <c:pt idx="207">
                  <c:v>1.5832645893096899</c:v>
                </c:pt>
                <c:pt idx="208">
                  <c:v>1.62330198287964</c:v>
                </c:pt>
                <c:pt idx="209">
                  <c:v>1.6676310300827</c:v>
                </c:pt>
                <c:pt idx="210">
                  <c:v>1.7111283540725699</c:v>
                </c:pt>
                <c:pt idx="211">
                  <c:v>1.74588334560394</c:v>
                </c:pt>
                <c:pt idx="212">
                  <c:v>1.79664814472198</c:v>
                </c:pt>
                <c:pt idx="213">
                  <c:v>1.8287447690963701</c:v>
                </c:pt>
                <c:pt idx="214">
                  <c:v>1.88309991359711</c:v>
                </c:pt>
                <c:pt idx="215">
                  <c:v>1.94127976894379</c:v>
                </c:pt>
                <c:pt idx="216">
                  <c:v>2.0293054580688499</c:v>
                </c:pt>
                <c:pt idx="217">
                  <c:v>2.08469462394714</c:v>
                </c:pt>
                <c:pt idx="218">
                  <c:v>2.1634442806243901</c:v>
                </c:pt>
                <c:pt idx="219">
                  <c:v>2.2614076137542698</c:v>
                </c:pt>
                <c:pt idx="220">
                  <c:v>2.4055640697479199</c:v>
                </c:pt>
                <c:pt idx="221">
                  <c:v>2.5748443603515598</c:v>
                </c:pt>
                <c:pt idx="222">
                  <c:v>2.7889637947082502</c:v>
                </c:pt>
                <c:pt idx="223">
                  <c:v>3.05666851997375</c:v>
                </c:pt>
                <c:pt idx="224">
                  <c:v>3.3901054859161399</c:v>
                </c:pt>
                <c:pt idx="225">
                  <c:v>3.8850781917571999</c:v>
                </c:pt>
                <c:pt idx="226">
                  <c:v>4.5961031913757298</c:v>
                </c:pt>
                <c:pt idx="227">
                  <c:v>5.9079036712646502</c:v>
                </c:pt>
                <c:pt idx="228">
                  <c:v>8.5833005905151403</c:v>
                </c:pt>
                <c:pt idx="229">
                  <c:v>46.7868537902832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78B6-4B80-B218-5F7259AFF4B5}"/>
            </c:ext>
          </c:extLst>
        </c:ser>
        <c:ser>
          <c:idx val="0"/>
          <c:order val="3"/>
          <c:tx>
            <c:v>15% BSS 4-6</c:v>
          </c:tx>
          <c:spPr>
            <a:ln w="25400" cap="rnd">
              <a:noFill/>
              <a:round/>
            </a:ln>
            <a:effectLst/>
          </c:spPr>
          <c:marker>
            <c:symbol val="x"/>
            <c:size val="5"/>
            <c:spPr>
              <a:noFill/>
              <a:ln w="9525">
                <a:solidFill>
                  <a:schemeClr val="bg1">
                    <a:lumMod val="50000"/>
                  </a:schemeClr>
                </a:solidFill>
              </a:ln>
              <a:effectLst/>
            </c:spPr>
          </c:marker>
          <c:xVal>
            <c:numRef>
              <c:f>Type_4_6_15__.3_thixotropy_rwd!$F$2:$F$231</c:f>
              <c:numCache>
                <c:formatCode>General</c:formatCode>
                <c:ptCount val="230"/>
                <c:pt idx="0">
                  <c:v>0.92490166425705</c:v>
                </c:pt>
                <c:pt idx="1">
                  <c:v>1.9249734878539999</c:v>
                </c:pt>
                <c:pt idx="2">
                  <c:v>2.9249579906463601</c:v>
                </c:pt>
                <c:pt idx="3">
                  <c:v>3.9249341487884499</c:v>
                </c:pt>
                <c:pt idx="4">
                  <c:v>4.9277153015136701</c:v>
                </c:pt>
                <c:pt idx="5">
                  <c:v>5.9275593757629403</c:v>
                </c:pt>
                <c:pt idx="6">
                  <c:v>6.9275350570678702</c:v>
                </c:pt>
                <c:pt idx="7">
                  <c:v>7.9274468421936</c:v>
                </c:pt>
                <c:pt idx="8">
                  <c:v>8.9275341033935494</c:v>
                </c:pt>
                <c:pt idx="9">
                  <c:v>9.9247970581054705</c:v>
                </c:pt>
                <c:pt idx="10">
                  <c:v>10.9249048233032</c:v>
                </c:pt>
                <c:pt idx="11">
                  <c:v>11.925035476684601</c:v>
                </c:pt>
                <c:pt idx="12">
                  <c:v>12.9252214431763</c:v>
                </c:pt>
                <c:pt idx="13">
                  <c:v>13.925264358520501</c:v>
                </c:pt>
                <c:pt idx="14">
                  <c:v>14.9253225326538</c:v>
                </c:pt>
                <c:pt idx="15">
                  <c:v>15.9254808425903</c:v>
                </c:pt>
                <c:pt idx="16">
                  <c:v>16.925178527831999</c:v>
                </c:pt>
                <c:pt idx="17">
                  <c:v>17.925102233886701</c:v>
                </c:pt>
                <c:pt idx="18">
                  <c:v>18.924640655517599</c:v>
                </c:pt>
                <c:pt idx="19">
                  <c:v>19.9246425628662</c:v>
                </c:pt>
                <c:pt idx="20">
                  <c:v>20.924415588378899</c:v>
                </c:pt>
                <c:pt idx="21">
                  <c:v>21.9239387512207</c:v>
                </c:pt>
                <c:pt idx="22">
                  <c:v>22.924047470092798</c:v>
                </c:pt>
                <c:pt idx="23">
                  <c:v>23.923545837402301</c:v>
                </c:pt>
                <c:pt idx="24">
                  <c:v>24.9234008789063</c:v>
                </c:pt>
                <c:pt idx="25">
                  <c:v>25.923162460327099</c:v>
                </c:pt>
                <c:pt idx="26">
                  <c:v>26.922792434692401</c:v>
                </c:pt>
                <c:pt idx="27">
                  <c:v>27.9225959777832</c:v>
                </c:pt>
                <c:pt idx="28">
                  <c:v>28.922214508056602</c:v>
                </c:pt>
                <c:pt idx="29">
                  <c:v>29.922056198120099</c:v>
                </c:pt>
                <c:pt idx="30">
                  <c:v>30.9218044281006</c:v>
                </c:pt>
                <c:pt idx="31">
                  <c:v>31.9214973449707</c:v>
                </c:pt>
                <c:pt idx="32">
                  <c:v>32.921337127685497</c:v>
                </c:pt>
                <c:pt idx="33">
                  <c:v>33.920871734619098</c:v>
                </c:pt>
                <c:pt idx="34">
                  <c:v>34.920822143554702</c:v>
                </c:pt>
                <c:pt idx="35">
                  <c:v>35.9205513000488</c:v>
                </c:pt>
                <c:pt idx="36">
                  <c:v>36.920516967773402</c:v>
                </c:pt>
                <c:pt idx="37">
                  <c:v>37.920036315917997</c:v>
                </c:pt>
                <c:pt idx="38">
                  <c:v>38.919979095458999</c:v>
                </c:pt>
                <c:pt idx="39">
                  <c:v>39.919788360595703</c:v>
                </c:pt>
                <c:pt idx="40">
                  <c:v>40.919101715087898</c:v>
                </c:pt>
                <c:pt idx="41">
                  <c:v>41.918907165527301</c:v>
                </c:pt>
                <c:pt idx="42">
                  <c:v>42.921470642089801</c:v>
                </c:pt>
                <c:pt idx="43">
                  <c:v>43.921257019042997</c:v>
                </c:pt>
                <c:pt idx="44">
                  <c:v>44.921134948730497</c:v>
                </c:pt>
                <c:pt idx="45">
                  <c:v>45.921165466308601</c:v>
                </c:pt>
                <c:pt idx="46">
                  <c:v>46.920848846435497</c:v>
                </c:pt>
                <c:pt idx="47">
                  <c:v>47.920719146728501</c:v>
                </c:pt>
                <c:pt idx="48">
                  <c:v>48.920074462890597</c:v>
                </c:pt>
                <c:pt idx="49">
                  <c:v>49.9200630187988</c:v>
                </c:pt>
                <c:pt idx="50">
                  <c:v>50.919628143310497</c:v>
                </c:pt>
                <c:pt idx="51">
                  <c:v>51.919288635253899</c:v>
                </c:pt>
                <c:pt idx="52">
                  <c:v>52.919403076171903</c:v>
                </c:pt>
                <c:pt idx="53">
                  <c:v>53.918754577636697</c:v>
                </c:pt>
                <c:pt idx="54">
                  <c:v>54.919025421142599</c:v>
                </c:pt>
                <c:pt idx="55">
                  <c:v>55.918453216552699</c:v>
                </c:pt>
                <c:pt idx="56">
                  <c:v>56.918289184570298</c:v>
                </c:pt>
                <c:pt idx="57">
                  <c:v>57.917930603027301</c:v>
                </c:pt>
                <c:pt idx="58">
                  <c:v>58.917724609375</c:v>
                </c:pt>
                <c:pt idx="59">
                  <c:v>59.9174194335938</c:v>
                </c:pt>
                <c:pt idx="60">
                  <c:v>60.917213439941399</c:v>
                </c:pt>
                <c:pt idx="61">
                  <c:v>61.917190551757798</c:v>
                </c:pt>
                <c:pt idx="62">
                  <c:v>62.916912078857401</c:v>
                </c:pt>
                <c:pt idx="63">
                  <c:v>63.916664123535199</c:v>
                </c:pt>
                <c:pt idx="64">
                  <c:v>64.916152954101605</c:v>
                </c:pt>
                <c:pt idx="65">
                  <c:v>65.916091918945298</c:v>
                </c:pt>
                <c:pt idx="66">
                  <c:v>66.915420532226605</c:v>
                </c:pt>
                <c:pt idx="67">
                  <c:v>67.915542602539105</c:v>
                </c:pt>
                <c:pt idx="68">
                  <c:v>68.915222167968807</c:v>
                </c:pt>
                <c:pt idx="69">
                  <c:v>69.915000915527301</c:v>
                </c:pt>
                <c:pt idx="70">
                  <c:v>70.914688110351605</c:v>
                </c:pt>
                <c:pt idx="71">
                  <c:v>71.91455078125</c:v>
                </c:pt>
                <c:pt idx="72">
                  <c:v>72.914001464843807</c:v>
                </c:pt>
                <c:pt idx="73">
                  <c:v>73.913948059082003</c:v>
                </c:pt>
                <c:pt idx="74">
                  <c:v>74.913612365722699</c:v>
                </c:pt>
                <c:pt idx="75">
                  <c:v>75.9134521484375</c:v>
                </c:pt>
                <c:pt idx="76">
                  <c:v>76.9134521484375</c:v>
                </c:pt>
                <c:pt idx="77">
                  <c:v>77.912704467773395</c:v>
                </c:pt>
                <c:pt idx="78">
                  <c:v>78.9129638671875</c:v>
                </c:pt>
                <c:pt idx="79">
                  <c:v>79.912139892578097</c:v>
                </c:pt>
                <c:pt idx="80">
                  <c:v>80.913131713867202</c:v>
                </c:pt>
                <c:pt idx="81">
                  <c:v>81.911972045898395</c:v>
                </c:pt>
                <c:pt idx="82">
                  <c:v>82.910858154296903</c:v>
                </c:pt>
                <c:pt idx="83">
                  <c:v>83.911872863769503</c:v>
                </c:pt>
                <c:pt idx="84">
                  <c:v>84.911552429199205</c:v>
                </c:pt>
                <c:pt idx="85">
                  <c:v>85.911476135253906</c:v>
                </c:pt>
                <c:pt idx="86">
                  <c:v>86.910957336425795</c:v>
                </c:pt>
                <c:pt idx="87">
                  <c:v>87.910430908203097</c:v>
                </c:pt>
                <c:pt idx="88">
                  <c:v>88.910232543945298</c:v>
                </c:pt>
                <c:pt idx="89">
                  <c:v>89.909812927246094</c:v>
                </c:pt>
                <c:pt idx="90">
                  <c:v>90.910072326660199</c:v>
                </c:pt>
                <c:pt idx="91">
                  <c:v>91.909835815429702</c:v>
                </c:pt>
                <c:pt idx="92">
                  <c:v>92.909523010253906</c:v>
                </c:pt>
                <c:pt idx="93">
                  <c:v>93.909111022949205</c:v>
                </c:pt>
                <c:pt idx="94">
                  <c:v>94.908714294433594</c:v>
                </c:pt>
                <c:pt idx="95">
                  <c:v>95.908668518066406</c:v>
                </c:pt>
                <c:pt idx="96">
                  <c:v>96.9083251953125</c:v>
                </c:pt>
                <c:pt idx="97">
                  <c:v>97.908462524414105</c:v>
                </c:pt>
                <c:pt idx="98">
                  <c:v>98.906913757324205</c:v>
                </c:pt>
                <c:pt idx="99">
                  <c:v>99.908279418945298</c:v>
                </c:pt>
                <c:pt idx="100">
                  <c:v>100.00079345703099</c:v>
                </c:pt>
                <c:pt idx="101">
                  <c:v>100.00009918212901</c:v>
                </c:pt>
                <c:pt idx="102">
                  <c:v>100.00096130371099</c:v>
                </c:pt>
                <c:pt idx="103">
                  <c:v>100.000198364258</c:v>
                </c:pt>
                <c:pt idx="104">
                  <c:v>99.999122619628906</c:v>
                </c:pt>
                <c:pt idx="105">
                  <c:v>99.999786376953097</c:v>
                </c:pt>
                <c:pt idx="106">
                  <c:v>99.999763488769503</c:v>
                </c:pt>
                <c:pt idx="107">
                  <c:v>100.000610351563</c:v>
                </c:pt>
                <c:pt idx="108">
                  <c:v>100.00025177002</c:v>
                </c:pt>
                <c:pt idx="109">
                  <c:v>99.999862670898395</c:v>
                </c:pt>
                <c:pt idx="110">
                  <c:v>99.999786376953097</c:v>
                </c:pt>
                <c:pt idx="111">
                  <c:v>99.999694824218807</c:v>
                </c:pt>
                <c:pt idx="112">
                  <c:v>100.000053405762</c:v>
                </c:pt>
                <c:pt idx="113">
                  <c:v>100.0009765625</c:v>
                </c:pt>
                <c:pt idx="114">
                  <c:v>100.00009155273401</c:v>
                </c:pt>
                <c:pt idx="115">
                  <c:v>99.999916076660199</c:v>
                </c:pt>
                <c:pt idx="116">
                  <c:v>100.0048828125</c:v>
                </c:pt>
                <c:pt idx="117">
                  <c:v>99.999580383300795</c:v>
                </c:pt>
                <c:pt idx="118">
                  <c:v>100.00046539306599</c:v>
                </c:pt>
                <c:pt idx="119">
                  <c:v>99.999626159667997</c:v>
                </c:pt>
                <c:pt idx="120">
                  <c:v>99.999366760253906</c:v>
                </c:pt>
                <c:pt idx="121">
                  <c:v>100.000205993652</c:v>
                </c:pt>
                <c:pt idx="122">
                  <c:v>99.999176025390597</c:v>
                </c:pt>
                <c:pt idx="123">
                  <c:v>100.000198364258</c:v>
                </c:pt>
                <c:pt idx="124">
                  <c:v>99.999931335449205</c:v>
                </c:pt>
                <c:pt idx="125">
                  <c:v>100.00030517578099</c:v>
                </c:pt>
                <c:pt idx="126">
                  <c:v>100.000358581543</c:v>
                </c:pt>
                <c:pt idx="127">
                  <c:v>100.00001525878901</c:v>
                </c:pt>
                <c:pt idx="128">
                  <c:v>100.000373840332</c:v>
                </c:pt>
                <c:pt idx="129">
                  <c:v>100.000694274902</c:v>
                </c:pt>
                <c:pt idx="130">
                  <c:v>99.076332092285199</c:v>
                </c:pt>
                <c:pt idx="131">
                  <c:v>98.075942993164105</c:v>
                </c:pt>
                <c:pt idx="132">
                  <c:v>97.073463439941406</c:v>
                </c:pt>
                <c:pt idx="133">
                  <c:v>96.073669433593807</c:v>
                </c:pt>
                <c:pt idx="134">
                  <c:v>95.075942993164105</c:v>
                </c:pt>
                <c:pt idx="135">
                  <c:v>94.076652526855497</c:v>
                </c:pt>
                <c:pt idx="136">
                  <c:v>93.077285766601605</c:v>
                </c:pt>
                <c:pt idx="137">
                  <c:v>92.074310302734403</c:v>
                </c:pt>
                <c:pt idx="138">
                  <c:v>91.074356079101605</c:v>
                </c:pt>
                <c:pt idx="139">
                  <c:v>90.077194213867202</c:v>
                </c:pt>
                <c:pt idx="140">
                  <c:v>89.077735900878906</c:v>
                </c:pt>
                <c:pt idx="141">
                  <c:v>88.078407287597699</c:v>
                </c:pt>
                <c:pt idx="142">
                  <c:v>87.075752258300795</c:v>
                </c:pt>
                <c:pt idx="143">
                  <c:v>86.078575134277301</c:v>
                </c:pt>
                <c:pt idx="144">
                  <c:v>85.078987121582003</c:v>
                </c:pt>
                <c:pt idx="145">
                  <c:v>84.078887939453097</c:v>
                </c:pt>
                <c:pt idx="146">
                  <c:v>83.079643249511705</c:v>
                </c:pt>
                <c:pt idx="147">
                  <c:v>82.079765319824205</c:v>
                </c:pt>
                <c:pt idx="148">
                  <c:v>81.079940795898395</c:v>
                </c:pt>
                <c:pt idx="149">
                  <c:v>80.079757690429702</c:v>
                </c:pt>
                <c:pt idx="150">
                  <c:v>79.079940795898395</c:v>
                </c:pt>
                <c:pt idx="151">
                  <c:v>78.081115722656307</c:v>
                </c:pt>
                <c:pt idx="152">
                  <c:v>77.080589294433594</c:v>
                </c:pt>
                <c:pt idx="153">
                  <c:v>76.080879211425795</c:v>
                </c:pt>
                <c:pt idx="154">
                  <c:v>75.081367492675795</c:v>
                </c:pt>
                <c:pt idx="155">
                  <c:v>74.081436157226605</c:v>
                </c:pt>
                <c:pt idx="156">
                  <c:v>73.081611633300795</c:v>
                </c:pt>
                <c:pt idx="157">
                  <c:v>72.081657409667997</c:v>
                </c:pt>
                <c:pt idx="158">
                  <c:v>71.0819091796875</c:v>
                </c:pt>
                <c:pt idx="159">
                  <c:v>70.082183837890597</c:v>
                </c:pt>
                <c:pt idx="160">
                  <c:v>69.082588195800795</c:v>
                </c:pt>
                <c:pt idx="161">
                  <c:v>68.082801818847699</c:v>
                </c:pt>
                <c:pt idx="162">
                  <c:v>67.083648681640597</c:v>
                </c:pt>
                <c:pt idx="163">
                  <c:v>66.0836181640625</c:v>
                </c:pt>
                <c:pt idx="164">
                  <c:v>65.083641052246094</c:v>
                </c:pt>
                <c:pt idx="165">
                  <c:v>64.083915710449205</c:v>
                </c:pt>
                <c:pt idx="166">
                  <c:v>63.084487915039098</c:v>
                </c:pt>
                <c:pt idx="167">
                  <c:v>62.084651947021499</c:v>
                </c:pt>
                <c:pt idx="168">
                  <c:v>61.084293365478501</c:v>
                </c:pt>
                <c:pt idx="169">
                  <c:v>60.084911346435497</c:v>
                </c:pt>
                <c:pt idx="170">
                  <c:v>59.0850830078125</c:v>
                </c:pt>
                <c:pt idx="171">
                  <c:v>58.082363128662102</c:v>
                </c:pt>
                <c:pt idx="172">
                  <c:v>57.085487365722699</c:v>
                </c:pt>
                <c:pt idx="173">
                  <c:v>56.083106994628899</c:v>
                </c:pt>
                <c:pt idx="174">
                  <c:v>55.086395263671903</c:v>
                </c:pt>
                <c:pt idx="175">
                  <c:v>54.083728790283203</c:v>
                </c:pt>
                <c:pt idx="176">
                  <c:v>53.083614349365199</c:v>
                </c:pt>
                <c:pt idx="177">
                  <c:v>52.084163665771499</c:v>
                </c:pt>
                <c:pt idx="178">
                  <c:v>51.084548950195298</c:v>
                </c:pt>
                <c:pt idx="179">
                  <c:v>50.084583282470703</c:v>
                </c:pt>
                <c:pt idx="180">
                  <c:v>49.084930419921903</c:v>
                </c:pt>
                <c:pt idx="181">
                  <c:v>48.084911346435497</c:v>
                </c:pt>
                <c:pt idx="182">
                  <c:v>47.085205078125</c:v>
                </c:pt>
                <c:pt idx="183">
                  <c:v>46.085483551025398</c:v>
                </c:pt>
                <c:pt idx="184">
                  <c:v>45.085880279541001</c:v>
                </c:pt>
                <c:pt idx="185">
                  <c:v>44.085910797119098</c:v>
                </c:pt>
                <c:pt idx="186">
                  <c:v>43.086170196533203</c:v>
                </c:pt>
                <c:pt idx="187">
                  <c:v>42.086174011230497</c:v>
                </c:pt>
                <c:pt idx="188">
                  <c:v>41.086524963378899</c:v>
                </c:pt>
                <c:pt idx="189">
                  <c:v>40.087039947509801</c:v>
                </c:pt>
                <c:pt idx="190">
                  <c:v>39.087200164794901</c:v>
                </c:pt>
                <c:pt idx="191">
                  <c:v>38.087360382080099</c:v>
                </c:pt>
                <c:pt idx="192">
                  <c:v>37.087654113769503</c:v>
                </c:pt>
                <c:pt idx="193">
                  <c:v>36.087821960449197</c:v>
                </c:pt>
                <c:pt idx="194">
                  <c:v>35.088233947753899</c:v>
                </c:pt>
                <c:pt idx="195">
                  <c:v>34.088417053222699</c:v>
                </c:pt>
                <c:pt idx="196">
                  <c:v>33.088653564453097</c:v>
                </c:pt>
                <c:pt idx="197">
                  <c:v>32.089000701904297</c:v>
                </c:pt>
                <c:pt idx="198">
                  <c:v>31.089014053344702</c:v>
                </c:pt>
                <c:pt idx="199">
                  <c:v>30.0893669128418</c:v>
                </c:pt>
                <c:pt idx="200">
                  <c:v>29.089614868164102</c:v>
                </c:pt>
                <c:pt idx="201">
                  <c:v>28.089939117431602</c:v>
                </c:pt>
                <c:pt idx="202">
                  <c:v>27.0899982452393</c:v>
                </c:pt>
                <c:pt idx="203">
                  <c:v>26.090406417846701</c:v>
                </c:pt>
                <c:pt idx="204">
                  <c:v>25.090589523315401</c:v>
                </c:pt>
                <c:pt idx="205">
                  <c:v>24.090774536132798</c:v>
                </c:pt>
                <c:pt idx="206">
                  <c:v>23.091106414794901</c:v>
                </c:pt>
                <c:pt idx="207">
                  <c:v>22.0913181304932</c:v>
                </c:pt>
                <c:pt idx="208">
                  <c:v>21.091569900512699</c:v>
                </c:pt>
                <c:pt idx="209">
                  <c:v>20.0917854309082</c:v>
                </c:pt>
                <c:pt idx="210">
                  <c:v>19.0920524597168</c:v>
                </c:pt>
                <c:pt idx="211">
                  <c:v>18.092250823974599</c:v>
                </c:pt>
                <c:pt idx="212">
                  <c:v>17.092552185058601</c:v>
                </c:pt>
                <c:pt idx="213">
                  <c:v>16.092760086059599</c:v>
                </c:pt>
                <c:pt idx="214">
                  <c:v>15.092730522155801</c:v>
                </c:pt>
                <c:pt idx="215">
                  <c:v>14.0925855636597</c:v>
                </c:pt>
                <c:pt idx="216">
                  <c:v>13.0925645828247</c:v>
                </c:pt>
                <c:pt idx="217">
                  <c:v>12.0925350189209</c:v>
                </c:pt>
                <c:pt idx="218">
                  <c:v>11.092247009277299</c:v>
                </c:pt>
                <c:pt idx="219">
                  <c:v>10.092267990112299</c:v>
                </c:pt>
                <c:pt idx="220">
                  <c:v>9.0921134948730504</c:v>
                </c:pt>
                <c:pt idx="221">
                  <c:v>8.0920581817627006</c:v>
                </c:pt>
                <c:pt idx="222">
                  <c:v>7.0920882225036603</c:v>
                </c:pt>
                <c:pt idx="223">
                  <c:v>6.0920681953430202</c:v>
                </c:pt>
                <c:pt idx="224">
                  <c:v>5.0922055244445801</c:v>
                </c:pt>
                <c:pt idx="225">
                  <c:v>4.0922975540161097</c:v>
                </c:pt>
                <c:pt idx="226">
                  <c:v>3.0922670364379901</c:v>
                </c:pt>
                <c:pt idx="227">
                  <c:v>2.09232497215271</c:v>
                </c:pt>
                <c:pt idx="228">
                  <c:v>1.09236812591553</c:v>
                </c:pt>
                <c:pt idx="229">
                  <c:v>9.2543743550777394E-2</c:v>
                </c:pt>
              </c:numCache>
            </c:numRef>
          </c:xVal>
          <c:yVal>
            <c:numRef>
              <c:f>Type_4_6_15__.3_thixotropy_rwd!$G$2:$G$231</c:f>
              <c:numCache>
                <c:formatCode>General</c:formatCode>
                <c:ptCount val="230"/>
                <c:pt idx="0">
                  <c:v>13.961327552795399</c:v>
                </c:pt>
                <c:pt idx="1">
                  <c:v>7.2527384757995597</c:v>
                </c:pt>
                <c:pt idx="2">
                  <c:v>5.2651333808898899</c:v>
                </c:pt>
                <c:pt idx="3">
                  <c:v>4.2440476417541504</c:v>
                </c:pt>
                <c:pt idx="4">
                  <c:v>3.6420557498931898</c:v>
                </c:pt>
                <c:pt idx="5">
                  <c:v>3.19610595703125</c:v>
                </c:pt>
                <c:pt idx="6">
                  <c:v>2.87780666351318</c:v>
                </c:pt>
                <c:pt idx="7">
                  <c:v>2.6538558006286599</c:v>
                </c:pt>
                <c:pt idx="8">
                  <c:v>2.4384713172912602</c:v>
                </c:pt>
                <c:pt idx="9">
                  <c:v>2.3124139308929399</c:v>
                </c:pt>
                <c:pt idx="10">
                  <c:v>2.1808118820190399</c:v>
                </c:pt>
                <c:pt idx="11">
                  <c:v>2.0933403968811</c:v>
                </c:pt>
                <c:pt idx="12">
                  <c:v>1.9818133115768399</c:v>
                </c:pt>
                <c:pt idx="13">
                  <c:v>1.8842583894729601</c:v>
                </c:pt>
                <c:pt idx="14">
                  <c:v>1.80226814746857</c:v>
                </c:pt>
                <c:pt idx="15">
                  <c:v>1.72725665569305</c:v>
                </c:pt>
                <c:pt idx="16">
                  <c:v>1.6711965799331701</c:v>
                </c:pt>
                <c:pt idx="17">
                  <c:v>1.64321649074554</c:v>
                </c:pt>
                <c:pt idx="18">
                  <c:v>1.58782410621643</c:v>
                </c:pt>
                <c:pt idx="19">
                  <c:v>1.5460892915725699</c:v>
                </c:pt>
                <c:pt idx="20">
                  <c:v>1.48849236965179</c:v>
                </c:pt>
                <c:pt idx="21">
                  <c:v>1.4393990039825399</c:v>
                </c:pt>
                <c:pt idx="22">
                  <c:v>1.4064154624939</c:v>
                </c:pt>
                <c:pt idx="23">
                  <c:v>1.4017469882965099</c:v>
                </c:pt>
                <c:pt idx="24">
                  <c:v>1.3646844625473</c:v>
                </c:pt>
                <c:pt idx="25">
                  <c:v>1.3530008792877199</c:v>
                </c:pt>
                <c:pt idx="26">
                  <c:v>1.3585400581359901</c:v>
                </c:pt>
                <c:pt idx="27">
                  <c:v>1.33316969871521</c:v>
                </c:pt>
                <c:pt idx="28">
                  <c:v>1.34697830677032</c:v>
                </c:pt>
                <c:pt idx="29">
                  <c:v>1.33508336544037</c:v>
                </c:pt>
                <c:pt idx="30">
                  <c:v>1.3120484352111801</c:v>
                </c:pt>
                <c:pt idx="31">
                  <c:v>1.2936027050018299</c:v>
                </c:pt>
                <c:pt idx="32">
                  <c:v>1.29497635364532</c:v>
                </c:pt>
                <c:pt idx="33">
                  <c:v>1.28087902069092</c:v>
                </c:pt>
                <c:pt idx="34">
                  <c:v>1.2976161241531401</c:v>
                </c:pt>
                <c:pt idx="35">
                  <c:v>1.2872232198715201</c:v>
                </c:pt>
                <c:pt idx="36">
                  <c:v>1.2940211296081501</c:v>
                </c:pt>
                <c:pt idx="37">
                  <c:v>1.2908028364181501</c:v>
                </c:pt>
                <c:pt idx="38">
                  <c:v>1.3080514669418299</c:v>
                </c:pt>
                <c:pt idx="39">
                  <c:v>1.29607594013214</c:v>
                </c:pt>
                <c:pt idx="40">
                  <c:v>1.2899653911590601</c:v>
                </c:pt>
                <c:pt idx="41">
                  <c:v>1.3014328479766799</c:v>
                </c:pt>
                <c:pt idx="42">
                  <c:v>1.3112484216690099</c:v>
                </c:pt>
                <c:pt idx="43">
                  <c:v>1.3355399370193499</c:v>
                </c:pt>
                <c:pt idx="44">
                  <c:v>1.3402733802795399</c:v>
                </c:pt>
                <c:pt idx="45">
                  <c:v>1.34063816070557</c:v>
                </c:pt>
                <c:pt idx="46">
                  <c:v>1.3731229305267301</c:v>
                </c:pt>
                <c:pt idx="47">
                  <c:v>1.38096511363983</c:v>
                </c:pt>
                <c:pt idx="48">
                  <c:v>1.40126216411591</c:v>
                </c:pt>
                <c:pt idx="49">
                  <c:v>1.4295282363891599</c:v>
                </c:pt>
                <c:pt idx="50">
                  <c:v>1.43321144580841</c:v>
                </c:pt>
                <c:pt idx="51">
                  <c:v>1.4437490701675399</c:v>
                </c:pt>
                <c:pt idx="52">
                  <c:v>1.46197533607483</c:v>
                </c:pt>
                <c:pt idx="53">
                  <c:v>1.4694730043411299</c:v>
                </c:pt>
                <c:pt idx="54">
                  <c:v>1.4868882894516</c:v>
                </c:pt>
                <c:pt idx="55">
                  <c:v>1.5086580514907799</c:v>
                </c:pt>
                <c:pt idx="56">
                  <c:v>1.53947269916534</c:v>
                </c:pt>
                <c:pt idx="57">
                  <c:v>1.5354648828506501</c:v>
                </c:pt>
                <c:pt idx="58">
                  <c:v>1.5402648448944101</c:v>
                </c:pt>
                <c:pt idx="59">
                  <c:v>1.5549778938293499</c:v>
                </c:pt>
                <c:pt idx="60">
                  <c:v>1.5683821439743</c:v>
                </c:pt>
                <c:pt idx="61">
                  <c:v>1.57759296894073</c:v>
                </c:pt>
                <c:pt idx="62">
                  <c:v>1.58654689788818</c:v>
                </c:pt>
                <c:pt idx="63">
                  <c:v>1.6241158246994001</c:v>
                </c:pt>
                <c:pt idx="64">
                  <c:v>1.58476221561432</c:v>
                </c:pt>
                <c:pt idx="65">
                  <c:v>1.5984524488449099</c:v>
                </c:pt>
                <c:pt idx="66">
                  <c:v>1.62205958366394</c:v>
                </c:pt>
                <c:pt idx="67">
                  <c:v>1.64571952819824</c:v>
                </c:pt>
                <c:pt idx="68">
                  <c:v>1.6726102828979501</c:v>
                </c:pt>
                <c:pt idx="69">
                  <c:v>1.68910264968872</c:v>
                </c:pt>
                <c:pt idx="70">
                  <c:v>1.6913436651229901</c:v>
                </c:pt>
                <c:pt idx="71">
                  <c:v>1.6939939260482799</c:v>
                </c:pt>
                <c:pt idx="72">
                  <c:v>1.698774933815</c:v>
                </c:pt>
                <c:pt idx="73">
                  <c:v>1.70916855335236</c:v>
                </c:pt>
                <c:pt idx="74">
                  <c:v>1.6965236663818399</c:v>
                </c:pt>
                <c:pt idx="75">
                  <c:v>1.59962117671967</c:v>
                </c:pt>
                <c:pt idx="76">
                  <c:v>1.6360459327697801</c:v>
                </c:pt>
                <c:pt idx="77">
                  <c:v>1.66803598403931</c:v>
                </c:pt>
                <c:pt idx="78">
                  <c:v>1.6691545248031601</c:v>
                </c:pt>
                <c:pt idx="79">
                  <c:v>1.6581851243972801</c:v>
                </c:pt>
                <c:pt idx="80">
                  <c:v>1.6777476072311399</c:v>
                </c:pt>
                <c:pt idx="81">
                  <c:v>1.6461166143417401</c:v>
                </c:pt>
                <c:pt idx="82">
                  <c:v>1.6692411899566699</c:v>
                </c:pt>
                <c:pt idx="83">
                  <c:v>1.6598893404007</c:v>
                </c:pt>
                <c:pt idx="84">
                  <c:v>1.6888182163238501</c:v>
                </c:pt>
                <c:pt idx="85">
                  <c:v>1.70790708065033</c:v>
                </c:pt>
                <c:pt idx="86">
                  <c:v>1.68485832214355</c:v>
                </c:pt>
                <c:pt idx="87">
                  <c:v>1.7167316675186199</c:v>
                </c:pt>
                <c:pt idx="88">
                  <c:v>1.71145308017731</c:v>
                </c:pt>
                <c:pt idx="89">
                  <c:v>1.7135639190673799</c:v>
                </c:pt>
                <c:pt idx="90">
                  <c:v>1.7516416311264</c:v>
                </c:pt>
                <c:pt idx="91">
                  <c:v>1.7571450471878101</c:v>
                </c:pt>
                <c:pt idx="92">
                  <c:v>1.7613872289657599</c:v>
                </c:pt>
                <c:pt idx="93">
                  <c:v>1.7838119268417401</c:v>
                </c:pt>
                <c:pt idx="94">
                  <c:v>1.77861428260803</c:v>
                </c:pt>
                <c:pt idx="95">
                  <c:v>1.77576792240143</c:v>
                </c:pt>
                <c:pt idx="96">
                  <c:v>1.7684456110000599</c:v>
                </c:pt>
                <c:pt idx="97">
                  <c:v>1.7831003665924099</c:v>
                </c:pt>
                <c:pt idx="98">
                  <c:v>1.74143958091736</c:v>
                </c:pt>
                <c:pt idx="99">
                  <c:v>1.77719402313232</c:v>
                </c:pt>
                <c:pt idx="100">
                  <c:v>1.7017636299133301</c:v>
                </c:pt>
                <c:pt idx="101">
                  <c:v>1.70483362674713</c:v>
                </c:pt>
                <c:pt idx="102">
                  <c:v>1.7064516544342001</c:v>
                </c:pt>
                <c:pt idx="103">
                  <c:v>1.71927607059479</c:v>
                </c:pt>
                <c:pt idx="104">
                  <c:v>1.7132259607315099</c:v>
                </c:pt>
                <c:pt idx="105">
                  <c:v>1.72194027900696</c:v>
                </c:pt>
                <c:pt idx="106">
                  <c:v>1.72008109092712</c:v>
                </c:pt>
                <c:pt idx="107">
                  <c:v>1.72385358810425</c:v>
                </c:pt>
                <c:pt idx="108">
                  <c:v>1.7103458642959599</c:v>
                </c:pt>
                <c:pt idx="109">
                  <c:v>1.69693148136139</c:v>
                </c:pt>
                <c:pt idx="110">
                  <c:v>1.6975523233413701</c:v>
                </c:pt>
                <c:pt idx="111">
                  <c:v>1.70700919628143</c:v>
                </c:pt>
                <c:pt idx="112">
                  <c:v>1.70386230945587</c:v>
                </c:pt>
                <c:pt idx="113">
                  <c:v>1.68544745445251</c:v>
                </c:pt>
                <c:pt idx="114">
                  <c:v>1.6936326026916499</c:v>
                </c:pt>
                <c:pt idx="115">
                  <c:v>1.6931388378143299</c:v>
                </c:pt>
                <c:pt idx="116">
                  <c:v>1.6857258081436199</c:v>
                </c:pt>
                <c:pt idx="117">
                  <c:v>1.65188944339752</c:v>
                </c:pt>
                <c:pt idx="118">
                  <c:v>1.66039967536926</c:v>
                </c:pt>
                <c:pt idx="119">
                  <c:v>1.66319715976715</c:v>
                </c:pt>
                <c:pt idx="120">
                  <c:v>1.6828089952468901</c:v>
                </c:pt>
                <c:pt idx="121">
                  <c:v>1.64202797412872</c:v>
                </c:pt>
                <c:pt idx="122">
                  <c:v>1.6539124250412001</c:v>
                </c:pt>
                <c:pt idx="123">
                  <c:v>1.67841589450836</c:v>
                </c:pt>
                <c:pt idx="124">
                  <c:v>1.69527351856232</c:v>
                </c:pt>
                <c:pt idx="125">
                  <c:v>1.69480180740356</c:v>
                </c:pt>
                <c:pt idx="126">
                  <c:v>1.6802716255187999</c:v>
                </c:pt>
                <c:pt idx="127">
                  <c:v>1.67477583885193</c:v>
                </c:pt>
                <c:pt idx="128">
                  <c:v>1.6854493618011499</c:v>
                </c:pt>
                <c:pt idx="129">
                  <c:v>1.68206715583801</c:v>
                </c:pt>
                <c:pt idx="130">
                  <c:v>1.7023516893386801</c:v>
                </c:pt>
                <c:pt idx="131">
                  <c:v>1.6278495788574201</c:v>
                </c:pt>
                <c:pt idx="132">
                  <c:v>1.64673519134521</c:v>
                </c:pt>
                <c:pt idx="133">
                  <c:v>1.6243201494216899</c:v>
                </c:pt>
                <c:pt idx="134">
                  <c:v>1.6172466278076201</c:v>
                </c:pt>
                <c:pt idx="135">
                  <c:v>1.5977281332016</c:v>
                </c:pt>
                <c:pt idx="136">
                  <c:v>1.5902841091155999</c:v>
                </c:pt>
                <c:pt idx="137">
                  <c:v>1.56545662879944</c:v>
                </c:pt>
                <c:pt idx="138">
                  <c:v>1.5677902698516799</c:v>
                </c:pt>
                <c:pt idx="139">
                  <c:v>1.5666760206222501</c:v>
                </c:pt>
                <c:pt idx="140">
                  <c:v>1.5428330898284901</c:v>
                </c:pt>
                <c:pt idx="141">
                  <c:v>1.53299677371979</c:v>
                </c:pt>
                <c:pt idx="142">
                  <c:v>1.47355568408966</c:v>
                </c:pt>
                <c:pt idx="143">
                  <c:v>1.4566965103149401</c:v>
                </c:pt>
                <c:pt idx="144">
                  <c:v>1.4401149749755899</c:v>
                </c:pt>
                <c:pt idx="145">
                  <c:v>1.44612157344818</c:v>
                </c:pt>
                <c:pt idx="146">
                  <c:v>1.4347352981567401</c:v>
                </c:pt>
                <c:pt idx="147">
                  <c:v>1.43262374401093</c:v>
                </c:pt>
                <c:pt idx="148">
                  <c:v>1.40111744403839</c:v>
                </c:pt>
                <c:pt idx="149">
                  <c:v>1.39572393894196</c:v>
                </c:pt>
                <c:pt idx="150">
                  <c:v>1.3991110324859599</c:v>
                </c:pt>
                <c:pt idx="151">
                  <c:v>1.3801010847091699</c:v>
                </c:pt>
                <c:pt idx="152">
                  <c:v>1.3706852197647099</c:v>
                </c:pt>
                <c:pt idx="153">
                  <c:v>1.37730324268341</c:v>
                </c:pt>
                <c:pt idx="154">
                  <c:v>1.35585796833038</c:v>
                </c:pt>
                <c:pt idx="155">
                  <c:v>1.3475704193115201</c:v>
                </c:pt>
                <c:pt idx="156">
                  <c:v>1.3396904468536399</c:v>
                </c:pt>
                <c:pt idx="157">
                  <c:v>1.32989537715912</c:v>
                </c:pt>
                <c:pt idx="158">
                  <c:v>1.31467509269714</c:v>
                </c:pt>
                <c:pt idx="159">
                  <c:v>1.32899677753448</c:v>
                </c:pt>
                <c:pt idx="160">
                  <c:v>1.30557548999786</c:v>
                </c:pt>
                <c:pt idx="161">
                  <c:v>1.27590131759644</c:v>
                </c:pt>
                <c:pt idx="162">
                  <c:v>1.2414065599441499</c:v>
                </c:pt>
                <c:pt idx="163">
                  <c:v>1.2321478128433201</c:v>
                </c:pt>
                <c:pt idx="164">
                  <c:v>1.22148621082306</c:v>
                </c:pt>
                <c:pt idx="165">
                  <c:v>1.2376321554184</c:v>
                </c:pt>
                <c:pt idx="166">
                  <c:v>1.2242457866668699</c:v>
                </c:pt>
                <c:pt idx="167">
                  <c:v>1.2181822061538701</c:v>
                </c:pt>
                <c:pt idx="168">
                  <c:v>1.2066076993942301</c:v>
                </c:pt>
                <c:pt idx="169">
                  <c:v>1.2023444175720199</c:v>
                </c:pt>
                <c:pt idx="170">
                  <c:v>1.29324018955231</c:v>
                </c:pt>
                <c:pt idx="171">
                  <c:v>1.28237152099609</c:v>
                </c:pt>
                <c:pt idx="172">
                  <c:v>1.26042473316193</c:v>
                </c:pt>
                <c:pt idx="173">
                  <c:v>1.23671174049377</c:v>
                </c:pt>
                <c:pt idx="174">
                  <c:v>1.2168211936950699</c:v>
                </c:pt>
                <c:pt idx="175">
                  <c:v>1.22968137264252</c:v>
                </c:pt>
                <c:pt idx="176">
                  <c:v>1.32828617095947</c:v>
                </c:pt>
                <c:pt idx="177">
                  <c:v>1.28141713142395</c:v>
                </c:pt>
                <c:pt idx="178">
                  <c:v>1.2854093313217201</c:v>
                </c:pt>
                <c:pt idx="179">
                  <c:v>1.2724621295928999</c:v>
                </c:pt>
                <c:pt idx="180">
                  <c:v>1.2363016605377199</c:v>
                </c:pt>
                <c:pt idx="181">
                  <c:v>1.22464179992676</c:v>
                </c:pt>
                <c:pt idx="182">
                  <c:v>1.22830498218536</c:v>
                </c:pt>
                <c:pt idx="183">
                  <c:v>1.1952091455459599</c:v>
                </c:pt>
                <c:pt idx="184">
                  <c:v>1.19292104244232</c:v>
                </c:pt>
                <c:pt idx="185">
                  <c:v>1.2130306959152199</c:v>
                </c:pt>
                <c:pt idx="186">
                  <c:v>1.18603980541229</c:v>
                </c:pt>
                <c:pt idx="187">
                  <c:v>1.1919075250625599</c:v>
                </c:pt>
                <c:pt idx="188">
                  <c:v>1.1917312145233201</c:v>
                </c:pt>
                <c:pt idx="189">
                  <c:v>1.1723655462264999</c:v>
                </c:pt>
                <c:pt idx="190">
                  <c:v>1.15160548686981</c:v>
                </c:pt>
                <c:pt idx="191">
                  <c:v>1.15800893306732</c:v>
                </c:pt>
                <c:pt idx="192">
                  <c:v>1.1635240316391</c:v>
                </c:pt>
                <c:pt idx="193">
                  <c:v>1.1808005571365401</c:v>
                </c:pt>
                <c:pt idx="194">
                  <c:v>1.1854947805404701</c:v>
                </c:pt>
                <c:pt idx="195">
                  <c:v>1.1798342466354399</c:v>
                </c:pt>
                <c:pt idx="196">
                  <c:v>1.18792104721069</c:v>
                </c:pt>
                <c:pt idx="197">
                  <c:v>1.19227278232574</c:v>
                </c:pt>
                <c:pt idx="198">
                  <c:v>1.1918075084686299</c:v>
                </c:pt>
                <c:pt idx="199">
                  <c:v>1.21072006225586</c:v>
                </c:pt>
                <c:pt idx="200">
                  <c:v>1.2182639837264999</c:v>
                </c:pt>
                <c:pt idx="201">
                  <c:v>1.2479454278945901</c:v>
                </c:pt>
                <c:pt idx="202">
                  <c:v>1.24989533424377</c:v>
                </c:pt>
                <c:pt idx="203">
                  <c:v>1.2607122659683201</c:v>
                </c:pt>
                <c:pt idx="204">
                  <c:v>1.28834760189056</c:v>
                </c:pt>
                <c:pt idx="205">
                  <c:v>1.3093794584274301</c:v>
                </c:pt>
                <c:pt idx="206">
                  <c:v>1.33021068572998</c:v>
                </c:pt>
                <c:pt idx="207">
                  <c:v>1.37125897407532</c:v>
                </c:pt>
                <c:pt idx="208">
                  <c:v>1.37831342220306</c:v>
                </c:pt>
                <c:pt idx="209">
                  <c:v>1.38600242137909</c:v>
                </c:pt>
                <c:pt idx="210">
                  <c:v>1.4350243806839</c:v>
                </c:pt>
                <c:pt idx="211">
                  <c:v>1.47936904430389</c:v>
                </c:pt>
                <c:pt idx="212">
                  <c:v>1.52013671398163</c:v>
                </c:pt>
                <c:pt idx="213">
                  <c:v>1.5652327537536601</c:v>
                </c:pt>
                <c:pt idx="214">
                  <c:v>1.62200260162354</c:v>
                </c:pt>
                <c:pt idx="215">
                  <c:v>1.6676698923111</c:v>
                </c:pt>
                <c:pt idx="216">
                  <c:v>1.74643278121948</c:v>
                </c:pt>
                <c:pt idx="217">
                  <c:v>1.82323169708252</c:v>
                </c:pt>
                <c:pt idx="218">
                  <c:v>1.89488506317139</c:v>
                </c:pt>
                <c:pt idx="219">
                  <c:v>2.0278367996215798</c:v>
                </c:pt>
                <c:pt idx="220">
                  <c:v>2.1185953617095898</c:v>
                </c:pt>
                <c:pt idx="221">
                  <c:v>2.2690124511718799</c:v>
                </c:pt>
                <c:pt idx="222">
                  <c:v>2.45586133003235</c:v>
                </c:pt>
                <c:pt idx="223">
                  <c:v>2.6794345378875701</c:v>
                </c:pt>
                <c:pt idx="224">
                  <c:v>2.9682579040527299</c:v>
                </c:pt>
                <c:pt idx="225">
                  <c:v>3.3760604858398402</c:v>
                </c:pt>
                <c:pt idx="226">
                  <c:v>3.96493268013</c:v>
                </c:pt>
                <c:pt idx="227">
                  <c:v>5.0603556632995597</c:v>
                </c:pt>
                <c:pt idx="228">
                  <c:v>7.5151066780090297</c:v>
                </c:pt>
                <c:pt idx="229">
                  <c:v>37.2041816711425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78B6-4B80-B218-5F7259AFF4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imes New Roman" panose="02020603050405020304" pitchFamily="18" charset="0"/>
                    <a:ea typeface="+mn-ea"/>
                    <a:cs typeface="Times New Roman" panose="02020603050405020304" pitchFamily="18" charset="0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/>
                  <a:t>) </a:t>
                </a:r>
              </a:p>
            </c:rich>
          </c:tx>
          <c:layout>
            <c:manualLayout>
              <c:xMode val="edge"/>
              <c:yMode val="edge"/>
              <c:x val="0.4509449423205778"/>
              <c:y val="0.823540982003025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imes New Roman" panose="02020603050405020304" pitchFamily="18" charset="0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ax val="1000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imes New Roman" panose="02020603050405020304" pitchFamily="18" charset="0"/>
                    <a:ea typeface="+mn-ea"/>
                    <a:cs typeface="Times New Roman" panose="02020603050405020304" pitchFamily="18" charset="0"/>
                  </a:defRPr>
                </a:pPr>
                <a:r>
                  <a:rPr lang="en-GB"/>
                  <a:t>Viscosity, </a:t>
                </a:r>
                <a:r>
                  <a:rPr lang="el-GR"/>
                  <a:t>η</a:t>
                </a:r>
                <a:r>
                  <a:rPr lang="en-GB"/>
                  <a:t> (Pas) 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imes New Roman" panose="02020603050405020304" pitchFamily="18" charset="0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21753579999415465"/>
          <c:y val="0.89214255108995089"/>
          <c:w val="0.66963941836713703"/>
          <c:h val="7.8768347922361454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latin typeface="Times New Roman" panose="02020603050405020304" pitchFamily="18" charset="0"/>
          <a:cs typeface="Times New Roman" panose="02020603050405020304" pitchFamily="18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1 %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3"/>
          <c:order val="0"/>
          <c:tx>
            <c:v>1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Type_1_3__1___.2_thixotropy_rwd!$F$2:$F$231</c:f>
              <c:numCache>
                <c:formatCode>General</c:formatCode>
                <c:ptCount val="230"/>
                <c:pt idx="0">
                  <c:v>0.92490476369857799</c:v>
                </c:pt>
                <c:pt idx="1">
                  <c:v>1.92495369911194</c:v>
                </c:pt>
                <c:pt idx="2">
                  <c:v>2.92492651939392</c:v>
                </c:pt>
                <c:pt idx="3">
                  <c:v>3.9249544143676798</c:v>
                </c:pt>
                <c:pt idx="4">
                  <c:v>4.9248962402343803</c:v>
                </c:pt>
                <c:pt idx="5">
                  <c:v>5.9247632026672399</c:v>
                </c:pt>
                <c:pt idx="6">
                  <c:v>6.9247312545776403</c:v>
                </c:pt>
                <c:pt idx="7">
                  <c:v>7.9246501922607404</c:v>
                </c:pt>
                <c:pt idx="8">
                  <c:v>8.9275312423706108</c:v>
                </c:pt>
                <c:pt idx="9">
                  <c:v>9.9276075363159197</c:v>
                </c:pt>
                <c:pt idx="10">
                  <c:v>10.9249410629272</c:v>
                </c:pt>
                <c:pt idx="11">
                  <c:v>11.925031661987299</c:v>
                </c:pt>
                <c:pt idx="12">
                  <c:v>12.925139427185099</c:v>
                </c:pt>
                <c:pt idx="13">
                  <c:v>13.925220489501999</c:v>
                </c:pt>
                <c:pt idx="14">
                  <c:v>14.9253282546997</c:v>
                </c:pt>
                <c:pt idx="15">
                  <c:v>15.9253749847412</c:v>
                </c:pt>
                <c:pt idx="16">
                  <c:v>16.9251918792725</c:v>
                </c:pt>
                <c:pt idx="17">
                  <c:v>17.924968719482401</c:v>
                </c:pt>
                <c:pt idx="18">
                  <c:v>18.924720764160199</c:v>
                </c:pt>
                <c:pt idx="19">
                  <c:v>19.9244995117188</c:v>
                </c:pt>
                <c:pt idx="20">
                  <c:v>20.924221038818398</c:v>
                </c:pt>
                <c:pt idx="21">
                  <c:v>21.924057006835898</c:v>
                </c:pt>
                <c:pt idx="22">
                  <c:v>22.923768997192401</c:v>
                </c:pt>
                <c:pt idx="23">
                  <c:v>23.923446655273398</c:v>
                </c:pt>
                <c:pt idx="24">
                  <c:v>24.923297882080099</c:v>
                </c:pt>
                <c:pt idx="25">
                  <c:v>25.922979354858398</c:v>
                </c:pt>
                <c:pt idx="26">
                  <c:v>26.922700881958001</c:v>
                </c:pt>
                <c:pt idx="27">
                  <c:v>27.925256729126001</c:v>
                </c:pt>
                <c:pt idx="28">
                  <c:v>28.925024032592798</c:v>
                </c:pt>
                <c:pt idx="29">
                  <c:v>29.9247722625732</c:v>
                </c:pt>
                <c:pt idx="30">
                  <c:v>30.924522399902301</c:v>
                </c:pt>
                <c:pt idx="31">
                  <c:v>31.924242019653299</c:v>
                </c:pt>
                <c:pt idx="32">
                  <c:v>32.924041748046903</c:v>
                </c:pt>
                <c:pt idx="33">
                  <c:v>33.923999786377003</c:v>
                </c:pt>
                <c:pt idx="34">
                  <c:v>34.923782348632798</c:v>
                </c:pt>
                <c:pt idx="35">
                  <c:v>35.923305511474602</c:v>
                </c:pt>
                <c:pt idx="36">
                  <c:v>36.922931671142599</c:v>
                </c:pt>
                <c:pt idx="37">
                  <c:v>37.922981262207003</c:v>
                </c:pt>
                <c:pt idx="38">
                  <c:v>38.9224662780762</c:v>
                </c:pt>
                <c:pt idx="39">
                  <c:v>39.92236328125</c:v>
                </c:pt>
                <c:pt idx="40">
                  <c:v>40.922248840332003</c:v>
                </c:pt>
                <c:pt idx="41">
                  <c:v>41.922027587890597</c:v>
                </c:pt>
                <c:pt idx="42">
                  <c:v>42.921482086181598</c:v>
                </c:pt>
                <c:pt idx="43">
                  <c:v>43.921428680419901</c:v>
                </c:pt>
                <c:pt idx="44">
                  <c:v>44.921253204345703</c:v>
                </c:pt>
                <c:pt idx="45">
                  <c:v>45.920761108398402</c:v>
                </c:pt>
                <c:pt idx="46">
                  <c:v>46.9209175109863</c:v>
                </c:pt>
                <c:pt idx="47">
                  <c:v>47.920436859130902</c:v>
                </c:pt>
                <c:pt idx="48">
                  <c:v>48.920234680175803</c:v>
                </c:pt>
                <c:pt idx="49">
                  <c:v>49.920032501220703</c:v>
                </c:pt>
                <c:pt idx="50">
                  <c:v>50.919429779052699</c:v>
                </c:pt>
                <c:pt idx="51">
                  <c:v>51.919548034667997</c:v>
                </c:pt>
                <c:pt idx="52">
                  <c:v>52.919437408447301</c:v>
                </c:pt>
                <c:pt idx="53">
                  <c:v>53.918922424316399</c:v>
                </c:pt>
                <c:pt idx="54">
                  <c:v>54.918903350830099</c:v>
                </c:pt>
                <c:pt idx="55">
                  <c:v>55.9179878234863</c:v>
                </c:pt>
                <c:pt idx="56">
                  <c:v>56.9183540344238</c:v>
                </c:pt>
                <c:pt idx="57">
                  <c:v>57.917762756347699</c:v>
                </c:pt>
                <c:pt idx="58">
                  <c:v>58.917713165283203</c:v>
                </c:pt>
                <c:pt idx="59">
                  <c:v>59.917308807372997</c:v>
                </c:pt>
                <c:pt idx="60">
                  <c:v>60.917457580566399</c:v>
                </c:pt>
                <c:pt idx="61">
                  <c:v>61.916206359863303</c:v>
                </c:pt>
                <c:pt idx="62">
                  <c:v>62.916492462158203</c:v>
                </c:pt>
                <c:pt idx="63">
                  <c:v>63.916671752929702</c:v>
                </c:pt>
                <c:pt idx="64">
                  <c:v>64.916191101074205</c:v>
                </c:pt>
                <c:pt idx="65">
                  <c:v>65.916145324707003</c:v>
                </c:pt>
                <c:pt idx="66">
                  <c:v>66.915863037109403</c:v>
                </c:pt>
                <c:pt idx="67">
                  <c:v>67.915237426757798</c:v>
                </c:pt>
                <c:pt idx="68">
                  <c:v>68.915206909179702</c:v>
                </c:pt>
                <c:pt idx="69">
                  <c:v>69.915122985839801</c:v>
                </c:pt>
                <c:pt idx="70">
                  <c:v>70.914566040039105</c:v>
                </c:pt>
                <c:pt idx="71">
                  <c:v>71.914588928222699</c:v>
                </c:pt>
                <c:pt idx="72">
                  <c:v>72.913955688476605</c:v>
                </c:pt>
                <c:pt idx="73">
                  <c:v>73.914115905761705</c:v>
                </c:pt>
                <c:pt idx="74">
                  <c:v>74.913230895996094</c:v>
                </c:pt>
                <c:pt idx="75">
                  <c:v>75.913322448730497</c:v>
                </c:pt>
                <c:pt idx="76">
                  <c:v>76.912986755371094</c:v>
                </c:pt>
                <c:pt idx="77">
                  <c:v>77.912918090820298</c:v>
                </c:pt>
                <c:pt idx="78">
                  <c:v>78.912956237792997</c:v>
                </c:pt>
                <c:pt idx="79">
                  <c:v>79.912658691406307</c:v>
                </c:pt>
                <c:pt idx="80">
                  <c:v>80.912216186523395</c:v>
                </c:pt>
                <c:pt idx="81">
                  <c:v>81.911819458007798</c:v>
                </c:pt>
                <c:pt idx="82">
                  <c:v>82.91162109375</c:v>
                </c:pt>
                <c:pt idx="83">
                  <c:v>83.911407470703097</c:v>
                </c:pt>
                <c:pt idx="84">
                  <c:v>84.911689758300795</c:v>
                </c:pt>
                <c:pt idx="85">
                  <c:v>85.910484313964801</c:v>
                </c:pt>
                <c:pt idx="86">
                  <c:v>86.910995483398395</c:v>
                </c:pt>
                <c:pt idx="87">
                  <c:v>87.910232543945298</c:v>
                </c:pt>
                <c:pt idx="88">
                  <c:v>88.909797668457003</c:v>
                </c:pt>
                <c:pt idx="89">
                  <c:v>89.909736633300795</c:v>
                </c:pt>
                <c:pt idx="90">
                  <c:v>90.90966796875</c:v>
                </c:pt>
                <c:pt idx="91">
                  <c:v>91.909896850585895</c:v>
                </c:pt>
                <c:pt idx="92">
                  <c:v>92.908714294433594</c:v>
                </c:pt>
                <c:pt idx="93">
                  <c:v>93.908973693847699</c:v>
                </c:pt>
                <c:pt idx="94">
                  <c:v>94.909782409667997</c:v>
                </c:pt>
                <c:pt idx="95">
                  <c:v>95.908737182617202</c:v>
                </c:pt>
                <c:pt idx="96">
                  <c:v>96.909065246582003</c:v>
                </c:pt>
                <c:pt idx="97">
                  <c:v>97.90869140625</c:v>
                </c:pt>
                <c:pt idx="98">
                  <c:v>98.908515930175795</c:v>
                </c:pt>
                <c:pt idx="99">
                  <c:v>99.907569885253906</c:v>
                </c:pt>
                <c:pt idx="100">
                  <c:v>100.000701904297</c:v>
                </c:pt>
                <c:pt idx="101">
                  <c:v>99.999954223632798</c:v>
                </c:pt>
                <c:pt idx="102">
                  <c:v>100.000289916992</c:v>
                </c:pt>
                <c:pt idx="103">
                  <c:v>100.001029968262</c:v>
                </c:pt>
                <c:pt idx="104">
                  <c:v>99.998710632324205</c:v>
                </c:pt>
                <c:pt idx="105">
                  <c:v>100.002403259277</c:v>
                </c:pt>
                <c:pt idx="106">
                  <c:v>99.998847961425795</c:v>
                </c:pt>
                <c:pt idx="107">
                  <c:v>100.000434875488</c:v>
                </c:pt>
                <c:pt idx="108">
                  <c:v>100.00032043457</c:v>
                </c:pt>
                <c:pt idx="109">
                  <c:v>99.999092102050795</c:v>
                </c:pt>
                <c:pt idx="110">
                  <c:v>100.000816345215</c:v>
                </c:pt>
                <c:pt idx="111">
                  <c:v>100.000053405762</c:v>
                </c:pt>
                <c:pt idx="112">
                  <c:v>100.000045776367</c:v>
                </c:pt>
                <c:pt idx="113">
                  <c:v>99.999664306640597</c:v>
                </c:pt>
                <c:pt idx="114">
                  <c:v>99.999923706054702</c:v>
                </c:pt>
                <c:pt idx="115">
                  <c:v>99.998405456542997</c:v>
                </c:pt>
                <c:pt idx="116">
                  <c:v>99.999107360839801</c:v>
                </c:pt>
                <c:pt idx="117">
                  <c:v>100.00099182128901</c:v>
                </c:pt>
                <c:pt idx="118">
                  <c:v>99.999130249023395</c:v>
                </c:pt>
                <c:pt idx="119">
                  <c:v>99.999603271484403</c:v>
                </c:pt>
                <c:pt idx="120">
                  <c:v>99.999259948730497</c:v>
                </c:pt>
                <c:pt idx="121">
                  <c:v>100.00057983398401</c:v>
                </c:pt>
                <c:pt idx="122">
                  <c:v>100.000038146973</c:v>
                </c:pt>
                <c:pt idx="123">
                  <c:v>99.999137878417997</c:v>
                </c:pt>
                <c:pt idx="124">
                  <c:v>99.998809814453097</c:v>
                </c:pt>
                <c:pt idx="125">
                  <c:v>99.999671936035199</c:v>
                </c:pt>
                <c:pt idx="126">
                  <c:v>99.999748229980497</c:v>
                </c:pt>
                <c:pt idx="127">
                  <c:v>99.998954772949205</c:v>
                </c:pt>
                <c:pt idx="128">
                  <c:v>99.999794006347699</c:v>
                </c:pt>
                <c:pt idx="129">
                  <c:v>100.00025177002</c:v>
                </c:pt>
                <c:pt idx="130">
                  <c:v>99.075462341308594</c:v>
                </c:pt>
                <c:pt idx="131">
                  <c:v>98.073127746582003</c:v>
                </c:pt>
                <c:pt idx="132">
                  <c:v>97.073280334472699</c:v>
                </c:pt>
                <c:pt idx="133">
                  <c:v>96.073081970214801</c:v>
                </c:pt>
                <c:pt idx="134">
                  <c:v>95.076454162597699</c:v>
                </c:pt>
                <c:pt idx="135">
                  <c:v>94.076057434082003</c:v>
                </c:pt>
                <c:pt idx="136">
                  <c:v>93.073966979980497</c:v>
                </c:pt>
                <c:pt idx="137">
                  <c:v>92.074821472167997</c:v>
                </c:pt>
                <c:pt idx="138">
                  <c:v>91.074012756347699</c:v>
                </c:pt>
                <c:pt idx="139">
                  <c:v>90.077453613281307</c:v>
                </c:pt>
                <c:pt idx="140">
                  <c:v>89.077644348144503</c:v>
                </c:pt>
                <c:pt idx="141">
                  <c:v>88.075714111328097</c:v>
                </c:pt>
                <c:pt idx="142">
                  <c:v>87.075607299804702</c:v>
                </c:pt>
                <c:pt idx="143">
                  <c:v>86.078849792480497</c:v>
                </c:pt>
                <c:pt idx="144">
                  <c:v>85.079116821289105</c:v>
                </c:pt>
                <c:pt idx="145">
                  <c:v>84.079513549804702</c:v>
                </c:pt>
                <c:pt idx="146">
                  <c:v>83.076484680175795</c:v>
                </c:pt>
                <c:pt idx="147">
                  <c:v>82.079521179199205</c:v>
                </c:pt>
                <c:pt idx="148">
                  <c:v>81.079879760742202</c:v>
                </c:pt>
                <c:pt idx="149">
                  <c:v>80.079765319824205</c:v>
                </c:pt>
                <c:pt idx="150">
                  <c:v>79.079917907714801</c:v>
                </c:pt>
                <c:pt idx="151">
                  <c:v>78.079849243164105</c:v>
                </c:pt>
                <c:pt idx="152">
                  <c:v>77.080718994140597</c:v>
                </c:pt>
                <c:pt idx="153">
                  <c:v>76.081039428710895</c:v>
                </c:pt>
                <c:pt idx="154">
                  <c:v>75.080596923828097</c:v>
                </c:pt>
                <c:pt idx="155">
                  <c:v>74.082122802734403</c:v>
                </c:pt>
                <c:pt idx="156">
                  <c:v>73.082580566406307</c:v>
                </c:pt>
                <c:pt idx="157">
                  <c:v>72.081809997558594</c:v>
                </c:pt>
                <c:pt idx="158">
                  <c:v>71.082603454589801</c:v>
                </c:pt>
                <c:pt idx="159">
                  <c:v>70.079986572265597</c:v>
                </c:pt>
                <c:pt idx="160">
                  <c:v>69.079811096191406</c:v>
                </c:pt>
                <c:pt idx="161">
                  <c:v>68.079826354980497</c:v>
                </c:pt>
                <c:pt idx="162">
                  <c:v>67.080284118652301</c:v>
                </c:pt>
                <c:pt idx="163">
                  <c:v>66.080917358398395</c:v>
                </c:pt>
                <c:pt idx="164">
                  <c:v>65.080612182617202</c:v>
                </c:pt>
                <c:pt idx="165">
                  <c:v>64.081230163574205</c:v>
                </c:pt>
                <c:pt idx="166">
                  <c:v>63.080726623535199</c:v>
                </c:pt>
                <c:pt idx="167">
                  <c:v>62.081470489502003</c:v>
                </c:pt>
                <c:pt idx="168">
                  <c:v>61.081626892089801</c:v>
                </c:pt>
                <c:pt idx="169">
                  <c:v>60.0822944641113</c:v>
                </c:pt>
                <c:pt idx="170">
                  <c:v>59.082592010497997</c:v>
                </c:pt>
                <c:pt idx="171">
                  <c:v>58.082736968994098</c:v>
                </c:pt>
                <c:pt idx="172">
                  <c:v>57.082916259765597</c:v>
                </c:pt>
                <c:pt idx="173">
                  <c:v>56.082954406738303</c:v>
                </c:pt>
                <c:pt idx="174">
                  <c:v>55.083492279052699</c:v>
                </c:pt>
                <c:pt idx="175">
                  <c:v>54.083587646484403</c:v>
                </c:pt>
                <c:pt idx="176">
                  <c:v>53.084133148193402</c:v>
                </c:pt>
                <c:pt idx="177">
                  <c:v>52.0838432312012</c:v>
                </c:pt>
                <c:pt idx="178">
                  <c:v>51.084587097167997</c:v>
                </c:pt>
                <c:pt idx="179">
                  <c:v>50.084674835205099</c:v>
                </c:pt>
                <c:pt idx="180">
                  <c:v>49.084854125976598</c:v>
                </c:pt>
                <c:pt idx="181">
                  <c:v>48.085132598877003</c:v>
                </c:pt>
                <c:pt idx="182">
                  <c:v>47.085361480712898</c:v>
                </c:pt>
                <c:pt idx="183">
                  <c:v>46.0853080749512</c:v>
                </c:pt>
                <c:pt idx="184">
                  <c:v>45.0857124328613</c:v>
                </c:pt>
                <c:pt idx="185">
                  <c:v>44.086132049560497</c:v>
                </c:pt>
                <c:pt idx="186">
                  <c:v>43.086246490478501</c:v>
                </c:pt>
                <c:pt idx="187">
                  <c:v>42.086677551269503</c:v>
                </c:pt>
                <c:pt idx="188">
                  <c:v>41.086849212646499</c:v>
                </c:pt>
                <c:pt idx="189">
                  <c:v>40.087051391601598</c:v>
                </c:pt>
                <c:pt idx="190">
                  <c:v>39.0869750976563</c:v>
                </c:pt>
                <c:pt idx="191">
                  <c:v>38.087615966796903</c:v>
                </c:pt>
                <c:pt idx="192">
                  <c:v>37.087753295898402</c:v>
                </c:pt>
                <c:pt idx="193">
                  <c:v>36.087928771972699</c:v>
                </c:pt>
                <c:pt idx="194">
                  <c:v>35.088214874267599</c:v>
                </c:pt>
                <c:pt idx="195">
                  <c:v>34.088523864746101</c:v>
                </c:pt>
                <c:pt idx="196">
                  <c:v>33.088672637939503</c:v>
                </c:pt>
                <c:pt idx="197">
                  <c:v>32.088981628417997</c:v>
                </c:pt>
                <c:pt idx="198">
                  <c:v>31.0892734527588</c:v>
                </c:pt>
                <c:pt idx="199">
                  <c:v>30.0894660949707</c:v>
                </c:pt>
                <c:pt idx="200">
                  <c:v>29.089698791503899</c:v>
                </c:pt>
                <c:pt idx="201">
                  <c:v>28.0898838043213</c:v>
                </c:pt>
                <c:pt idx="202">
                  <c:v>27.090087890625</c:v>
                </c:pt>
                <c:pt idx="203">
                  <c:v>26.090345382690401</c:v>
                </c:pt>
                <c:pt idx="204">
                  <c:v>25.090591430664102</c:v>
                </c:pt>
                <c:pt idx="205">
                  <c:v>24.0909729003906</c:v>
                </c:pt>
                <c:pt idx="206">
                  <c:v>23.091102600097699</c:v>
                </c:pt>
                <c:pt idx="207">
                  <c:v>22.091363906860401</c:v>
                </c:pt>
                <c:pt idx="208">
                  <c:v>21.091535568237301</c:v>
                </c:pt>
                <c:pt idx="209">
                  <c:v>20.091871261596701</c:v>
                </c:pt>
                <c:pt idx="210">
                  <c:v>19.092016220092798</c:v>
                </c:pt>
                <c:pt idx="211">
                  <c:v>18.0923042297363</c:v>
                </c:pt>
                <c:pt idx="212">
                  <c:v>17.092573165893601</c:v>
                </c:pt>
                <c:pt idx="213">
                  <c:v>16.092802047729499</c:v>
                </c:pt>
                <c:pt idx="214">
                  <c:v>15.092675209045399</c:v>
                </c:pt>
                <c:pt idx="215">
                  <c:v>14.092612266540501</c:v>
                </c:pt>
                <c:pt idx="216">
                  <c:v>13.092521667480501</c:v>
                </c:pt>
                <c:pt idx="217">
                  <c:v>12.0924520492554</c:v>
                </c:pt>
                <c:pt idx="218">
                  <c:v>11.092327117919901</c:v>
                </c:pt>
                <c:pt idx="219">
                  <c:v>10.092267990112299</c:v>
                </c:pt>
                <c:pt idx="220">
                  <c:v>9.0921697616577095</c:v>
                </c:pt>
                <c:pt idx="221">
                  <c:v>8.0920572280883807</c:v>
                </c:pt>
                <c:pt idx="222">
                  <c:v>7.0921053886413601</c:v>
                </c:pt>
                <c:pt idx="223">
                  <c:v>6.0921726226806596</c:v>
                </c:pt>
                <c:pt idx="224">
                  <c:v>5.0922269821167001</c:v>
                </c:pt>
                <c:pt idx="225">
                  <c:v>4.0922865867614702</c:v>
                </c:pt>
                <c:pt idx="226">
                  <c:v>3.0923111438751198</c:v>
                </c:pt>
                <c:pt idx="227">
                  <c:v>2.0922796726226802</c:v>
                </c:pt>
                <c:pt idx="228">
                  <c:v>1.0922648906707799</c:v>
                </c:pt>
                <c:pt idx="229">
                  <c:v>9.2277839779853807E-2</c:v>
                </c:pt>
              </c:numCache>
            </c:numRef>
          </c:xVal>
          <c:yVal>
            <c:numRef>
              <c:f>Type_1_3__1___.2_thixotropy_rwd!$G$2:$G$231</c:f>
              <c:numCache>
                <c:formatCode>General</c:formatCode>
                <c:ptCount val="230"/>
                <c:pt idx="0">
                  <c:v>0.1103186160326</c:v>
                </c:pt>
                <c:pt idx="1">
                  <c:v>4.4920634478330598E-2</c:v>
                </c:pt>
                <c:pt idx="2">
                  <c:v>2.2245656698942198E-2</c:v>
                </c:pt>
                <c:pt idx="3">
                  <c:v>4.5875951647758498E-2</c:v>
                </c:pt>
                <c:pt idx="4">
                  <c:v>4.9450382590293898E-2</c:v>
                </c:pt>
                <c:pt idx="5">
                  <c:v>3.8059674203395802E-2</c:v>
                </c:pt>
                <c:pt idx="6">
                  <c:v>4.5011792331934003E-2</c:v>
                </c:pt>
                <c:pt idx="7">
                  <c:v>3.4855268895626103E-2</c:v>
                </c:pt>
                <c:pt idx="8">
                  <c:v>4.5947231352329303E-2</c:v>
                </c:pt>
                <c:pt idx="9">
                  <c:v>3.4872259944677401E-2</c:v>
                </c:pt>
                <c:pt idx="10">
                  <c:v>5.5301237851381302E-2</c:v>
                </c:pt>
                <c:pt idx="11">
                  <c:v>5.0416078418493299E-2</c:v>
                </c:pt>
                <c:pt idx="12">
                  <c:v>6.4209900796413394E-2</c:v>
                </c:pt>
                <c:pt idx="13">
                  <c:v>7.2402179241180406E-2</c:v>
                </c:pt>
                <c:pt idx="14">
                  <c:v>6.6647782921791104E-2</c:v>
                </c:pt>
                <c:pt idx="15">
                  <c:v>7.0031128823757199E-2</c:v>
                </c:pt>
                <c:pt idx="16">
                  <c:v>6.6846169531345395E-2</c:v>
                </c:pt>
                <c:pt idx="17">
                  <c:v>6.7742161452770205E-2</c:v>
                </c:pt>
                <c:pt idx="18">
                  <c:v>6.9565512239933E-2</c:v>
                </c:pt>
                <c:pt idx="19">
                  <c:v>7.2107292711734799E-2</c:v>
                </c:pt>
                <c:pt idx="20">
                  <c:v>7.4939250946044894E-2</c:v>
                </c:pt>
                <c:pt idx="21">
                  <c:v>8.82252082228661E-2</c:v>
                </c:pt>
                <c:pt idx="22">
                  <c:v>7.8675068914890303E-2</c:v>
                </c:pt>
                <c:pt idx="23">
                  <c:v>9.1405153274536105E-2</c:v>
                </c:pt>
                <c:pt idx="24">
                  <c:v>9.3201093375682803E-2</c:v>
                </c:pt>
                <c:pt idx="25">
                  <c:v>9.6184015274047893E-2</c:v>
                </c:pt>
                <c:pt idx="26">
                  <c:v>0.10006143897771801</c:v>
                </c:pt>
                <c:pt idx="27">
                  <c:v>0.103999800980091</c:v>
                </c:pt>
                <c:pt idx="28">
                  <c:v>0.10918477177619899</c:v>
                </c:pt>
                <c:pt idx="29">
                  <c:v>0.123876675963402</c:v>
                </c:pt>
                <c:pt idx="30">
                  <c:v>0.13451784849166901</c:v>
                </c:pt>
                <c:pt idx="31">
                  <c:v>0.13657201826572399</c:v>
                </c:pt>
                <c:pt idx="32">
                  <c:v>0.15657855570316301</c:v>
                </c:pt>
                <c:pt idx="33">
                  <c:v>0.16780024766922</c:v>
                </c:pt>
                <c:pt idx="34">
                  <c:v>0.176017642021179</c:v>
                </c:pt>
                <c:pt idx="35">
                  <c:v>0.179011955857277</c:v>
                </c:pt>
                <c:pt idx="36">
                  <c:v>0.199123680591583</c:v>
                </c:pt>
                <c:pt idx="37">
                  <c:v>0.19988998770713801</c:v>
                </c:pt>
                <c:pt idx="38">
                  <c:v>0.19991604983806599</c:v>
                </c:pt>
                <c:pt idx="39">
                  <c:v>0.20128756761550901</c:v>
                </c:pt>
                <c:pt idx="40">
                  <c:v>0.20670205354690599</c:v>
                </c:pt>
                <c:pt idx="41">
                  <c:v>0.19897633790969799</c:v>
                </c:pt>
                <c:pt idx="42">
                  <c:v>0.19627833366394001</c:v>
                </c:pt>
                <c:pt idx="43">
                  <c:v>0.19971854984760301</c:v>
                </c:pt>
                <c:pt idx="44">
                  <c:v>0.194249987602234</c:v>
                </c:pt>
                <c:pt idx="45">
                  <c:v>0.20256821811199199</c:v>
                </c:pt>
                <c:pt idx="46">
                  <c:v>0.20252116024494199</c:v>
                </c:pt>
                <c:pt idx="47">
                  <c:v>0.19006153941154499</c:v>
                </c:pt>
                <c:pt idx="48">
                  <c:v>0.19086678326129899</c:v>
                </c:pt>
                <c:pt idx="49">
                  <c:v>0.194446310400963</c:v>
                </c:pt>
                <c:pt idx="50">
                  <c:v>0.185307532548904</c:v>
                </c:pt>
                <c:pt idx="51">
                  <c:v>0.205707833170891</c:v>
                </c:pt>
                <c:pt idx="52">
                  <c:v>0.21225972473621399</c:v>
                </c:pt>
                <c:pt idx="53">
                  <c:v>0.190669044852257</c:v>
                </c:pt>
                <c:pt idx="54">
                  <c:v>0.199269503355026</c:v>
                </c:pt>
                <c:pt idx="55">
                  <c:v>0.19211111962795299</c:v>
                </c:pt>
                <c:pt idx="56">
                  <c:v>0.191636547446251</c:v>
                </c:pt>
                <c:pt idx="57">
                  <c:v>0.20719049870967901</c:v>
                </c:pt>
                <c:pt idx="58">
                  <c:v>0.22958913445472701</c:v>
                </c:pt>
                <c:pt idx="59">
                  <c:v>0.21213826537132299</c:v>
                </c:pt>
                <c:pt idx="60">
                  <c:v>0.20744013786315901</c:v>
                </c:pt>
                <c:pt idx="61">
                  <c:v>0.218929752707481</c:v>
                </c:pt>
                <c:pt idx="62">
                  <c:v>0.20579630136489899</c:v>
                </c:pt>
                <c:pt idx="63">
                  <c:v>0.24175252020359</c:v>
                </c:pt>
                <c:pt idx="64">
                  <c:v>0.24128276109695401</c:v>
                </c:pt>
                <c:pt idx="65">
                  <c:v>0.28452467918396002</c:v>
                </c:pt>
                <c:pt idx="66">
                  <c:v>0.26042056083679199</c:v>
                </c:pt>
                <c:pt idx="67">
                  <c:v>0.26090356707572898</c:v>
                </c:pt>
                <c:pt idx="68">
                  <c:v>0.284158945083618</c:v>
                </c:pt>
                <c:pt idx="69">
                  <c:v>0.27575176954269398</c:v>
                </c:pt>
                <c:pt idx="70">
                  <c:v>0.285514026880264</c:v>
                </c:pt>
                <c:pt idx="71">
                  <c:v>0.26850727200508101</c:v>
                </c:pt>
                <c:pt idx="72">
                  <c:v>0.29499140381812999</c:v>
                </c:pt>
                <c:pt idx="73">
                  <c:v>0.28540062904357899</c:v>
                </c:pt>
                <c:pt idx="74">
                  <c:v>0.28167203068733199</c:v>
                </c:pt>
                <c:pt idx="75">
                  <c:v>0.28547742962837203</c:v>
                </c:pt>
                <c:pt idx="76">
                  <c:v>0.28051090240478499</c:v>
                </c:pt>
                <c:pt idx="77">
                  <c:v>0.29826426506042503</c:v>
                </c:pt>
                <c:pt idx="78">
                  <c:v>0.292094707489014</c:v>
                </c:pt>
                <c:pt idx="79">
                  <c:v>0.292968720197678</c:v>
                </c:pt>
                <c:pt idx="80">
                  <c:v>0.29878053069114702</c:v>
                </c:pt>
                <c:pt idx="81">
                  <c:v>0.290671557188034</c:v>
                </c:pt>
                <c:pt idx="82">
                  <c:v>0.29769453406333901</c:v>
                </c:pt>
                <c:pt idx="83">
                  <c:v>0.31810101866722101</c:v>
                </c:pt>
                <c:pt idx="84">
                  <c:v>0.291097581386566</c:v>
                </c:pt>
                <c:pt idx="85">
                  <c:v>0.29219800233840898</c:v>
                </c:pt>
                <c:pt idx="86">
                  <c:v>0.29027694463729897</c:v>
                </c:pt>
                <c:pt idx="87">
                  <c:v>0.29500770568847701</c:v>
                </c:pt>
                <c:pt idx="88">
                  <c:v>0.287352055311203</c:v>
                </c:pt>
                <c:pt idx="89">
                  <c:v>0.282886892557144</c:v>
                </c:pt>
                <c:pt idx="90">
                  <c:v>0.28843519091606101</c:v>
                </c:pt>
                <c:pt idx="91">
                  <c:v>0.28997966647148099</c:v>
                </c:pt>
                <c:pt idx="92">
                  <c:v>0.29165425896644598</c:v>
                </c:pt>
                <c:pt idx="93">
                  <c:v>0.286904156208038</c:v>
                </c:pt>
                <c:pt idx="94">
                  <c:v>0.28326117992401101</c:v>
                </c:pt>
                <c:pt idx="95">
                  <c:v>0.27567598223686202</c:v>
                </c:pt>
                <c:pt idx="96">
                  <c:v>0.28239378333091703</c:v>
                </c:pt>
                <c:pt idx="97">
                  <c:v>0.270879566669464</c:v>
                </c:pt>
                <c:pt idx="98">
                  <c:v>0.284197807312012</c:v>
                </c:pt>
                <c:pt idx="99">
                  <c:v>0.28404960036277799</c:v>
                </c:pt>
                <c:pt idx="100">
                  <c:v>0.27607333660125699</c:v>
                </c:pt>
                <c:pt idx="101">
                  <c:v>0.264222681522369</c:v>
                </c:pt>
                <c:pt idx="102">
                  <c:v>0.28486374020576499</c:v>
                </c:pt>
                <c:pt idx="103">
                  <c:v>0.27744922041893</c:v>
                </c:pt>
                <c:pt idx="104">
                  <c:v>0.28523021936416598</c:v>
                </c:pt>
                <c:pt idx="105">
                  <c:v>0.284235090017319</c:v>
                </c:pt>
                <c:pt idx="106">
                  <c:v>0.27374914288520802</c:v>
                </c:pt>
                <c:pt idx="107">
                  <c:v>0.27707439661026001</c:v>
                </c:pt>
                <c:pt idx="108">
                  <c:v>0.25566193461418202</c:v>
                </c:pt>
                <c:pt idx="109">
                  <c:v>0.27376279234886203</c:v>
                </c:pt>
                <c:pt idx="110">
                  <c:v>0.280613303184509</c:v>
                </c:pt>
                <c:pt idx="111">
                  <c:v>0.26908206939697299</c:v>
                </c:pt>
                <c:pt idx="112">
                  <c:v>0.275981515645981</c:v>
                </c:pt>
                <c:pt idx="113">
                  <c:v>0.26045274734497098</c:v>
                </c:pt>
                <c:pt idx="114">
                  <c:v>0.27427634596824602</c:v>
                </c:pt>
                <c:pt idx="115">
                  <c:v>0.27977192401885997</c:v>
                </c:pt>
                <c:pt idx="116">
                  <c:v>0.277121782302856</c:v>
                </c:pt>
                <c:pt idx="117">
                  <c:v>0.30110096931457497</c:v>
                </c:pt>
                <c:pt idx="118">
                  <c:v>0.27908775210380599</c:v>
                </c:pt>
                <c:pt idx="119">
                  <c:v>0.27419427037239102</c:v>
                </c:pt>
                <c:pt idx="120">
                  <c:v>0.27510309219360402</c:v>
                </c:pt>
                <c:pt idx="121">
                  <c:v>0.30118826031684898</c:v>
                </c:pt>
                <c:pt idx="122">
                  <c:v>0.27414408326148998</c:v>
                </c:pt>
                <c:pt idx="123">
                  <c:v>0.27694174647331199</c:v>
                </c:pt>
                <c:pt idx="124">
                  <c:v>0.26831457018852201</c:v>
                </c:pt>
                <c:pt idx="125">
                  <c:v>0.28313753008842502</c:v>
                </c:pt>
                <c:pt idx="126">
                  <c:v>0.26852375268936202</c:v>
                </c:pt>
                <c:pt idx="127">
                  <c:v>0.27417993545532199</c:v>
                </c:pt>
                <c:pt idx="128">
                  <c:v>0.284042418003082</c:v>
                </c:pt>
                <c:pt idx="129">
                  <c:v>0.29773104190826399</c:v>
                </c:pt>
                <c:pt idx="130">
                  <c:v>0.28772607445716902</c:v>
                </c:pt>
                <c:pt idx="131">
                  <c:v>0.283648520708084</c:v>
                </c:pt>
                <c:pt idx="132">
                  <c:v>0.28704488277435303</c:v>
                </c:pt>
                <c:pt idx="133">
                  <c:v>0.28278908133506803</c:v>
                </c:pt>
                <c:pt idx="134">
                  <c:v>0.28329873085022</c:v>
                </c:pt>
                <c:pt idx="135">
                  <c:v>0.27496689558029203</c:v>
                </c:pt>
                <c:pt idx="136">
                  <c:v>0.28837332129478499</c:v>
                </c:pt>
                <c:pt idx="137">
                  <c:v>0.28617948293685902</c:v>
                </c:pt>
                <c:pt idx="138">
                  <c:v>0.277845799922943</c:v>
                </c:pt>
                <c:pt idx="139">
                  <c:v>0.28032913804054299</c:v>
                </c:pt>
                <c:pt idx="140">
                  <c:v>0.28793695569038402</c:v>
                </c:pt>
                <c:pt idx="141">
                  <c:v>0.28061664104461698</c:v>
                </c:pt>
                <c:pt idx="142">
                  <c:v>0.28638416528701799</c:v>
                </c:pt>
                <c:pt idx="143">
                  <c:v>0.29290872812271102</c:v>
                </c:pt>
                <c:pt idx="144">
                  <c:v>0.292698293924332</c:v>
                </c:pt>
                <c:pt idx="145">
                  <c:v>0.29955261945724498</c:v>
                </c:pt>
                <c:pt idx="146">
                  <c:v>0.28715172410011303</c:v>
                </c:pt>
                <c:pt idx="147">
                  <c:v>0.29018706083297702</c:v>
                </c:pt>
                <c:pt idx="148">
                  <c:v>0.29150232672691301</c:v>
                </c:pt>
                <c:pt idx="149">
                  <c:v>0.28144371509552002</c:v>
                </c:pt>
                <c:pt idx="150">
                  <c:v>0.27823957800865201</c:v>
                </c:pt>
                <c:pt idx="151">
                  <c:v>0.280477434396744</c:v>
                </c:pt>
                <c:pt idx="152">
                  <c:v>0.28645893931388899</c:v>
                </c:pt>
                <c:pt idx="153">
                  <c:v>0.28776565194129899</c:v>
                </c:pt>
                <c:pt idx="154">
                  <c:v>0.27736848592758201</c:v>
                </c:pt>
                <c:pt idx="155">
                  <c:v>0.280534327030182</c:v>
                </c:pt>
                <c:pt idx="156">
                  <c:v>0.28813225030898998</c:v>
                </c:pt>
                <c:pt idx="157">
                  <c:v>0.27309781312942499</c:v>
                </c:pt>
                <c:pt idx="158">
                  <c:v>0.280830949544907</c:v>
                </c:pt>
                <c:pt idx="159">
                  <c:v>0.27570298314094499</c:v>
                </c:pt>
                <c:pt idx="160">
                  <c:v>0.28107729554176297</c:v>
                </c:pt>
                <c:pt idx="161">
                  <c:v>0.25839155912399298</c:v>
                </c:pt>
                <c:pt idx="162">
                  <c:v>0.27047881484031699</c:v>
                </c:pt>
                <c:pt idx="163">
                  <c:v>0.26463913917541498</c:v>
                </c:pt>
                <c:pt idx="164">
                  <c:v>0.25935590267181402</c:v>
                </c:pt>
                <c:pt idx="165">
                  <c:v>0.24360287189483601</c:v>
                </c:pt>
                <c:pt idx="166">
                  <c:v>0.22700761258602101</c:v>
                </c:pt>
                <c:pt idx="167">
                  <c:v>0.23461239039897899</c:v>
                </c:pt>
                <c:pt idx="168">
                  <c:v>0.22470831871032701</c:v>
                </c:pt>
                <c:pt idx="169">
                  <c:v>0.221150577068329</c:v>
                </c:pt>
                <c:pt idx="170">
                  <c:v>0.22060103714466101</c:v>
                </c:pt>
                <c:pt idx="171">
                  <c:v>0.219551756978035</c:v>
                </c:pt>
                <c:pt idx="172">
                  <c:v>0.215897172689438</c:v>
                </c:pt>
                <c:pt idx="173">
                  <c:v>0.22543096542358401</c:v>
                </c:pt>
                <c:pt idx="174">
                  <c:v>0.22293353080749501</c:v>
                </c:pt>
                <c:pt idx="175">
                  <c:v>0.223279014229774</c:v>
                </c:pt>
                <c:pt idx="176">
                  <c:v>0.21919652819633501</c:v>
                </c:pt>
                <c:pt idx="177">
                  <c:v>0.22886627912521401</c:v>
                </c:pt>
                <c:pt idx="178">
                  <c:v>0.220797374844551</c:v>
                </c:pt>
                <c:pt idx="179">
                  <c:v>0.213836595416069</c:v>
                </c:pt>
                <c:pt idx="180">
                  <c:v>0.22503890097141299</c:v>
                </c:pt>
                <c:pt idx="181">
                  <c:v>0.174818575382233</c:v>
                </c:pt>
                <c:pt idx="182">
                  <c:v>0.18038487434387199</c:v>
                </c:pt>
                <c:pt idx="183">
                  <c:v>0.17535980045795399</c:v>
                </c:pt>
                <c:pt idx="184">
                  <c:v>0.186210006475449</c:v>
                </c:pt>
                <c:pt idx="185">
                  <c:v>0.184964299201965</c:v>
                </c:pt>
                <c:pt idx="186">
                  <c:v>0.19778317213058499</c:v>
                </c:pt>
                <c:pt idx="187">
                  <c:v>0.197475746273994</c:v>
                </c:pt>
                <c:pt idx="188">
                  <c:v>0.19406078755855599</c:v>
                </c:pt>
                <c:pt idx="189">
                  <c:v>0.19559565186500499</c:v>
                </c:pt>
                <c:pt idx="190">
                  <c:v>0.197920963168144</c:v>
                </c:pt>
                <c:pt idx="191">
                  <c:v>0.18437564373016399</c:v>
                </c:pt>
                <c:pt idx="192">
                  <c:v>0.18608760833740201</c:v>
                </c:pt>
                <c:pt idx="193">
                  <c:v>0.189438506960869</c:v>
                </c:pt>
                <c:pt idx="194">
                  <c:v>0.163485482335091</c:v>
                </c:pt>
                <c:pt idx="195">
                  <c:v>0.166816592216492</c:v>
                </c:pt>
                <c:pt idx="196">
                  <c:v>0.14978525042533899</c:v>
                </c:pt>
                <c:pt idx="197">
                  <c:v>0.14974533021450001</c:v>
                </c:pt>
                <c:pt idx="198">
                  <c:v>0.133743315935135</c:v>
                </c:pt>
                <c:pt idx="199">
                  <c:v>0.128667712211609</c:v>
                </c:pt>
                <c:pt idx="200">
                  <c:v>0.110346741974354</c:v>
                </c:pt>
                <c:pt idx="201">
                  <c:v>0.104647904634476</c:v>
                </c:pt>
                <c:pt idx="202">
                  <c:v>9.3152239918708801E-2</c:v>
                </c:pt>
                <c:pt idx="203">
                  <c:v>8.8264815509319305E-2</c:v>
                </c:pt>
                <c:pt idx="204">
                  <c:v>8.2986734807491302E-2</c:v>
                </c:pt>
                <c:pt idx="205">
                  <c:v>7.7463835477828993E-2</c:v>
                </c:pt>
                <c:pt idx="206">
                  <c:v>7.3516093194484697E-2</c:v>
                </c:pt>
                <c:pt idx="207">
                  <c:v>6.9151900708675398E-2</c:v>
                </c:pt>
                <c:pt idx="208">
                  <c:v>6.6523365676403004E-2</c:v>
                </c:pt>
                <c:pt idx="209">
                  <c:v>6.1228245496749899E-2</c:v>
                </c:pt>
                <c:pt idx="210">
                  <c:v>6.11909590661526E-2</c:v>
                </c:pt>
                <c:pt idx="211">
                  <c:v>5.51710203289986E-2</c:v>
                </c:pt>
                <c:pt idx="212">
                  <c:v>4.32574562728405E-2</c:v>
                </c:pt>
                <c:pt idx="213">
                  <c:v>4.4363178312778501E-2</c:v>
                </c:pt>
                <c:pt idx="214">
                  <c:v>4.4308908283710501E-2</c:v>
                </c:pt>
                <c:pt idx="215">
                  <c:v>4.5605380088090897E-2</c:v>
                </c:pt>
                <c:pt idx="216">
                  <c:v>3.4929811954498298E-2</c:v>
                </c:pt>
                <c:pt idx="217">
                  <c:v>3.0190799385309199E-2</c:v>
                </c:pt>
                <c:pt idx="218">
                  <c:v>2.4295387789606999E-2</c:v>
                </c:pt>
                <c:pt idx="219">
                  <c:v>2.1799445152282701E-2</c:v>
                </c:pt>
                <c:pt idx="220">
                  <c:v>1.48025853559375E-2</c:v>
                </c:pt>
                <c:pt idx="221">
                  <c:v>1.6682747751474401E-2</c:v>
                </c:pt>
                <c:pt idx="222">
                  <c:v>3.88905196450651E-3</c:v>
                </c:pt>
                <c:pt idx="223">
                  <c:v>1.01856915280223E-2</c:v>
                </c:pt>
                <c:pt idx="224">
                  <c:v>7.7251420589163899E-4</c:v>
                </c:pt>
                <c:pt idx="225">
                  <c:v>9.4012677436694503E-4</c:v>
                </c:pt>
                <c:pt idx="226">
                  <c:v>3.7967352545820198E-4</c:v>
                </c:pt>
                <c:pt idx="227">
                  <c:v>4.4083846732974096E-3</c:v>
                </c:pt>
                <c:pt idx="228">
                  <c:v>0</c:v>
                </c:pt>
                <c:pt idx="229">
                  <c:v>0.271168947219849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2628-41E5-A408-76A0AEEFB8A5}"/>
            </c:ext>
          </c:extLst>
        </c:ser>
        <c:ser>
          <c:idx val="4"/>
          <c:order val="1"/>
          <c:tx>
            <c:v>1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Type_4_6__1___._2_thixotropy_rw!$F$2:$F$231</c:f>
              <c:numCache>
                <c:formatCode>General</c:formatCode>
                <c:ptCount val="230"/>
                <c:pt idx="0">
                  <c:v>0.92626893520355202</c:v>
                </c:pt>
                <c:pt idx="1">
                  <c:v>1.92630386352539</c:v>
                </c:pt>
                <c:pt idx="2">
                  <c:v>2.9263260364532502</c:v>
                </c:pt>
                <c:pt idx="3">
                  <c:v>3.9263260364532502</c:v>
                </c:pt>
                <c:pt idx="4">
                  <c:v>4.9262723922729501</c:v>
                </c:pt>
                <c:pt idx="5">
                  <c:v>5.9289836883544904</c:v>
                </c:pt>
                <c:pt idx="6">
                  <c:v>6.9289107322692898</c:v>
                </c:pt>
                <c:pt idx="7">
                  <c:v>7.9288258552551296</c:v>
                </c:pt>
                <c:pt idx="8">
                  <c:v>8.9288921356201207</c:v>
                </c:pt>
                <c:pt idx="9">
                  <c:v>9.9262228012084996</c:v>
                </c:pt>
                <c:pt idx="10">
                  <c:v>10.9263353347778</c:v>
                </c:pt>
                <c:pt idx="11">
                  <c:v>11.926438331604</c:v>
                </c:pt>
                <c:pt idx="12">
                  <c:v>12.9265432357788</c:v>
                </c:pt>
                <c:pt idx="13">
                  <c:v>13.9266004562378</c:v>
                </c:pt>
                <c:pt idx="14">
                  <c:v>14.926714897155801</c:v>
                </c:pt>
                <c:pt idx="15">
                  <c:v>15.9267387390137</c:v>
                </c:pt>
                <c:pt idx="16">
                  <c:v>16.926578521728501</c:v>
                </c:pt>
                <c:pt idx="17">
                  <c:v>17.926345825195298</c:v>
                </c:pt>
                <c:pt idx="18">
                  <c:v>18.9261474609375</c:v>
                </c:pt>
                <c:pt idx="19">
                  <c:v>19.925796508789102</c:v>
                </c:pt>
                <c:pt idx="20">
                  <c:v>20.925657272338899</c:v>
                </c:pt>
                <c:pt idx="21">
                  <c:v>21.925378799438501</c:v>
                </c:pt>
                <c:pt idx="22">
                  <c:v>22.925144195556602</c:v>
                </c:pt>
                <c:pt idx="23">
                  <c:v>23.924888610839801</c:v>
                </c:pt>
                <c:pt idx="24">
                  <c:v>24.9246425628662</c:v>
                </c:pt>
                <c:pt idx="25">
                  <c:v>25.924333572387699</c:v>
                </c:pt>
                <c:pt idx="26">
                  <c:v>26.924066543579102</c:v>
                </c:pt>
                <c:pt idx="27">
                  <c:v>27.923885345458999</c:v>
                </c:pt>
                <c:pt idx="28">
                  <c:v>28.923652648925799</c:v>
                </c:pt>
                <c:pt idx="29">
                  <c:v>29.9233798980713</c:v>
                </c:pt>
                <c:pt idx="30">
                  <c:v>30.923093795776399</c:v>
                </c:pt>
                <c:pt idx="31">
                  <c:v>31.922967910766602</c:v>
                </c:pt>
                <c:pt idx="32">
                  <c:v>32.922771453857401</c:v>
                </c:pt>
                <c:pt idx="33">
                  <c:v>33.922534942627003</c:v>
                </c:pt>
                <c:pt idx="34">
                  <c:v>34.9225044250488</c:v>
                </c:pt>
                <c:pt idx="35">
                  <c:v>35.9218559265137</c:v>
                </c:pt>
                <c:pt idx="36">
                  <c:v>36.9217338562012</c:v>
                </c:pt>
                <c:pt idx="37">
                  <c:v>37.921531677246101</c:v>
                </c:pt>
                <c:pt idx="38">
                  <c:v>38.921318054199197</c:v>
                </c:pt>
                <c:pt idx="39">
                  <c:v>39.921298980712898</c:v>
                </c:pt>
                <c:pt idx="40">
                  <c:v>40.920730590820298</c:v>
                </c:pt>
                <c:pt idx="41">
                  <c:v>41.923580169677699</c:v>
                </c:pt>
                <c:pt idx="42">
                  <c:v>42.923274993896499</c:v>
                </c:pt>
                <c:pt idx="43">
                  <c:v>43.922767639160199</c:v>
                </c:pt>
                <c:pt idx="44">
                  <c:v>44.922660827636697</c:v>
                </c:pt>
                <c:pt idx="45">
                  <c:v>45.922172546386697</c:v>
                </c:pt>
                <c:pt idx="46">
                  <c:v>46.921989440917997</c:v>
                </c:pt>
                <c:pt idx="47">
                  <c:v>47.921955108642599</c:v>
                </c:pt>
                <c:pt idx="48">
                  <c:v>48.921459197997997</c:v>
                </c:pt>
                <c:pt idx="49">
                  <c:v>49.921432495117202</c:v>
                </c:pt>
                <c:pt idx="50">
                  <c:v>50.920974731445298</c:v>
                </c:pt>
                <c:pt idx="51">
                  <c:v>51.920944213867202</c:v>
                </c:pt>
                <c:pt idx="52">
                  <c:v>52.9206352233887</c:v>
                </c:pt>
                <c:pt idx="53">
                  <c:v>53.92041015625</c:v>
                </c:pt>
                <c:pt idx="54">
                  <c:v>54.920108795166001</c:v>
                </c:pt>
                <c:pt idx="55">
                  <c:v>55.9198188781738</c:v>
                </c:pt>
                <c:pt idx="56">
                  <c:v>56.919479370117202</c:v>
                </c:pt>
                <c:pt idx="57">
                  <c:v>57.919563293457003</c:v>
                </c:pt>
                <c:pt idx="58">
                  <c:v>58.918827056884801</c:v>
                </c:pt>
                <c:pt idx="59">
                  <c:v>59.9188041687012</c:v>
                </c:pt>
                <c:pt idx="60">
                  <c:v>60.918498992919901</c:v>
                </c:pt>
                <c:pt idx="61">
                  <c:v>61.918636322021499</c:v>
                </c:pt>
                <c:pt idx="62">
                  <c:v>62.917766571044901</c:v>
                </c:pt>
                <c:pt idx="63">
                  <c:v>63.917881011962898</c:v>
                </c:pt>
                <c:pt idx="64">
                  <c:v>64.917785644531307</c:v>
                </c:pt>
                <c:pt idx="65">
                  <c:v>65.917686462402301</c:v>
                </c:pt>
                <c:pt idx="66">
                  <c:v>66.917259216308594</c:v>
                </c:pt>
                <c:pt idx="67">
                  <c:v>67.916755676269503</c:v>
                </c:pt>
                <c:pt idx="68">
                  <c:v>68.916877746582003</c:v>
                </c:pt>
                <c:pt idx="69">
                  <c:v>69.916168212890597</c:v>
                </c:pt>
                <c:pt idx="70">
                  <c:v>70.916961669921903</c:v>
                </c:pt>
                <c:pt idx="71">
                  <c:v>71.915626525878906</c:v>
                </c:pt>
                <c:pt idx="72">
                  <c:v>72.915756225585895</c:v>
                </c:pt>
                <c:pt idx="73">
                  <c:v>73.915847778320298</c:v>
                </c:pt>
                <c:pt idx="74">
                  <c:v>74.914619445800795</c:v>
                </c:pt>
                <c:pt idx="75">
                  <c:v>75.915168762207003</c:v>
                </c:pt>
                <c:pt idx="76">
                  <c:v>76.914871215820298</c:v>
                </c:pt>
                <c:pt idx="77">
                  <c:v>77.914489746093807</c:v>
                </c:pt>
                <c:pt idx="78">
                  <c:v>78.9149169921875</c:v>
                </c:pt>
                <c:pt idx="79">
                  <c:v>79.913276672363295</c:v>
                </c:pt>
                <c:pt idx="80">
                  <c:v>80.913566589355497</c:v>
                </c:pt>
                <c:pt idx="81">
                  <c:v>81.9127197265625</c:v>
                </c:pt>
                <c:pt idx="82">
                  <c:v>82.912857055664105</c:v>
                </c:pt>
                <c:pt idx="83">
                  <c:v>83.912895202636705</c:v>
                </c:pt>
                <c:pt idx="84">
                  <c:v>84.912513732910199</c:v>
                </c:pt>
                <c:pt idx="85">
                  <c:v>85.9114990234375</c:v>
                </c:pt>
                <c:pt idx="86">
                  <c:v>86.913093566894503</c:v>
                </c:pt>
                <c:pt idx="87">
                  <c:v>87.911354064941406</c:v>
                </c:pt>
                <c:pt idx="88">
                  <c:v>88.912826538085895</c:v>
                </c:pt>
                <c:pt idx="89">
                  <c:v>89.9111328125</c:v>
                </c:pt>
                <c:pt idx="90">
                  <c:v>90.911193847656307</c:v>
                </c:pt>
                <c:pt idx="91">
                  <c:v>91.909370422363295</c:v>
                </c:pt>
                <c:pt idx="92">
                  <c:v>92.911392211914105</c:v>
                </c:pt>
                <c:pt idx="93">
                  <c:v>93.912338256835895</c:v>
                </c:pt>
                <c:pt idx="94">
                  <c:v>94.908874511718807</c:v>
                </c:pt>
                <c:pt idx="95">
                  <c:v>95.911018371582003</c:v>
                </c:pt>
                <c:pt idx="96">
                  <c:v>96.908073425292997</c:v>
                </c:pt>
                <c:pt idx="97">
                  <c:v>97.909896850585895</c:v>
                </c:pt>
                <c:pt idx="98">
                  <c:v>98.910110473632798</c:v>
                </c:pt>
                <c:pt idx="99">
                  <c:v>99.907936096191406</c:v>
                </c:pt>
                <c:pt idx="100">
                  <c:v>100.00155639648401</c:v>
                </c:pt>
                <c:pt idx="101">
                  <c:v>100.003860473633</c:v>
                </c:pt>
                <c:pt idx="102">
                  <c:v>100.00033569335901</c:v>
                </c:pt>
                <c:pt idx="103">
                  <c:v>99.997627258300795</c:v>
                </c:pt>
                <c:pt idx="104">
                  <c:v>99.9971923828125</c:v>
                </c:pt>
                <c:pt idx="105">
                  <c:v>99.999099731445298</c:v>
                </c:pt>
                <c:pt idx="106">
                  <c:v>99.998870849609403</c:v>
                </c:pt>
                <c:pt idx="107">
                  <c:v>99.998497009277301</c:v>
                </c:pt>
                <c:pt idx="108">
                  <c:v>99.999320983886705</c:v>
                </c:pt>
                <c:pt idx="109">
                  <c:v>100.00042724609401</c:v>
                </c:pt>
                <c:pt idx="110">
                  <c:v>99.997711181640597</c:v>
                </c:pt>
                <c:pt idx="111">
                  <c:v>99.998611450195298</c:v>
                </c:pt>
                <c:pt idx="112">
                  <c:v>99.999450683593807</c:v>
                </c:pt>
                <c:pt idx="113">
                  <c:v>99.999107360839801</c:v>
                </c:pt>
                <c:pt idx="114">
                  <c:v>99.999603271484403</c:v>
                </c:pt>
                <c:pt idx="115">
                  <c:v>100.000244140625</c:v>
                </c:pt>
                <c:pt idx="116">
                  <c:v>99.999458312988295</c:v>
                </c:pt>
                <c:pt idx="117">
                  <c:v>100.00063323974599</c:v>
                </c:pt>
                <c:pt idx="118">
                  <c:v>100.00057983398401</c:v>
                </c:pt>
                <c:pt idx="119">
                  <c:v>100.00022125244099</c:v>
                </c:pt>
                <c:pt idx="120">
                  <c:v>99.998466491699205</c:v>
                </c:pt>
                <c:pt idx="121">
                  <c:v>99.996772766113295</c:v>
                </c:pt>
                <c:pt idx="122">
                  <c:v>99.999107360839801</c:v>
                </c:pt>
                <c:pt idx="123">
                  <c:v>100.001792907715</c:v>
                </c:pt>
                <c:pt idx="124">
                  <c:v>100.001304626465</c:v>
                </c:pt>
                <c:pt idx="125">
                  <c:v>100.00234985351599</c:v>
                </c:pt>
                <c:pt idx="126">
                  <c:v>100.00178527832</c:v>
                </c:pt>
                <c:pt idx="127">
                  <c:v>99.999900817871094</c:v>
                </c:pt>
                <c:pt idx="128">
                  <c:v>99.997627258300795</c:v>
                </c:pt>
                <c:pt idx="129">
                  <c:v>99.999076843261705</c:v>
                </c:pt>
                <c:pt idx="130">
                  <c:v>99.075309753417997</c:v>
                </c:pt>
                <c:pt idx="131">
                  <c:v>98.070663452148395</c:v>
                </c:pt>
                <c:pt idx="132">
                  <c:v>97.077011108398395</c:v>
                </c:pt>
                <c:pt idx="133">
                  <c:v>96.069519042968807</c:v>
                </c:pt>
                <c:pt idx="134">
                  <c:v>95.075546264648395</c:v>
                </c:pt>
                <c:pt idx="135">
                  <c:v>94.074890136718807</c:v>
                </c:pt>
                <c:pt idx="136">
                  <c:v>93.074790954589801</c:v>
                </c:pt>
                <c:pt idx="137">
                  <c:v>92.077011108398395</c:v>
                </c:pt>
                <c:pt idx="138">
                  <c:v>91.073410034179702</c:v>
                </c:pt>
                <c:pt idx="139">
                  <c:v>90.076461791992202</c:v>
                </c:pt>
                <c:pt idx="140">
                  <c:v>89.076469421386705</c:v>
                </c:pt>
                <c:pt idx="141">
                  <c:v>88.078201293945298</c:v>
                </c:pt>
                <c:pt idx="142">
                  <c:v>87.077049255371094</c:v>
                </c:pt>
                <c:pt idx="143">
                  <c:v>86.076210021972699</c:v>
                </c:pt>
                <c:pt idx="144">
                  <c:v>85.077835083007798</c:v>
                </c:pt>
                <c:pt idx="145">
                  <c:v>84.077835083007798</c:v>
                </c:pt>
                <c:pt idx="146">
                  <c:v>83.077865600585895</c:v>
                </c:pt>
                <c:pt idx="147">
                  <c:v>82.078018188476605</c:v>
                </c:pt>
                <c:pt idx="148">
                  <c:v>81.0782470703125</c:v>
                </c:pt>
                <c:pt idx="149">
                  <c:v>80.078903198242202</c:v>
                </c:pt>
                <c:pt idx="150">
                  <c:v>79.078109741210895</c:v>
                </c:pt>
                <c:pt idx="151">
                  <c:v>78.078880310058594</c:v>
                </c:pt>
                <c:pt idx="152">
                  <c:v>77.079216003417997</c:v>
                </c:pt>
                <c:pt idx="153">
                  <c:v>76.079994201660199</c:v>
                </c:pt>
                <c:pt idx="154">
                  <c:v>75.079650878906307</c:v>
                </c:pt>
                <c:pt idx="155">
                  <c:v>74.079437255859403</c:v>
                </c:pt>
                <c:pt idx="156">
                  <c:v>73.080078125</c:v>
                </c:pt>
                <c:pt idx="157">
                  <c:v>72.080337524414105</c:v>
                </c:pt>
                <c:pt idx="158">
                  <c:v>71.080528259277301</c:v>
                </c:pt>
                <c:pt idx="159">
                  <c:v>70.081306457519503</c:v>
                </c:pt>
                <c:pt idx="160">
                  <c:v>69.081527709960895</c:v>
                </c:pt>
                <c:pt idx="161">
                  <c:v>68.081306457519503</c:v>
                </c:pt>
                <c:pt idx="162">
                  <c:v>67.082214355468807</c:v>
                </c:pt>
                <c:pt idx="163">
                  <c:v>66.082534790039105</c:v>
                </c:pt>
                <c:pt idx="164">
                  <c:v>65.082527160644503</c:v>
                </c:pt>
                <c:pt idx="165">
                  <c:v>64.082229614257798</c:v>
                </c:pt>
                <c:pt idx="166">
                  <c:v>63.082550048828097</c:v>
                </c:pt>
                <c:pt idx="167">
                  <c:v>62.0828857421875</c:v>
                </c:pt>
                <c:pt idx="168">
                  <c:v>61.083183288574197</c:v>
                </c:pt>
                <c:pt idx="169">
                  <c:v>60.083442687988303</c:v>
                </c:pt>
                <c:pt idx="170">
                  <c:v>59.083389282226598</c:v>
                </c:pt>
                <c:pt idx="171">
                  <c:v>58.081504821777301</c:v>
                </c:pt>
                <c:pt idx="172">
                  <c:v>57.083915710449197</c:v>
                </c:pt>
                <c:pt idx="173">
                  <c:v>56.081501007080099</c:v>
                </c:pt>
                <c:pt idx="174">
                  <c:v>55.084934234619098</c:v>
                </c:pt>
                <c:pt idx="175">
                  <c:v>54.081993103027301</c:v>
                </c:pt>
                <c:pt idx="176">
                  <c:v>53.082595825195298</c:v>
                </c:pt>
                <c:pt idx="177">
                  <c:v>52.0827026367188</c:v>
                </c:pt>
                <c:pt idx="178">
                  <c:v>51.082832336425803</c:v>
                </c:pt>
                <c:pt idx="179">
                  <c:v>50.082859039306598</c:v>
                </c:pt>
                <c:pt idx="180">
                  <c:v>49.083538055419901</c:v>
                </c:pt>
                <c:pt idx="181">
                  <c:v>48.083660125732401</c:v>
                </c:pt>
                <c:pt idx="182">
                  <c:v>47.0840034484863</c:v>
                </c:pt>
                <c:pt idx="183">
                  <c:v>46.084133148193402</c:v>
                </c:pt>
                <c:pt idx="184">
                  <c:v>45.084465026855497</c:v>
                </c:pt>
                <c:pt idx="185">
                  <c:v>44.084659576416001</c:v>
                </c:pt>
                <c:pt idx="186">
                  <c:v>43.0848197937012</c:v>
                </c:pt>
                <c:pt idx="187">
                  <c:v>42.085243225097699</c:v>
                </c:pt>
                <c:pt idx="188">
                  <c:v>41.085079193115199</c:v>
                </c:pt>
                <c:pt idx="189">
                  <c:v>40.085494995117202</c:v>
                </c:pt>
                <c:pt idx="190">
                  <c:v>39.085865020752003</c:v>
                </c:pt>
                <c:pt idx="191">
                  <c:v>38.085830688476598</c:v>
                </c:pt>
                <c:pt idx="192">
                  <c:v>37.0863037109375</c:v>
                </c:pt>
                <c:pt idx="193">
                  <c:v>36.086711883544901</c:v>
                </c:pt>
                <c:pt idx="194">
                  <c:v>35.086738586425803</c:v>
                </c:pt>
                <c:pt idx="195">
                  <c:v>34.087062835693402</c:v>
                </c:pt>
                <c:pt idx="196">
                  <c:v>33.0871772766113</c:v>
                </c:pt>
                <c:pt idx="197">
                  <c:v>32.087566375732401</c:v>
                </c:pt>
                <c:pt idx="198">
                  <c:v>31.087863922119102</c:v>
                </c:pt>
                <c:pt idx="199">
                  <c:v>30.087984085083001</c:v>
                </c:pt>
                <c:pt idx="200">
                  <c:v>29.088253021240199</c:v>
                </c:pt>
                <c:pt idx="201">
                  <c:v>28.088516235351602</c:v>
                </c:pt>
                <c:pt idx="202">
                  <c:v>27.088752746581999</c:v>
                </c:pt>
                <c:pt idx="203">
                  <c:v>26.089031219482401</c:v>
                </c:pt>
                <c:pt idx="204">
                  <c:v>25.0891933441162</c:v>
                </c:pt>
                <c:pt idx="205">
                  <c:v>24.0894660949707</c:v>
                </c:pt>
                <c:pt idx="206">
                  <c:v>23.0896911621094</c:v>
                </c:pt>
                <c:pt idx="207">
                  <c:v>22.0899562835693</c:v>
                </c:pt>
                <c:pt idx="208">
                  <c:v>21.090110778808601</c:v>
                </c:pt>
                <c:pt idx="209">
                  <c:v>20.0904750823975</c:v>
                </c:pt>
                <c:pt idx="210">
                  <c:v>19.090631484985401</c:v>
                </c:pt>
                <c:pt idx="211">
                  <c:v>18.090913772583001</c:v>
                </c:pt>
                <c:pt idx="212">
                  <c:v>17.091190338134801</c:v>
                </c:pt>
                <c:pt idx="213">
                  <c:v>16.091350555419901</c:v>
                </c:pt>
                <c:pt idx="214">
                  <c:v>15.091340065002401</c:v>
                </c:pt>
                <c:pt idx="215">
                  <c:v>14.0912475585938</c:v>
                </c:pt>
                <c:pt idx="216">
                  <c:v>13.0911045074463</c:v>
                </c:pt>
                <c:pt idx="217">
                  <c:v>12.091001510620099</c:v>
                </c:pt>
                <c:pt idx="218">
                  <c:v>11.090938568115201</c:v>
                </c:pt>
                <c:pt idx="219">
                  <c:v>10.0907936096191</c:v>
                </c:pt>
                <c:pt idx="220">
                  <c:v>9.0907239913940394</c:v>
                </c:pt>
                <c:pt idx="221">
                  <c:v>8.0906438827514595</c:v>
                </c:pt>
                <c:pt idx="222">
                  <c:v>7.0906696319580096</c:v>
                </c:pt>
                <c:pt idx="223">
                  <c:v>6.0907416343689</c:v>
                </c:pt>
                <c:pt idx="224">
                  <c:v>5.0908346176147496</c:v>
                </c:pt>
                <c:pt idx="225">
                  <c:v>4.0909299850463903</c:v>
                </c:pt>
                <c:pt idx="226">
                  <c:v>3.0909454822540301</c:v>
                </c:pt>
                <c:pt idx="227">
                  <c:v>2.0909590721130402</c:v>
                </c:pt>
                <c:pt idx="228">
                  <c:v>1.0908886194229099</c:v>
                </c:pt>
                <c:pt idx="229">
                  <c:v>9.0864457190036801E-2</c:v>
                </c:pt>
              </c:numCache>
            </c:numRef>
          </c:xVal>
          <c:yVal>
            <c:numRef>
              <c:f>Type_4_6__1___._2_thixotropy_rw!$G$2:$G$231</c:f>
              <c:numCache>
                <c:formatCode>General</c:formatCode>
                <c:ptCount val="230"/>
                <c:pt idx="0">
                  <c:v>4.7103065997362102E-2</c:v>
                </c:pt>
                <c:pt idx="1">
                  <c:v>1.9638285040855401E-2</c:v>
                </c:pt>
                <c:pt idx="2">
                  <c:v>3.3769495785236402E-3</c:v>
                </c:pt>
                <c:pt idx="3">
                  <c:v>2.18872707337141E-2</c:v>
                </c:pt>
                <c:pt idx="4">
                  <c:v>4.8497915267944301E-2</c:v>
                </c:pt>
                <c:pt idx="5">
                  <c:v>5.79525716602802E-2</c:v>
                </c:pt>
                <c:pt idx="6">
                  <c:v>3.7467610090971E-2</c:v>
                </c:pt>
                <c:pt idx="7">
                  <c:v>6.1947803944349303E-2</c:v>
                </c:pt>
                <c:pt idx="8">
                  <c:v>4.8648141324520097E-2</c:v>
                </c:pt>
                <c:pt idx="9">
                  <c:v>5.2862238138914101E-2</c:v>
                </c:pt>
                <c:pt idx="10">
                  <c:v>4.62979152798653E-2</c:v>
                </c:pt>
                <c:pt idx="11">
                  <c:v>4.7802489250898403E-2</c:v>
                </c:pt>
                <c:pt idx="12">
                  <c:v>6.0215968638658503E-2</c:v>
                </c:pt>
                <c:pt idx="13">
                  <c:v>6.3497468829154996E-2</c:v>
                </c:pt>
                <c:pt idx="14">
                  <c:v>7.3021031916141496E-2</c:v>
                </c:pt>
                <c:pt idx="15">
                  <c:v>7.6150611042976393E-2</c:v>
                </c:pt>
                <c:pt idx="16">
                  <c:v>6.50658309459686E-2</c:v>
                </c:pt>
                <c:pt idx="17">
                  <c:v>7.4993930757045704E-2</c:v>
                </c:pt>
                <c:pt idx="18">
                  <c:v>7.4682563543319702E-2</c:v>
                </c:pt>
                <c:pt idx="19">
                  <c:v>7.8237853944301605E-2</c:v>
                </c:pt>
                <c:pt idx="20">
                  <c:v>8.1456288695335402E-2</c:v>
                </c:pt>
                <c:pt idx="21">
                  <c:v>8.5039064288139302E-2</c:v>
                </c:pt>
                <c:pt idx="22">
                  <c:v>9.4267241656780201E-2</c:v>
                </c:pt>
                <c:pt idx="23">
                  <c:v>9.8321914672851604E-2</c:v>
                </c:pt>
                <c:pt idx="24">
                  <c:v>0.106680028140545</c:v>
                </c:pt>
                <c:pt idx="25">
                  <c:v>0.105300322175026</c:v>
                </c:pt>
                <c:pt idx="26">
                  <c:v>0.102509468793869</c:v>
                </c:pt>
                <c:pt idx="27">
                  <c:v>0.11719914525747301</c:v>
                </c:pt>
                <c:pt idx="28">
                  <c:v>0.11590592563152299</c:v>
                </c:pt>
                <c:pt idx="29">
                  <c:v>0.12653189897537201</c:v>
                </c:pt>
                <c:pt idx="30">
                  <c:v>0.124609157443047</c:v>
                </c:pt>
                <c:pt idx="31">
                  <c:v>0.13862790167331701</c:v>
                </c:pt>
                <c:pt idx="32">
                  <c:v>0.148226007819176</c:v>
                </c:pt>
                <c:pt idx="33">
                  <c:v>0.16647772490978199</c:v>
                </c:pt>
                <c:pt idx="34">
                  <c:v>0.18084004521369901</c:v>
                </c:pt>
                <c:pt idx="35">
                  <c:v>0.166944339871407</c:v>
                </c:pt>
                <c:pt idx="36">
                  <c:v>0.18557898700237299</c:v>
                </c:pt>
                <c:pt idx="37">
                  <c:v>0.177905693650246</c:v>
                </c:pt>
                <c:pt idx="38">
                  <c:v>0.208374723792076</c:v>
                </c:pt>
                <c:pt idx="39">
                  <c:v>0.182645559310913</c:v>
                </c:pt>
                <c:pt idx="40">
                  <c:v>0.18201054632663699</c:v>
                </c:pt>
                <c:pt idx="41">
                  <c:v>0.18836808204650901</c:v>
                </c:pt>
                <c:pt idx="42">
                  <c:v>0.17725421488285101</c:v>
                </c:pt>
                <c:pt idx="43">
                  <c:v>0.16926763951778401</c:v>
                </c:pt>
                <c:pt idx="44">
                  <c:v>0.18829885125160201</c:v>
                </c:pt>
                <c:pt idx="45">
                  <c:v>0.17683741450309801</c:v>
                </c:pt>
                <c:pt idx="46">
                  <c:v>0.189443320035934</c:v>
                </c:pt>
                <c:pt idx="47">
                  <c:v>0.18643212318420399</c:v>
                </c:pt>
                <c:pt idx="48">
                  <c:v>0.18319587409496299</c:v>
                </c:pt>
                <c:pt idx="49">
                  <c:v>0.18239650130271901</c:v>
                </c:pt>
                <c:pt idx="50">
                  <c:v>0.17012423276901201</c:v>
                </c:pt>
                <c:pt idx="51">
                  <c:v>0.19300822913646701</c:v>
                </c:pt>
                <c:pt idx="52">
                  <c:v>0.19052094221115101</c:v>
                </c:pt>
                <c:pt idx="53">
                  <c:v>0.19319327175617201</c:v>
                </c:pt>
                <c:pt idx="54">
                  <c:v>0.21222312748432201</c:v>
                </c:pt>
                <c:pt idx="55">
                  <c:v>0.19063943624496499</c:v>
                </c:pt>
                <c:pt idx="56">
                  <c:v>0.19898828864097601</c:v>
                </c:pt>
                <c:pt idx="57">
                  <c:v>0.21904847025871299</c:v>
                </c:pt>
                <c:pt idx="58">
                  <c:v>0.209347173571587</c:v>
                </c:pt>
                <c:pt idx="59">
                  <c:v>0.23126344382762901</c:v>
                </c:pt>
                <c:pt idx="60">
                  <c:v>0.20933157205581701</c:v>
                </c:pt>
                <c:pt idx="61">
                  <c:v>0.23835159838199599</c:v>
                </c:pt>
                <c:pt idx="62">
                  <c:v>0.227818489074707</c:v>
                </c:pt>
                <c:pt idx="63">
                  <c:v>0.243512898683548</c:v>
                </c:pt>
                <c:pt idx="64">
                  <c:v>0.245156079530716</c:v>
                </c:pt>
                <c:pt idx="65">
                  <c:v>0.25951248407363903</c:v>
                </c:pt>
                <c:pt idx="66">
                  <c:v>0.27317351102829002</c:v>
                </c:pt>
                <c:pt idx="67">
                  <c:v>0.27851948142051702</c:v>
                </c:pt>
                <c:pt idx="68">
                  <c:v>0.29024752974510198</c:v>
                </c:pt>
                <c:pt idx="69">
                  <c:v>0.28197452425956698</c:v>
                </c:pt>
                <c:pt idx="70">
                  <c:v>0.29218819737434398</c:v>
                </c:pt>
                <c:pt idx="71">
                  <c:v>0.28736129403114302</c:v>
                </c:pt>
                <c:pt idx="72">
                  <c:v>0.29629355669021601</c:v>
                </c:pt>
                <c:pt idx="73">
                  <c:v>0.27771323919296298</c:v>
                </c:pt>
                <c:pt idx="74">
                  <c:v>0.27478948235511802</c:v>
                </c:pt>
                <c:pt idx="75">
                  <c:v>0.29077753424644498</c:v>
                </c:pt>
                <c:pt idx="76">
                  <c:v>0.301675945520401</c:v>
                </c:pt>
                <c:pt idx="77">
                  <c:v>0.29633194208145103</c:v>
                </c:pt>
                <c:pt idx="78">
                  <c:v>0.35606074333190901</c:v>
                </c:pt>
                <c:pt idx="79">
                  <c:v>0.34827578067779502</c:v>
                </c:pt>
                <c:pt idx="80">
                  <c:v>0.3453009724617</c:v>
                </c:pt>
                <c:pt idx="81">
                  <c:v>0.33847200870513899</c:v>
                </c:pt>
                <c:pt idx="82">
                  <c:v>0.34041082859039301</c:v>
                </c:pt>
                <c:pt idx="83">
                  <c:v>0.32879725098609902</c:v>
                </c:pt>
                <c:pt idx="84">
                  <c:v>0.33688116073608398</c:v>
                </c:pt>
                <c:pt idx="85">
                  <c:v>0.34151354432106001</c:v>
                </c:pt>
                <c:pt idx="86">
                  <c:v>0.329138994216919</c:v>
                </c:pt>
                <c:pt idx="87">
                  <c:v>0.321932762861252</c:v>
                </c:pt>
                <c:pt idx="88">
                  <c:v>0.32258844375610402</c:v>
                </c:pt>
                <c:pt idx="89">
                  <c:v>0.298360764980316</c:v>
                </c:pt>
                <c:pt idx="90">
                  <c:v>0.334013491868973</c:v>
                </c:pt>
                <c:pt idx="91">
                  <c:v>0.32161292433738697</c:v>
                </c:pt>
                <c:pt idx="92">
                  <c:v>0.34212163090705899</c:v>
                </c:pt>
                <c:pt idx="93">
                  <c:v>0.308428555727005</c:v>
                </c:pt>
                <c:pt idx="94">
                  <c:v>0.33566728234291099</c:v>
                </c:pt>
                <c:pt idx="95">
                  <c:v>0.31095087528228799</c:v>
                </c:pt>
                <c:pt idx="96">
                  <c:v>0.34262758493423501</c:v>
                </c:pt>
                <c:pt idx="97">
                  <c:v>0.31282702088356001</c:v>
                </c:pt>
                <c:pt idx="98">
                  <c:v>0.32109647989273099</c:v>
                </c:pt>
                <c:pt idx="99">
                  <c:v>0.322649747133255</c:v>
                </c:pt>
                <c:pt idx="100">
                  <c:v>0.33620074391365101</c:v>
                </c:pt>
                <c:pt idx="101">
                  <c:v>0.31542068719863903</c:v>
                </c:pt>
                <c:pt idx="102">
                  <c:v>0.27253279089927701</c:v>
                </c:pt>
                <c:pt idx="103">
                  <c:v>0.29692807793617199</c:v>
                </c:pt>
                <c:pt idx="104">
                  <c:v>0.32710635662078902</c:v>
                </c:pt>
                <c:pt idx="105">
                  <c:v>0.33953696489334101</c:v>
                </c:pt>
                <c:pt idx="106">
                  <c:v>0.318736553192139</c:v>
                </c:pt>
                <c:pt idx="107">
                  <c:v>0.31562128663062999</c:v>
                </c:pt>
                <c:pt idx="108">
                  <c:v>0.32137864828109702</c:v>
                </c:pt>
                <c:pt idx="109">
                  <c:v>0.33317476511001598</c:v>
                </c:pt>
                <c:pt idx="110">
                  <c:v>0.33477181196212802</c:v>
                </c:pt>
                <c:pt idx="111">
                  <c:v>0.33348253369331399</c:v>
                </c:pt>
                <c:pt idx="112">
                  <c:v>0.32892933487892201</c:v>
                </c:pt>
                <c:pt idx="113">
                  <c:v>0.31954425573348999</c:v>
                </c:pt>
                <c:pt idx="114">
                  <c:v>0.3250412940979</c:v>
                </c:pt>
                <c:pt idx="115">
                  <c:v>0.33606210350990301</c:v>
                </c:pt>
                <c:pt idx="116">
                  <c:v>0.31419754028320301</c:v>
                </c:pt>
                <c:pt idx="117">
                  <c:v>0.33417287468910201</c:v>
                </c:pt>
                <c:pt idx="118">
                  <c:v>0.30914258956909202</c:v>
                </c:pt>
                <c:pt idx="119">
                  <c:v>0.30829647183418302</c:v>
                </c:pt>
                <c:pt idx="120">
                  <c:v>0.306518495082855</c:v>
                </c:pt>
                <c:pt idx="121">
                  <c:v>0.35310205817222601</c:v>
                </c:pt>
                <c:pt idx="122">
                  <c:v>0.34522491693496699</c:v>
                </c:pt>
                <c:pt idx="123">
                  <c:v>0.34742248058319097</c:v>
                </c:pt>
                <c:pt idx="124">
                  <c:v>0.33682280778884899</c:v>
                </c:pt>
                <c:pt idx="125">
                  <c:v>0.32731646299362199</c:v>
                </c:pt>
                <c:pt idx="126">
                  <c:v>0.30836424231529203</c:v>
                </c:pt>
                <c:pt idx="127">
                  <c:v>0.29591849446296697</c:v>
                </c:pt>
                <c:pt idx="128">
                  <c:v>0.30465966463089</c:v>
                </c:pt>
                <c:pt idx="129">
                  <c:v>0.31430006027221702</c:v>
                </c:pt>
                <c:pt idx="130">
                  <c:v>0.32270219922065702</c:v>
                </c:pt>
                <c:pt idx="131">
                  <c:v>0.32370755076408397</c:v>
                </c:pt>
                <c:pt idx="132">
                  <c:v>0.29258269071579002</c:v>
                </c:pt>
                <c:pt idx="133">
                  <c:v>0.33585950732231101</c:v>
                </c:pt>
                <c:pt idx="134">
                  <c:v>0.28350102901458701</c:v>
                </c:pt>
                <c:pt idx="135">
                  <c:v>0.33881512284278897</c:v>
                </c:pt>
                <c:pt idx="136">
                  <c:v>0.27945527434349099</c:v>
                </c:pt>
                <c:pt idx="137">
                  <c:v>0.32397112250328097</c:v>
                </c:pt>
                <c:pt idx="138">
                  <c:v>0.28679412603378301</c:v>
                </c:pt>
                <c:pt idx="139">
                  <c:v>0.29887786507606501</c:v>
                </c:pt>
                <c:pt idx="140">
                  <c:v>0.29149895906448398</c:v>
                </c:pt>
                <c:pt idx="141">
                  <c:v>0.31060755252838101</c:v>
                </c:pt>
                <c:pt idx="142">
                  <c:v>0.30495262145996099</c:v>
                </c:pt>
                <c:pt idx="143">
                  <c:v>0.30307200551032998</c:v>
                </c:pt>
                <c:pt idx="144">
                  <c:v>0.294429421424866</c:v>
                </c:pt>
                <c:pt idx="145">
                  <c:v>0.30405110120773299</c:v>
                </c:pt>
                <c:pt idx="146">
                  <c:v>0.30295988917350802</c:v>
                </c:pt>
                <c:pt idx="147">
                  <c:v>0.30810296535491899</c:v>
                </c:pt>
                <c:pt idx="148">
                  <c:v>0.310545444488525</c:v>
                </c:pt>
                <c:pt idx="149">
                  <c:v>0.30624786019325301</c:v>
                </c:pt>
                <c:pt idx="150">
                  <c:v>0.29297173023223899</c:v>
                </c:pt>
                <c:pt idx="151">
                  <c:v>0.30025586485862699</c:v>
                </c:pt>
                <c:pt idx="152">
                  <c:v>0.30160757899284402</c:v>
                </c:pt>
                <c:pt idx="153">
                  <c:v>0.305483609437943</c:v>
                </c:pt>
                <c:pt idx="154">
                  <c:v>0.291207164525986</c:v>
                </c:pt>
                <c:pt idx="155">
                  <c:v>0.28718605637550398</c:v>
                </c:pt>
                <c:pt idx="156">
                  <c:v>0.28745520114898698</c:v>
                </c:pt>
                <c:pt idx="157">
                  <c:v>0.274075567722321</c:v>
                </c:pt>
                <c:pt idx="158">
                  <c:v>0.28239139914512601</c:v>
                </c:pt>
                <c:pt idx="159">
                  <c:v>0.27442023158073398</c:v>
                </c:pt>
                <c:pt idx="160">
                  <c:v>0.267526805400848</c:v>
                </c:pt>
                <c:pt idx="161">
                  <c:v>0.26283660531044001</c:v>
                </c:pt>
                <c:pt idx="162">
                  <c:v>0.26189249753951999</c:v>
                </c:pt>
                <c:pt idx="163">
                  <c:v>0.243555322289467</c:v>
                </c:pt>
                <c:pt idx="164">
                  <c:v>0.23127719759941101</c:v>
                </c:pt>
                <c:pt idx="165">
                  <c:v>0.199299916625023</c:v>
                </c:pt>
                <c:pt idx="166">
                  <c:v>0.22794915735721599</c:v>
                </c:pt>
                <c:pt idx="167">
                  <c:v>0.19184441864490501</c:v>
                </c:pt>
                <c:pt idx="168">
                  <c:v>0.21019272506236999</c:v>
                </c:pt>
                <c:pt idx="169">
                  <c:v>0.20153827965259599</c:v>
                </c:pt>
                <c:pt idx="170">
                  <c:v>0.18971586227417001</c:v>
                </c:pt>
                <c:pt idx="171">
                  <c:v>0.212618619203568</c:v>
                </c:pt>
                <c:pt idx="172">
                  <c:v>0.18005830049514801</c:v>
                </c:pt>
                <c:pt idx="173">
                  <c:v>0.180819541215897</c:v>
                </c:pt>
                <c:pt idx="174">
                  <c:v>0.174389883875847</c:v>
                </c:pt>
                <c:pt idx="175">
                  <c:v>0.19325913488864899</c:v>
                </c:pt>
                <c:pt idx="176">
                  <c:v>0.17282629013061501</c:v>
                </c:pt>
                <c:pt idx="177">
                  <c:v>0.182603970170021</c:v>
                </c:pt>
                <c:pt idx="178">
                  <c:v>0.168085873126984</c:v>
                </c:pt>
                <c:pt idx="179">
                  <c:v>0.18130043148994399</c:v>
                </c:pt>
                <c:pt idx="180">
                  <c:v>0.16568960249424</c:v>
                </c:pt>
                <c:pt idx="181">
                  <c:v>0.16429442167282099</c:v>
                </c:pt>
                <c:pt idx="182">
                  <c:v>0.15647305548191101</c:v>
                </c:pt>
                <c:pt idx="183">
                  <c:v>0.17088547348976099</c:v>
                </c:pt>
                <c:pt idx="184">
                  <c:v>0.163174644112587</c:v>
                </c:pt>
                <c:pt idx="185">
                  <c:v>0.17287822067737599</c:v>
                </c:pt>
                <c:pt idx="186">
                  <c:v>0.164913609623909</c:v>
                </c:pt>
                <c:pt idx="187">
                  <c:v>0.17431198060512501</c:v>
                </c:pt>
                <c:pt idx="188">
                  <c:v>0.18365530669689201</c:v>
                </c:pt>
                <c:pt idx="189">
                  <c:v>0.15595205128192899</c:v>
                </c:pt>
                <c:pt idx="190">
                  <c:v>0.17359741032123599</c:v>
                </c:pt>
                <c:pt idx="191">
                  <c:v>0.17987425625324199</c:v>
                </c:pt>
                <c:pt idx="192">
                  <c:v>0.169201880693436</c:v>
                </c:pt>
                <c:pt idx="193">
                  <c:v>0.166923657059669</c:v>
                </c:pt>
                <c:pt idx="194">
                  <c:v>0.16092763841152199</c:v>
                </c:pt>
                <c:pt idx="195">
                  <c:v>0.16722486913204199</c:v>
                </c:pt>
                <c:pt idx="196">
                  <c:v>0.16356082260608701</c:v>
                </c:pt>
                <c:pt idx="197">
                  <c:v>0.14732405543327301</c:v>
                </c:pt>
                <c:pt idx="198">
                  <c:v>0.124234661459923</c:v>
                </c:pt>
                <c:pt idx="199">
                  <c:v>0.111740827560425</c:v>
                </c:pt>
                <c:pt idx="200">
                  <c:v>0.10394924879074099</c:v>
                </c:pt>
                <c:pt idx="201">
                  <c:v>0.11045644432306299</c:v>
                </c:pt>
                <c:pt idx="202">
                  <c:v>9.5432840287685394E-2</c:v>
                </c:pt>
                <c:pt idx="203">
                  <c:v>9.30052250623703E-2</c:v>
                </c:pt>
                <c:pt idx="204">
                  <c:v>8.1818133592605605E-2</c:v>
                </c:pt>
                <c:pt idx="205">
                  <c:v>8.5513465106487302E-2</c:v>
                </c:pt>
                <c:pt idx="206">
                  <c:v>7.7021151781082195E-2</c:v>
                </c:pt>
                <c:pt idx="207">
                  <c:v>8.0143444240093203E-2</c:v>
                </c:pt>
                <c:pt idx="208">
                  <c:v>7.0921011269092601E-2</c:v>
                </c:pt>
                <c:pt idx="209">
                  <c:v>6.1203252524137497E-2</c:v>
                </c:pt>
                <c:pt idx="210">
                  <c:v>7.0958338677883107E-2</c:v>
                </c:pt>
                <c:pt idx="211">
                  <c:v>6.1780594289302798E-2</c:v>
                </c:pt>
                <c:pt idx="212">
                  <c:v>6.0169227421283701E-2</c:v>
                </c:pt>
                <c:pt idx="213">
                  <c:v>5.8245692402124398E-2</c:v>
                </c:pt>
                <c:pt idx="214">
                  <c:v>4.86375615000725E-2</c:v>
                </c:pt>
                <c:pt idx="215">
                  <c:v>4.7396730631589903E-2</c:v>
                </c:pt>
                <c:pt idx="216">
                  <c:v>4.4554315507411998E-2</c:v>
                </c:pt>
                <c:pt idx="217">
                  <c:v>3.7213951349258402E-2</c:v>
                </c:pt>
                <c:pt idx="218">
                  <c:v>3.6308851093053797E-2</c:v>
                </c:pt>
                <c:pt idx="219">
                  <c:v>3.3483084291219697E-2</c:v>
                </c:pt>
                <c:pt idx="220">
                  <c:v>2.5306668132543599E-2</c:v>
                </c:pt>
                <c:pt idx="221">
                  <c:v>2.5480287149548499E-2</c:v>
                </c:pt>
                <c:pt idx="222">
                  <c:v>5.01553807407618E-3</c:v>
                </c:pt>
                <c:pt idx="223">
                  <c:v>9.8733045160770399E-3</c:v>
                </c:pt>
                <c:pt idx="224">
                  <c:v>1.8778218654915699E-3</c:v>
                </c:pt>
                <c:pt idx="225">
                  <c:v>3.00970650278032E-3</c:v>
                </c:pt>
                <c:pt idx="226">
                  <c:v>2.27091880515218E-3</c:v>
                </c:pt>
                <c:pt idx="227">
                  <c:v>1.8048211932182302E-2</c:v>
                </c:pt>
                <c:pt idx="228">
                  <c:v>4.8991754651069599E-2</c:v>
                </c:pt>
                <c:pt idx="229">
                  <c:v>1.858409121632580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2628-41E5-A408-76A0AEEFB8A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ax val="100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Viscosity, </a:t>
                </a:r>
                <a:r>
                  <a:rPr lang="el-GR"/>
                  <a:t>η</a:t>
                </a:r>
                <a:r>
                  <a:rPr lang="en-GB"/>
                  <a:t> (Pas)</a:t>
                </a:r>
                <a:r>
                  <a:rPr lang="en-GB" baseline="0"/>
                  <a:t> 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5 %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5"/>
          <c:order val="0"/>
          <c:tx>
            <c:v>5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Type_1_3_5___._1_thixotropy_rwd!$F$2:$F$231</c:f>
              <c:numCache>
                <c:formatCode>General</c:formatCode>
                <c:ptCount val="230"/>
                <c:pt idx="0">
                  <c:v>0.92486739158630404</c:v>
                </c:pt>
                <c:pt idx="1">
                  <c:v>1.92493236064911</c:v>
                </c:pt>
                <c:pt idx="2">
                  <c:v>2.9249186515808101</c:v>
                </c:pt>
                <c:pt idx="3">
                  <c:v>3.9248642921447798</c:v>
                </c:pt>
                <c:pt idx="4">
                  <c:v>4.9248628616332999</c:v>
                </c:pt>
                <c:pt idx="5">
                  <c:v>5.9248061180114702</c:v>
                </c:pt>
                <c:pt idx="6">
                  <c:v>6.9274721145629901</c:v>
                </c:pt>
                <c:pt idx="7">
                  <c:v>7.92740726470947</c:v>
                </c:pt>
                <c:pt idx="8">
                  <c:v>8.9274721145629901</c:v>
                </c:pt>
                <c:pt idx="9">
                  <c:v>9.9247989654540998</c:v>
                </c:pt>
                <c:pt idx="10">
                  <c:v>10.9248342514038</c:v>
                </c:pt>
                <c:pt idx="11">
                  <c:v>11.924975395202599</c:v>
                </c:pt>
                <c:pt idx="12">
                  <c:v>12.925004959106399</c:v>
                </c:pt>
                <c:pt idx="13">
                  <c:v>13.925124168396</c:v>
                </c:pt>
                <c:pt idx="14">
                  <c:v>14.9280805587769</c:v>
                </c:pt>
                <c:pt idx="15">
                  <c:v>15.927975654602101</c:v>
                </c:pt>
                <c:pt idx="16">
                  <c:v>16.928098678588899</c:v>
                </c:pt>
                <c:pt idx="17">
                  <c:v>17.927789688110401</c:v>
                </c:pt>
                <c:pt idx="18">
                  <c:v>18.927442550659201</c:v>
                </c:pt>
                <c:pt idx="19">
                  <c:v>19.927211761474599</c:v>
                </c:pt>
                <c:pt idx="20">
                  <c:v>20.927120208740199</c:v>
                </c:pt>
                <c:pt idx="21">
                  <c:v>21.926872253418001</c:v>
                </c:pt>
                <c:pt idx="22">
                  <c:v>22.9267978668213</c:v>
                </c:pt>
                <c:pt idx="23">
                  <c:v>23.926336288452099</c:v>
                </c:pt>
                <c:pt idx="24">
                  <c:v>24.925743103027301</c:v>
                </c:pt>
                <c:pt idx="25">
                  <c:v>25.9256591796875</c:v>
                </c:pt>
                <c:pt idx="26">
                  <c:v>26.925867080688501</c:v>
                </c:pt>
                <c:pt idx="27">
                  <c:v>27.925086975097699</c:v>
                </c:pt>
                <c:pt idx="28">
                  <c:v>28.925226211547901</c:v>
                </c:pt>
                <c:pt idx="29">
                  <c:v>29.9251613616943</c:v>
                </c:pt>
                <c:pt idx="30">
                  <c:v>30.9243564605713</c:v>
                </c:pt>
                <c:pt idx="31">
                  <c:v>31.924074172973601</c:v>
                </c:pt>
                <c:pt idx="32">
                  <c:v>32.923141479492202</c:v>
                </c:pt>
                <c:pt idx="33">
                  <c:v>33.924087524414098</c:v>
                </c:pt>
                <c:pt idx="34">
                  <c:v>34.923530578613303</c:v>
                </c:pt>
                <c:pt idx="35">
                  <c:v>35.923213958740199</c:v>
                </c:pt>
                <c:pt idx="36">
                  <c:v>36.9232177734375</c:v>
                </c:pt>
                <c:pt idx="37">
                  <c:v>37.923248291015597</c:v>
                </c:pt>
                <c:pt idx="38">
                  <c:v>38.922595977783203</c:v>
                </c:pt>
                <c:pt idx="39">
                  <c:v>39.922805786132798</c:v>
                </c:pt>
                <c:pt idx="40">
                  <c:v>40.921901702880902</c:v>
                </c:pt>
                <c:pt idx="41">
                  <c:v>41.922409057617202</c:v>
                </c:pt>
                <c:pt idx="42">
                  <c:v>42.9212837219238</c:v>
                </c:pt>
                <c:pt idx="43">
                  <c:v>43.921188354492202</c:v>
                </c:pt>
                <c:pt idx="44">
                  <c:v>44.9202270507813</c:v>
                </c:pt>
                <c:pt idx="45">
                  <c:v>45.920928955078097</c:v>
                </c:pt>
                <c:pt idx="46">
                  <c:v>46.920578002929702</c:v>
                </c:pt>
                <c:pt idx="47">
                  <c:v>47.9208374023438</c:v>
                </c:pt>
                <c:pt idx="48">
                  <c:v>48.920425415039098</c:v>
                </c:pt>
                <c:pt idx="49">
                  <c:v>49.920162200927699</c:v>
                </c:pt>
                <c:pt idx="50">
                  <c:v>50.919101715087898</c:v>
                </c:pt>
                <c:pt idx="51">
                  <c:v>51.919803619384801</c:v>
                </c:pt>
                <c:pt idx="52">
                  <c:v>52.919227600097699</c:v>
                </c:pt>
                <c:pt idx="53">
                  <c:v>53.919040679931598</c:v>
                </c:pt>
                <c:pt idx="54">
                  <c:v>54.918724060058601</c:v>
                </c:pt>
                <c:pt idx="55">
                  <c:v>55.918292999267599</c:v>
                </c:pt>
                <c:pt idx="56">
                  <c:v>56.918060302734403</c:v>
                </c:pt>
                <c:pt idx="57">
                  <c:v>57.918441772460902</c:v>
                </c:pt>
                <c:pt idx="58">
                  <c:v>58.917579650878899</c:v>
                </c:pt>
                <c:pt idx="59">
                  <c:v>59.918182373046903</c:v>
                </c:pt>
                <c:pt idx="60">
                  <c:v>60.916969299316399</c:v>
                </c:pt>
                <c:pt idx="61">
                  <c:v>61.916957855224602</c:v>
                </c:pt>
                <c:pt idx="62">
                  <c:v>62.916568756103501</c:v>
                </c:pt>
                <c:pt idx="63">
                  <c:v>63.916339874267599</c:v>
                </c:pt>
                <c:pt idx="64">
                  <c:v>64.916984558105497</c:v>
                </c:pt>
                <c:pt idx="65">
                  <c:v>65.915573120117202</c:v>
                </c:pt>
                <c:pt idx="66">
                  <c:v>66.915618896484403</c:v>
                </c:pt>
                <c:pt idx="67">
                  <c:v>67.915885925292997</c:v>
                </c:pt>
                <c:pt idx="68">
                  <c:v>68.915313720703097</c:v>
                </c:pt>
                <c:pt idx="69">
                  <c:v>69.915275573730497</c:v>
                </c:pt>
                <c:pt idx="70">
                  <c:v>70.914840698242202</c:v>
                </c:pt>
                <c:pt idx="71">
                  <c:v>71.914207458496094</c:v>
                </c:pt>
                <c:pt idx="72">
                  <c:v>72.913742065429702</c:v>
                </c:pt>
                <c:pt idx="73">
                  <c:v>73.914459228515597</c:v>
                </c:pt>
                <c:pt idx="74">
                  <c:v>74.914337158203097</c:v>
                </c:pt>
                <c:pt idx="75">
                  <c:v>75.914085388183594</c:v>
                </c:pt>
                <c:pt idx="76">
                  <c:v>76.913314819335895</c:v>
                </c:pt>
                <c:pt idx="77">
                  <c:v>77.912590026855497</c:v>
                </c:pt>
                <c:pt idx="78">
                  <c:v>78.912864685058594</c:v>
                </c:pt>
                <c:pt idx="79">
                  <c:v>79.912483215332003</c:v>
                </c:pt>
                <c:pt idx="80">
                  <c:v>80.912239074707003</c:v>
                </c:pt>
                <c:pt idx="81">
                  <c:v>81.912063598632798</c:v>
                </c:pt>
                <c:pt idx="82">
                  <c:v>82.912574768066406</c:v>
                </c:pt>
                <c:pt idx="83">
                  <c:v>83.911842346191406</c:v>
                </c:pt>
                <c:pt idx="84">
                  <c:v>84.910728454589801</c:v>
                </c:pt>
                <c:pt idx="85">
                  <c:v>85.911003112792997</c:v>
                </c:pt>
                <c:pt idx="86">
                  <c:v>86.910461425781307</c:v>
                </c:pt>
                <c:pt idx="87">
                  <c:v>87.911247253417997</c:v>
                </c:pt>
                <c:pt idx="88">
                  <c:v>88.911003112792997</c:v>
                </c:pt>
                <c:pt idx="89">
                  <c:v>89.910247802734403</c:v>
                </c:pt>
                <c:pt idx="90">
                  <c:v>90.910079956054702</c:v>
                </c:pt>
                <c:pt idx="91">
                  <c:v>91.909942626953097</c:v>
                </c:pt>
                <c:pt idx="92">
                  <c:v>92.909812927246094</c:v>
                </c:pt>
                <c:pt idx="93">
                  <c:v>93.908538818359403</c:v>
                </c:pt>
                <c:pt idx="94">
                  <c:v>94.909324645996094</c:v>
                </c:pt>
                <c:pt idx="95">
                  <c:v>95.908882141113295</c:v>
                </c:pt>
                <c:pt idx="96">
                  <c:v>96.908645629882798</c:v>
                </c:pt>
                <c:pt idx="97">
                  <c:v>97.908065795898395</c:v>
                </c:pt>
                <c:pt idx="98">
                  <c:v>98.908271789550795</c:v>
                </c:pt>
                <c:pt idx="99">
                  <c:v>99.908683776855497</c:v>
                </c:pt>
                <c:pt idx="100">
                  <c:v>100.00122833252</c:v>
                </c:pt>
                <c:pt idx="101">
                  <c:v>100.001304626465</c:v>
                </c:pt>
                <c:pt idx="102">
                  <c:v>100.001335144043</c:v>
                </c:pt>
                <c:pt idx="103">
                  <c:v>100.000770568848</c:v>
                </c:pt>
                <c:pt idx="104">
                  <c:v>99.999687194824205</c:v>
                </c:pt>
                <c:pt idx="105">
                  <c:v>100.00074005127</c:v>
                </c:pt>
                <c:pt idx="106">
                  <c:v>100.000381469727</c:v>
                </c:pt>
                <c:pt idx="107">
                  <c:v>100.001815795898</c:v>
                </c:pt>
                <c:pt idx="108">
                  <c:v>99.999015808105497</c:v>
                </c:pt>
                <c:pt idx="109">
                  <c:v>100.00115966796901</c:v>
                </c:pt>
                <c:pt idx="110">
                  <c:v>100.00055694580099</c:v>
                </c:pt>
                <c:pt idx="111">
                  <c:v>99.999465942382798</c:v>
                </c:pt>
                <c:pt idx="112">
                  <c:v>99.999900817871094</c:v>
                </c:pt>
                <c:pt idx="113">
                  <c:v>100.001022338867</c:v>
                </c:pt>
                <c:pt idx="114">
                  <c:v>99.999122619628906</c:v>
                </c:pt>
                <c:pt idx="115">
                  <c:v>99.9998779296875</c:v>
                </c:pt>
                <c:pt idx="116">
                  <c:v>100.00038909912099</c:v>
                </c:pt>
                <c:pt idx="117">
                  <c:v>100.00251007080099</c:v>
                </c:pt>
                <c:pt idx="118">
                  <c:v>100.000930786133</c:v>
                </c:pt>
                <c:pt idx="119">
                  <c:v>100.001106262207</c:v>
                </c:pt>
                <c:pt idx="120">
                  <c:v>100.00131225585901</c:v>
                </c:pt>
                <c:pt idx="121">
                  <c:v>100.00030517578099</c:v>
                </c:pt>
                <c:pt idx="122">
                  <c:v>100.00018310546901</c:v>
                </c:pt>
                <c:pt idx="123">
                  <c:v>100.00122833252</c:v>
                </c:pt>
                <c:pt idx="124">
                  <c:v>100.000839233398</c:v>
                </c:pt>
                <c:pt idx="125">
                  <c:v>99.9998779296875</c:v>
                </c:pt>
                <c:pt idx="126">
                  <c:v>99.999580383300795</c:v>
                </c:pt>
                <c:pt idx="127">
                  <c:v>100.000160217285</c:v>
                </c:pt>
                <c:pt idx="128">
                  <c:v>99.999420166015597</c:v>
                </c:pt>
                <c:pt idx="129">
                  <c:v>99.999061584472699</c:v>
                </c:pt>
                <c:pt idx="130">
                  <c:v>99.075851440429702</c:v>
                </c:pt>
                <c:pt idx="131">
                  <c:v>98.076126098632798</c:v>
                </c:pt>
                <c:pt idx="132">
                  <c:v>97.074745178222699</c:v>
                </c:pt>
                <c:pt idx="133">
                  <c:v>96.072761535644503</c:v>
                </c:pt>
                <c:pt idx="134">
                  <c:v>95.075569152832003</c:v>
                </c:pt>
                <c:pt idx="135">
                  <c:v>94.076980590820298</c:v>
                </c:pt>
                <c:pt idx="136">
                  <c:v>93.0758056640625</c:v>
                </c:pt>
                <c:pt idx="137">
                  <c:v>92.072669982910199</c:v>
                </c:pt>
                <c:pt idx="138">
                  <c:v>91.073791503906307</c:v>
                </c:pt>
                <c:pt idx="139">
                  <c:v>90.076591491699205</c:v>
                </c:pt>
                <c:pt idx="140">
                  <c:v>89.078773498535199</c:v>
                </c:pt>
                <c:pt idx="141">
                  <c:v>88.078155517578097</c:v>
                </c:pt>
                <c:pt idx="142">
                  <c:v>87.076400756835895</c:v>
                </c:pt>
                <c:pt idx="143">
                  <c:v>86.078437805175795</c:v>
                </c:pt>
                <c:pt idx="144">
                  <c:v>85.078475952148395</c:v>
                </c:pt>
                <c:pt idx="145">
                  <c:v>84.079452514648395</c:v>
                </c:pt>
                <c:pt idx="146">
                  <c:v>83.077133178710895</c:v>
                </c:pt>
                <c:pt idx="147">
                  <c:v>82.076255798339801</c:v>
                </c:pt>
                <c:pt idx="148">
                  <c:v>81.076484680175795</c:v>
                </c:pt>
                <c:pt idx="149">
                  <c:v>80.077346801757798</c:v>
                </c:pt>
                <c:pt idx="150">
                  <c:v>79.077781677246094</c:v>
                </c:pt>
                <c:pt idx="151">
                  <c:v>78.077972412109403</c:v>
                </c:pt>
                <c:pt idx="152">
                  <c:v>77.077590942382798</c:v>
                </c:pt>
                <c:pt idx="153">
                  <c:v>76.078880310058594</c:v>
                </c:pt>
                <c:pt idx="154">
                  <c:v>75.078109741210895</c:v>
                </c:pt>
                <c:pt idx="155">
                  <c:v>74.078422546386705</c:v>
                </c:pt>
                <c:pt idx="156">
                  <c:v>73.079414367675795</c:v>
                </c:pt>
                <c:pt idx="157">
                  <c:v>72.079849243164105</c:v>
                </c:pt>
                <c:pt idx="158">
                  <c:v>71.079948425292997</c:v>
                </c:pt>
                <c:pt idx="159">
                  <c:v>70.07958984375</c:v>
                </c:pt>
                <c:pt idx="160">
                  <c:v>69.080078125</c:v>
                </c:pt>
                <c:pt idx="161">
                  <c:v>68.080062866210895</c:v>
                </c:pt>
                <c:pt idx="162">
                  <c:v>67.080230712890597</c:v>
                </c:pt>
                <c:pt idx="163">
                  <c:v>66.080764770507798</c:v>
                </c:pt>
                <c:pt idx="164">
                  <c:v>65.081047058105497</c:v>
                </c:pt>
                <c:pt idx="165">
                  <c:v>64.081130981445298</c:v>
                </c:pt>
                <c:pt idx="166">
                  <c:v>63.0814819335938</c:v>
                </c:pt>
                <c:pt idx="167">
                  <c:v>62.081417083740199</c:v>
                </c:pt>
                <c:pt idx="168">
                  <c:v>61.082408905029297</c:v>
                </c:pt>
                <c:pt idx="169">
                  <c:v>60.082572937011697</c:v>
                </c:pt>
                <c:pt idx="170">
                  <c:v>59.081939697265597</c:v>
                </c:pt>
                <c:pt idx="171">
                  <c:v>58.082748413085902</c:v>
                </c:pt>
                <c:pt idx="172">
                  <c:v>57.083267211914098</c:v>
                </c:pt>
                <c:pt idx="173">
                  <c:v>56.083099365234403</c:v>
                </c:pt>
                <c:pt idx="174">
                  <c:v>55.082958221435497</c:v>
                </c:pt>
                <c:pt idx="175">
                  <c:v>54.083969116210902</c:v>
                </c:pt>
                <c:pt idx="176">
                  <c:v>53.083518981933601</c:v>
                </c:pt>
                <c:pt idx="177">
                  <c:v>52.084152221679702</c:v>
                </c:pt>
                <c:pt idx="178">
                  <c:v>51.084274291992202</c:v>
                </c:pt>
                <c:pt idx="179">
                  <c:v>50.084556579589801</c:v>
                </c:pt>
                <c:pt idx="180">
                  <c:v>49.084617614746101</c:v>
                </c:pt>
                <c:pt idx="181">
                  <c:v>48.084957122802699</c:v>
                </c:pt>
                <c:pt idx="182">
                  <c:v>47.085731506347699</c:v>
                </c:pt>
                <c:pt idx="183">
                  <c:v>46.085563659667997</c:v>
                </c:pt>
                <c:pt idx="184">
                  <c:v>45.085617065429702</c:v>
                </c:pt>
                <c:pt idx="185">
                  <c:v>44.086055755615199</c:v>
                </c:pt>
                <c:pt idx="186">
                  <c:v>43.086345672607401</c:v>
                </c:pt>
                <c:pt idx="187">
                  <c:v>42.086616516113303</c:v>
                </c:pt>
                <c:pt idx="188">
                  <c:v>41.086296081542997</c:v>
                </c:pt>
                <c:pt idx="189">
                  <c:v>40.087181091308601</c:v>
                </c:pt>
                <c:pt idx="190">
                  <c:v>39.087657928466797</c:v>
                </c:pt>
                <c:pt idx="191">
                  <c:v>38.087730407714801</c:v>
                </c:pt>
                <c:pt idx="192">
                  <c:v>37.0880126953125</c:v>
                </c:pt>
                <c:pt idx="193">
                  <c:v>36.087959289550803</c:v>
                </c:pt>
                <c:pt idx="194">
                  <c:v>35.088565826416001</c:v>
                </c:pt>
                <c:pt idx="195">
                  <c:v>34.088382720947301</c:v>
                </c:pt>
                <c:pt idx="196">
                  <c:v>33.088859558105497</c:v>
                </c:pt>
                <c:pt idx="197">
                  <c:v>32.088893890380902</c:v>
                </c:pt>
                <c:pt idx="198">
                  <c:v>31.0891304016113</c:v>
                </c:pt>
                <c:pt idx="199">
                  <c:v>30.089157104492202</c:v>
                </c:pt>
                <c:pt idx="200">
                  <c:v>29.0896110534668</c:v>
                </c:pt>
                <c:pt idx="201">
                  <c:v>28.0894680023193</c:v>
                </c:pt>
                <c:pt idx="202">
                  <c:v>27.089841842651399</c:v>
                </c:pt>
                <c:pt idx="203">
                  <c:v>26.090610504150401</c:v>
                </c:pt>
                <c:pt idx="204">
                  <c:v>25.090446472168001</c:v>
                </c:pt>
                <c:pt idx="205">
                  <c:v>24.091159820556602</c:v>
                </c:pt>
                <c:pt idx="206">
                  <c:v>23.091392517089801</c:v>
                </c:pt>
                <c:pt idx="207">
                  <c:v>22.091426849365199</c:v>
                </c:pt>
                <c:pt idx="208">
                  <c:v>21.091650009155298</c:v>
                </c:pt>
                <c:pt idx="209">
                  <c:v>20.0919075012207</c:v>
                </c:pt>
                <c:pt idx="210">
                  <c:v>19.092191696166999</c:v>
                </c:pt>
                <c:pt idx="211">
                  <c:v>18.092369079589801</c:v>
                </c:pt>
                <c:pt idx="212">
                  <c:v>17.092586517333999</c:v>
                </c:pt>
                <c:pt idx="213">
                  <c:v>16.092731475830099</c:v>
                </c:pt>
                <c:pt idx="214">
                  <c:v>15.0928602218628</c:v>
                </c:pt>
                <c:pt idx="215">
                  <c:v>14.0926151275635</c:v>
                </c:pt>
                <c:pt idx="216">
                  <c:v>13.0925092697144</c:v>
                </c:pt>
                <c:pt idx="217">
                  <c:v>12.092485427856399</c:v>
                </c:pt>
                <c:pt idx="218">
                  <c:v>11.092365264892599</c:v>
                </c:pt>
                <c:pt idx="219">
                  <c:v>10.0922603607178</c:v>
                </c:pt>
                <c:pt idx="220">
                  <c:v>9.0921344757080096</c:v>
                </c:pt>
                <c:pt idx="221">
                  <c:v>8.0920133590698207</c:v>
                </c:pt>
                <c:pt idx="222">
                  <c:v>7.0921196937561</c:v>
                </c:pt>
                <c:pt idx="223">
                  <c:v>6.0921955108642596</c:v>
                </c:pt>
                <c:pt idx="224">
                  <c:v>5.0922279357910201</c:v>
                </c:pt>
                <c:pt idx="225">
                  <c:v>4.0922904014587402</c:v>
                </c:pt>
                <c:pt idx="226">
                  <c:v>3.0923330783843999</c:v>
                </c:pt>
                <c:pt idx="227">
                  <c:v>2.0922975540161102</c:v>
                </c:pt>
                <c:pt idx="229">
                  <c:v>9.2335864901542705E-2</c:v>
                </c:pt>
              </c:numCache>
            </c:numRef>
          </c:xVal>
          <c:yVal>
            <c:numRef>
              <c:f>Type_1_3_5___._1_thixotropy_rwd!$G$2:$G$231</c:f>
              <c:numCache>
                <c:formatCode>General</c:formatCode>
                <c:ptCount val="230"/>
                <c:pt idx="0">
                  <c:v>0.34779846668243403</c:v>
                </c:pt>
                <c:pt idx="1">
                  <c:v>0.14557833969593001</c:v>
                </c:pt>
                <c:pt idx="2">
                  <c:v>0.14704640209674799</c:v>
                </c:pt>
                <c:pt idx="3">
                  <c:v>0.11351061612367599</c:v>
                </c:pt>
                <c:pt idx="4">
                  <c:v>0.12322198599577</c:v>
                </c:pt>
                <c:pt idx="5">
                  <c:v>0.16629096865654</c:v>
                </c:pt>
                <c:pt idx="6">
                  <c:v>0.16267414391040799</c:v>
                </c:pt>
                <c:pt idx="7">
                  <c:v>0.179101526737213</c:v>
                </c:pt>
                <c:pt idx="8">
                  <c:v>0.202649220824242</c:v>
                </c:pt>
                <c:pt idx="9">
                  <c:v>0.19030368328094499</c:v>
                </c:pt>
                <c:pt idx="10">
                  <c:v>0.21397137641906699</c:v>
                </c:pt>
                <c:pt idx="11">
                  <c:v>0.18602705001831099</c:v>
                </c:pt>
                <c:pt idx="12">
                  <c:v>0.212784558534622</c:v>
                </c:pt>
                <c:pt idx="13">
                  <c:v>0.19949796795845001</c:v>
                </c:pt>
                <c:pt idx="14">
                  <c:v>0.202779591083527</c:v>
                </c:pt>
                <c:pt idx="15">
                  <c:v>0.20183049142360701</c:v>
                </c:pt>
                <c:pt idx="16">
                  <c:v>0.20989264547824901</c:v>
                </c:pt>
                <c:pt idx="17">
                  <c:v>0.21853888034820601</c:v>
                </c:pt>
                <c:pt idx="18">
                  <c:v>0.207123592495918</c:v>
                </c:pt>
                <c:pt idx="19">
                  <c:v>0.228290870785713</c:v>
                </c:pt>
                <c:pt idx="20">
                  <c:v>0.24411717057228099</c:v>
                </c:pt>
                <c:pt idx="21">
                  <c:v>0.24313965439796401</c:v>
                </c:pt>
                <c:pt idx="22">
                  <c:v>0.27410575747489901</c:v>
                </c:pt>
                <c:pt idx="23">
                  <c:v>0.22948481142520899</c:v>
                </c:pt>
                <c:pt idx="24">
                  <c:v>0.24350625276565599</c:v>
                </c:pt>
                <c:pt idx="25">
                  <c:v>0.250099897384644</c:v>
                </c:pt>
                <c:pt idx="26">
                  <c:v>0.23873429000377699</c:v>
                </c:pt>
                <c:pt idx="27">
                  <c:v>0.252606391906738</c:v>
                </c:pt>
                <c:pt idx="28">
                  <c:v>0.28125253319740301</c:v>
                </c:pt>
                <c:pt idx="29">
                  <c:v>0.26126614212989802</c:v>
                </c:pt>
                <c:pt idx="30">
                  <c:v>0.282810658216476</c:v>
                </c:pt>
                <c:pt idx="31">
                  <c:v>0.30083352327346802</c:v>
                </c:pt>
                <c:pt idx="32">
                  <c:v>0.282713443040848</c:v>
                </c:pt>
                <c:pt idx="33">
                  <c:v>0.28789475560188299</c:v>
                </c:pt>
                <c:pt idx="34">
                  <c:v>0.29476180672645602</c:v>
                </c:pt>
                <c:pt idx="35">
                  <c:v>0.26789808273315402</c:v>
                </c:pt>
                <c:pt idx="36">
                  <c:v>0.284641712903976</c:v>
                </c:pt>
                <c:pt idx="37">
                  <c:v>0.29770377278327897</c:v>
                </c:pt>
                <c:pt idx="38">
                  <c:v>0.31420028209686302</c:v>
                </c:pt>
                <c:pt idx="39">
                  <c:v>0.29226103425025901</c:v>
                </c:pt>
                <c:pt idx="40">
                  <c:v>0.27866992354393</c:v>
                </c:pt>
                <c:pt idx="41">
                  <c:v>0.33674240112304699</c:v>
                </c:pt>
                <c:pt idx="42">
                  <c:v>0.32454359531402599</c:v>
                </c:pt>
                <c:pt idx="43">
                  <c:v>0.35437348484992998</c:v>
                </c:pt>
                <c:pt idx="44">
                  <c:v>0.32796382904052701</c:v>
                </c:pt>
                <c:pt idx="45">
                  <c:v>0.32795768976211498</c:v>
                </c:pt>
                <c:pt idx="46">
                  <c:v>0.36375108361244202</c:v>
                </c:pt>
                <c:pt idx="47">
                  <c:v>0.35137170553207397</c:v>
                </c:pt>
                <c:pt idx="48">
                  <c:v>0.35606494545936601</c:v>
                </c:pt>
                <c:pt idx="49">
                  <c:v>0.38015115261077898</c:v>
                </c:pt>
                <c:pt idx="50">
                  <c:v>0.408246040344238</c:v>
                </c:pt>
                <c:pt idx="51">
                  <c:v>0.40135365724563599</c:v>
                </c:pt>
                <c:pt idx="52">
                  <c:v>0.41895395517349199</c:v>
                </c:pt>
                <c:pt idx="53">
                  <c:v>0.437982678413391</c:v>
                </c:pt>
                <c:pt idx="54">
                  <c:v>0.42023169994354198</c:v>
                </c:pt>
                <c:pt idx="55">
                  <c:v>0.458408623933792</c:v>
                </c:pt>
                <c:pt idx="56">
                  <c:v>0.45352700352668801</c:v>
                </c:pt>
                <c:pt idx="57">
                  <c:v>0.49444928765296903</c:v>
                </c:pt>
                <c:pt idx="58">
                  <c:v>0.52028554677963301</c:v>
                </c:pt>
                <c:pt idx="59">
                  <c:v>0.51130193471908603</c:v>
                </c:pt>
                <c:pt idx="60">
                  <c:v>0.50336664915084794</c:v>
                </c:pt>
                <c:pt idx="61">
                  <c:v>0.56279486417770397</c:v>
                </c:pt>
                <c:pt idx="62">
                  <c:v>0.53673827648162797</c:v>
                </c:pt>
                <c:pt idx="63">
                  <c:v>0.54020994901657104</c:v>
                </c:pt>
                <c:pt idx="64">
                  <c:v>0.56611740589141801</c:v>
                </c:pt>
                <c:pt idx="65">
                  <c:v>0.563931465148926</c:v>
                </c:pt>
                <c:pt idx="66">
                  <c:v>0.58080959320068404</c:v>
                </c:pt>
                <c:pt idx="67">
                  <c:v>0.61968249082565297</c:v>
                </c:pt>
                <c:pt idx="68">
                  <c:v>0.61811834573745705</c:v>
                </c:pt>
                <c:pt idx="69">
                  <c:v>0.59021615982055697</c:v>
                </c:pt>
                <c:pt idx="70">
                  <c:v>0.63332527875900302</c:v>
                </c:pt>
                <c:pt idx="71">
                  <c:v>0.62713128328323398</c:v>
                </c:pt>
                <c:pt idx="72">
                  <c:v>0.60685002803802501</c:v>
                </c:pt>
                <c:pt idx="73">
                  <c:v>0.62019604444503795</c:v>
                </c:pt>
                <c:pt idx="74">
                  <c:v>0.64752662181854204</c:v>
                </c:pt>
                <c:pt idx="75">
                  <c:v>0.64014083147048995</c:v>
                </c:pt>
                <c:pt idx="76">
                  <c:v>0.66391253471374501</c:v>
                </c:pt>
                <c:pt idx="77">
                  <c:v>0.64937210083007801</c:v>
                </c:pt>
                <c:pt idx="78">
                  <c:v>0.64931988716125499</c:v>
                </c:pt>
                <c:pt idx="79">
                  <c:v>0.65521669387817405</c:v>
                </c:pt>
                <c:pt idx="80">
                  <c:v>0.68522578477859497</c:v>
                </c:pt>
                <c:pt idx="81">
                  <c:v>0.67176204919815097</c:v>
                </c:pt>
                <c:pt idx="82">
                  <c:v>0.66745913028716997</c:v>
                </c:pt>
                <c:pt idx="83">
                  <c:v>0.644281566143036</c:v>
                </c:pt>
                <c:pt idx="84">
                  <c:v>0.65612888336181596</c:v>
                </c:pt>
                <c:pt idx="85">
                  <c:v>0.65017008781433105</c:v>
                </c:pt>
                <c:pt idx="86">
                  <c:v>0.616152703762054</c:v>
                </c:pt>
                <c:pt idx="87">
                  <c:v>0.67494171857833896</c:v>
                </c:pt>
                <c:pt idx="88">
                  <c:v>0.60953289270401001</c:v>
                </c:pt>
                <c:pt idx="89">
                  <c:v>0.59153401851654097</c:v>
                </c:pt>
                <c:pt idx="90">
                  <c:v>0.64817458391189597</c:v>
                </c:pt>
                <c:pt idx="91">
                  <c:v>0.61754190921783403</c:v>
                </c:pt>
                <c:pt idx="92">
                  <c:v>0.61390441656112704</c:v>
                </c:pt>
                <c:pt idx="93">
                  <c:v>0.64903193712234497</c:v>
                </c:pt>
                <c:pt idx="94">
                  <c:v>0.60313439369201705</c:v>
                </c:pt>
                <c:pt idx="95">
                  <c:v>0.59888327121734597</c:v>
                </c:pt>
                <c:pt idx="96">
                  <c:v>0.64224940538406405</c:v>
                </c:pt>
                <c:pt idx="97">
                  <c:v>0.63500952720642101</c:v>
                </c:pt>
                <c:pt idx="98">
                  <c:v>0.60895282030105602</c:v>
                </c:pt>
                <c:pt idx="99">
                  <c:v>0.61860954761505105</c:v>
                </c:pt>
                <c:pt idx="100">
                  <c:v>0.66357201337814298</c:v>
                </c:pt>
                <c:pt idx="101">
                  <c:v>0.63992351293563798</c:v>
                </c:pt>
                <c:pt idx="102">
                  <c:v>0.61102610826492298</c:v>
                </c:pt>
                <c:pt idx="103">
                  <c:v>0.62030071020126298</c:v>
                </c:pt>
                <c:pt idx="104">
                  <c:v>0.61076194047927901</c:v>
                </c:pt>
                <c:pt idx="105">
                  <c:v>0.64108586311340299</c:v>
                </c:pt>
                <c:pt idx="106">
                  <c:v>0.60904711484909102</c:v>
                </c:pt>
                <c:pt idx="107">
                  <c:v>0.63042348623275801</c:v>
                </c:pt>
                <c:pt idx="108">
                  <c:v>0.62693166732788097</c:v>
                </c:pt>
                <c:pt idx="109">
                  <c:v>0.65421682596206698</c:v>
                </c:pt>
                <c:pt idx="110">
                  <c:v>0.57076048851013195</c:v>
                </c:pt>
                <c:pt idx="111">
                  <c:v>0.66484963893890403</c:v>
                </c:pt>
                <c:pt idx="112">
                  <c:v>0.62844413518905595</c:v>
                </c:pt>
                <c:pt idx="113">
                  <c:v>0.66870355606079102</c:v>
                </c:pt>
                <c:pt idx="114">
                  <c:v>0.59182554483413696</c:v>
                </c:pt>
                <c:pt idx="115">
                  <c:v>0.63567250967025801</c:v>
                </c:pt>
                <c:pt idx="116">
                  <c:v>0.67670381069183405</c:v>
                </c:pt>
                <c:pt idx="117">
                  <c:v>0.60693407058715798</c:v>
                </c:pt>
                <c:pt idx="118">
                  <c:v>0.57891339063644398</c:v>
                </c:pt>
                <c:pt idx="119">
                  <c:v>0.60307115316391002</c:v>
                </c:pt>
                <c:pt idx="120">
                  <c:v>0.63517481088638295</c:v>
                </c:pt>
                <c:pt idx="121">
                  <c:v>0.60788255929946899</c:v>
                </c:pt>
                <c:pt idx="122">
                  <c:v>0.61749482154846203</c:v>
                </c:pt>
                <c:pt idx="123">
                  <c:v>0.63495463132858299</c:v>
                </c:pt>
                <c:pt idx="124">
                  <c:v>0.60097515583038297</c:v>
                </c:pt>
                <c:pt idx="125">
                  <c:v>0.632030189037323</c:v>
                </c:pt>
                <c:pt idx="126">
                  <c:v>0.65877038240432695</c:v>
                </c:pt>
                <c:pt idx="127">
                  <c:v>0.65071344375610396</c:v>
                </c:pt>
                <c:pt idx="128">
                  <c:v>0.61916643381118797</c:v>
                </c:pt>
                <c:pt idx="129">
                  <c:v>0.61040282249450695</c:v>
                </c:pt>
                <c:pt idx="130">
                  <c:v>0.66658771038055398</c:v>
                </c:pt>
                <c:pt idx="131">
                  <c:v>0.62062931060791005</c:v>
                </c:pt>
                <c:pt idx="132">
                  <c:v>0.63532400131225597</c:v>
                </c:pt>
                <c:pt idx="133">
                  <c:v>0.59889549016952504</c:v>
                </c:pt>
                <c:pt idx="134">
                  <c:v>0.60636538267135598</c:v>
                </c:pt>
                <c:pt idx="135">
                  <c:v>0.61393111944198597</c:v>
                </c:pt>
                <c:pt idx="136">
                  <c:v>0.588492572307587</c:v>
                </c:pt>
                <c:pt idx="137">
                  <c:v>0.58371829986572299</c:v>
                </c:pt>
                <c:pt idx="138">
                  <c:v>0.59298068284988403</c:v>
                </c:pt>
                <c:pt idx="139">
                  <c:v>0.59845072031021096</c:v>
                </c:pt>
                <c:pt idx="140">
                  <c:v>0.58701044321060203</c:v>
                </c:pt>
                <c:pt idx="141">
                  <c:v>0.60921335220336903</c:v>
                </c:pt>
                <c:pt idx="142">
                  <c:v>0.60257905721664395</c:v>
                </c:pt>
                <c:pt idx="143">
                  <c:v>0.56421214342117298</c:v>
                </c:pt>
                <c:pt idx="144">
                  <c:v>0.59348267316818204</c:v>
                </c:pt>
                <c:pt idx="145">
                  <c:v>0.56542110443115201</c:v>
                </c:pt>
                <c:pt idx="146">
                  <c:v>0.55701828002929699</c:v>
                </c:pt>
                <c:pt idx="147">
                  <c:v>0.57044082880020097</c:v>
                </c:pt>
                <c:pt idx="148">
                  <c:v>0.55150067806243896</c:v>
                </c:pt>
                <c:pt idx="149">
                  <c:v>0.58058422803878795</c:v>
                </c:pt>
                <c:pt idx="150">
                  <c:v>0.57943868637085005</c:v>
                </c:pt>
                <c:pt idx="151">
                  <c:v>0.597548007965088</c:v>
                </c:pt>
                <c:pt idx="152">
                  <c:v>0.56259626150131203</c:v>
                </c:pt>
                <c:pt idx="153">
                  <c:v>0.54893201589584395</c:v>
                </c:pt>
                <c:pt idx="154">
                  <c:v>0.55176538228988603</c:v>
                </c:pt>
                <c:pt idx="155">
                  <c:v>0.55416786670684803</c:v>
                </c:pt>
                <c:pt idx="156">
                  <c:v>0.54859620332717896</c:v>
                </c:pt>
                <c:pt idx="157">
                  <c:v>0.53295910358428999</c:v>
                </c:pt>
                <c:pt idx="158">
                  <c:v>0.51494640111923196</c:v>
                </c:pt>
                <c:pt idx="159">
                  <c:v>0.55447733402252197</c:v>
                </c:pt>
                <c:pt idx="160">
                  <c:v>0.532545566558838</c:v>
                </c:pt>
                <c:pt idx="161">
                  <c:v>0.52026981115341198</c:v>
                </c:pt>
                <c:pt idx="162">
                  <c:v>0.52138125896453902</c:v>
                </c:pt>
                <c:pt idx="163">
                  <c:v>0.51615816354751598</c:v>
                </c:pt>
                <c:pt idx="164">
                  <c:v>0.53787416219711304</c:v>
                </c:pt>
                <c:pt idx="165">
                  <c:v>0.51993560791015603</c:v>
                </c:pt>
                <c:pt idx="166">
                  <c:v>0.48603433370590199</c:v>
                </c:pt>
                <c:pt idx="167">
                  <c:v>0.48627766966819802</c:v>
                </c:pt>
                <c:pt idx="168">
                  <c:v>0.47638732194900502</c:v>
                </c:pt>
                <c:pt idx="169">
                  <c:v>0.463217943906784</c:v>
                </c:pt>
                <c:pt idx="170">
                  <c:v>0.46272647380828902</c:v>
                </c:pt>
                <c:pt idx="171">
                  <c:v>0.4654900431633</c:v>
                </c:pt>
                <c:pt idx="172">
                  <c:v>0.43109390139579801</c:v>
                </c:pt>
                <c:pt idx="173">
                  <c:v>0.41914883255958602</c:v>
                </c:pt>
                <c:pt idx="174">
                  <c:v>0.40502685308456399</c:v>
                </c:pt>
                <c:pt idx="175">
                  <c:v>0.40449815988540599</c:v>
                </c:pt>
                <c:pt idx="176">
                  <c:v>0.37728631496429399</c:v>
                </c:pt>
                <c:pt idx="177">
                  <c:v>0.38107064366340598</c:v>
                </c:pt>
                <c:pt idx="178">
                  <c:v>0.35443452000617998</c:v>
                </c:pt>
                <c:pt idx="179">
                  <c:v>0.35981661081314098</c:v>
                </c:pt>
                <c:pt idx="180">
                  <c:v>0.35576930642128002</c:v>
                </c:pt>
                <c:pt idx="181">
                  <c:v>0.33479896187782299</c:v>
                </c:pt>
                <c:pt idx="182">
                  <c:v>0.34893131256103499</c:v>
                </c:pt>
                <c:pt idx="183">
                  <c:v>0.32227343320846602</c:v>
                </c:pt>
                <c:pt idx="184">
                  <c:v>0.35834881663322399</c:v>
                </c:pt>
                <c:pt idx="185">
                  <c:v>0.335348069667816</c:v>
                </c:pt>
                <c:pt idx="186">
                  <c:v>0.32363778352737399</c:v>
                </c:pt>
                <c:pt idx="187">
                  <c:v>0.328553527593613</c:v>
                </c:pt>
                <c:pt idx="188">
                  <c:v>0.29778671264648399</c:v>
                </c:pt>
                <c:pt idx="189">
                  <c:v>0.29693588614463801</c:v>
                </c:pt>
                <c:pt idx="190">
                  <c:v>0.31742912530898998</c:v>
                </c:pt>
                <c:pt idx="191">
                  <c:v>0.27887177467346203</c:v>
                </c:pt>
                <c:pt idx="192">
                  <c:v>0.26246735453605702</c:v>
                </c:pt>
                <c:pt idx="193">
                  <c:v>0.24412141740322099</c:v>
                </c:pt>
                <c:pt idx="194">
                  <c:v>0.22478525340557101</c:v>
                </c:pt>
                <c:pt idx="195">
                  <c:v>0.26416197419166598</c:v>
                </c:pt>
                <c:pt idx="196">
                  <c:v>0.27566546201705899</c:v>
                </c:pt>
                <c:pt idx="197">
                  <c:v>0.24857105314731601</c:v>
                </c:pt>
                <c:pt idx="198">
                  <c:v>0.23913519084453599</c:v>
                </c:pt>
                <c:pt idx="199">
                  <c:v>0.20551547408103901</c:v>
                </c:pt>
                <c:pt idx="200">
                  <c:v>0.20440016686916401</c:v>
                </c:pt>
                <c:pt idx="201">
                  <c:v>0.22874590754509</c:v>
                </c:pt>
                <c:pt idx="202">
                  <c:v>0.213886559009552</c:v>
                </c:pt>
                <c:pt idx="203">
                  <c:v>0.22390787303447701</c:v>
                </c:pt>
                <c:pt idx="204">
                  <c:v>0.208079323172569</c:v>
                </c:pt>
                <c:pt idx="205">
                  <c:v>0.166235536336899</c:v>
                </c:pt>
                <c:pt idx="206">
                  <c:v>0.19932322204113001</c:v>
                </c:pt>
                <c:pt idx="207">
                  <c:v>0.203555047512054</c:v>
                </c:pt>
                <c:pt idx="208">
                  <c:v>0.178461357951164</c:v>
                </c:pt>
                <c:pt idx="209">
                  <c:v>0.17096760869026201</c:v>
                </c:pt>
                <c:pt idx="210">
                  <c:v>0.203494697809219</c:v>
                </c:pt>
                <c:pt idx="211">
                  <c:v>0.19568707048893</c:v>
                </c:pt>
                <c:pt idx="212">
                  <c:v>0.19069167971611001</c:v>
                </c:pt>
                <c:pt idx="213">
                  <c:v>0.173907890915871</c:v>
                </c:pt>
                <c:pt idx="214">
                  <c:v>0.182545825839043</c:v>
                </c:pt>
                <c:pt idx="215">
                  <c:v>0.178005620837212</c:v>
                </c:pt>
                <c:pt idx="216">
                  <c:v>0.16952629387378701</c:v>
                </c:pt>
                <c:pt idx="217">
                  <c:v>0.177457690238953</c:v>
                </c:pt>
                <c:pt idx="218">
                  <c:v>0.15298421680927299</c:v>
                </c:pt>
                <c:pt idx="219">
                  <c:v>0.14556714892387401</c:v>
                </c:pt>
                <c:pt idx="220">
                  <c:v>0.133375659584999</c:v>
                </c:pt>
                <c:pt idx="221">
                  <c:v>0.12875729799270599</c:v>
                </c:pt>
                <c:pt idx="222">
                  <c:v>0.11584784090519</c:v>
                </c:pt>
                <c:pt idx="223">
                  <c:v>0.110471874475479</c:v>
                </c:pt>
                <c:pt idx="224">
                  <c:v>0.100267663598061</c:v>
                </c:pt>
                <c:pt idx="225">
                  <c:v>9.2988617718219799E-2</c:v>
                </c:pt>
                <c:pt idx="226">
                  <c:v>8.4813922643661499E-2</c:v>
                </c:pt>
                <c:pt idx="227">
                  <c:v>0.10883176326751701</c:v>
                </c:pt>
                <c:pt idx="229">
                  <c:v>0.5692142844200129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B74A-4E33-A529-D1C852A0F1AA}"/>
            </c:ext>
          </c:extLst>
        </c:ser>
        <c:ser>
          <c:idx val="6"/>
          <c:order val="1"/>
          <c:tx>
            <c:v>5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>
                  <a:lumMod val="60000"/>
                </a:schemeClr>
              </a:solidFill>
              <a:ln w="9525">
                <a:solidFill>
                  <a:schemeClr val="accent1">
                    <a:lumMod val="60000"/>
                  </a:schemeClr>
                </a:solidFill>
              </a:ln>
              <a:effectLst/>
            </c:spPr>
          </c:marker>
          <c:xVal>
            <c:numRef>
              <c:f>Type_4_6__5___._1_thixotropy_rw!$F$2:$F$231</c:f>
              <c:numCache>
                <c:formatCode>General</c:formatCode>
                <c:ptCount val="230"/>
                <c:pt idx="0">
                  <c:v>0.92629134654998802</c:v>
                </c:pt>
                <c:pt idx="1">
                  <c:v>1.9262136220932</c:v>
                </c:pt>
                <c:pt idx="2">
                  <c:v>2.9263513088226301</c:v>
                </c:pt>
                <c:pt idx="3">
                  <c:v>3.9263162612914999</c:v>
                </c:pt>
                <c:pt idx="4">
                  <c:v>4.9263024330139196</c:v>
                </c:pt>
                <c:pt idx="5">
                  <c:v>5.9261674880981401</c:v>
                </c:pt>
                <c:pt idx="6">
                  <c:v>6.9288129806518599</c:v>
                </c:pt>
                <c:pt idx="7">
                  <c:v>7.9287843704223597</c:v>
                </c:pt>
                <c:pt idx="8">
                  <c:v>8.9289026260375994</c:v>
                </c:pt>
                <c:pt idx="9">
                  <c:v>9.9289960861206108</c:v>
                </c:pt>
                <c:pt idx="10">
                  <c:v>10.926317214965801</c:v>
                </c:pt>
                <c:pt idx="11">
                  <c:v>11.926307678222701</c:v>
                </c:pt>
                <c:pt idx="12">
                  <c:v>12.9264888763428</c:v>
                </c:pt>
                <c:pt idx="13">
                  <c:v>13.926652908325201</c:v>
                </c:pt>
                <c:pt idx="14">
                  <c:v>14.926682472229</c:v>
                </c:pt>
                <c:pt idx="15">
                  <c:v>15.926659584045399</c:v>
                </c:pt>
                <c:pt idx="16">
                  <c:v>16.926557540893601</c:v>
                </c:pt>
                <c:pt idx="17">
                  <c:v>17.92626953125</c:v>
                </c:pt>
                <c:pt idx="18">
                  <c:v>18.9263095855713</c:v>
                </c:pt>
                <c:pt idx="19">
                  <c:v>19.9258117675781</c:v>
                </c:pt>
                <c:pt idx="20">
                  <c:v>20.925514221191399</c:v>
                </c:pt>
                <c:pt idx="21">
                  <c:v>21.9253826141357</c:v>
                </c:pt>
                <c:pt idx="22">
                  <c:v>22.925296783447301</c:v>
                </c:pt>
                <c:pt idx="23">
                  <c:v>23.924812316894499</c:v>
                </c:pt>
                <c:pt idx="24">
                  <c:v>24.924860000610401</c:v>
                </c:pt>
                <c:pt idx="25">
                  <c:v>25.924299240112301</c:v>
                </c:pt>
                <c:pt idx="26">
                  <c:v>26.924360275268601</c:v>
                </c:pt>
                <c:pt idx="27">
                  <c:v>27.924074172973601</c:v>
                </c:pt>
                <c:pt idx="28">
                  <c:v>28.923866271972699</c:v>
                </c:pt>
                <c:pt idx="29">
                  <c:v>29.923406600952099</c:v>
                </c:pt>
                <c:pt idx="30">
                  <c:v>30.92333984375</c:v>
                </c:pt>
                <c:pt idx="31">
                  <c:v>31.922878265380898</c:v>
                </c:pt>
                <c:pt idx="32">
                  <c:v>32.9254150390625</c:v>
                </c:pt>
                <c:pt idx="33">
                  <c:v>33.925327301025398</c:v>
                </c:pt>
                <c:pt idx="34">
                  <c:v>34.924873352050803</c:v>
                </c:pt>
                <c:pt idx="35">
                  <c:v>35.924903869628899</c:v>
                </c:pt>
                <c:pt idx="36">
                  <c:v>36.924449920654297</c:v>
                </c:pt>
                <c:pt idx="37">
                  <c:v>37.9239311218262</c:v>
                </c:pt>
                <c:pt idx="38">
                  <c:v>38.923957824707003</c:v>
                </c:pt>
                <c:pt idx="39">
                  <c:v>39.9239311218262</c:v>
                </c:pt>
                <c:pt idx="40">
                  <c:v>40.923614501953097</c:v>
                </c:pt>
                <c:pt idx="41">
                  <c:v>41.923286437988303</c:v>
                </c:pt>
                <c:pt idx="42">
                  <c:v>42.923126220703097</c:v>
                </c:pt>
                <c:pt idx="43">
                  <c:v>43.922607421875</c:v>
                </c:pt>
                <c:pt idx="44">
                  <c:v>44.922683715820298</c:v>
                </c:pt>
                <c:pt idx="45">
                  <c:v>45.922389984130902</c:v>
                </c:pt>
                <c:pt idx="46">
                  <c:v>46.921710968017599</c:v>
                </c:pt>
                <c:pt idx="47">
                  <c:v>47.921333312988303</c:v>
                </c:pt>
                <c:pt idx="48">
                  <c:v>48.921558380127003</c:v>
                </c:pt>
                <c:pt idx="49">
                  <c:v>49.921222686767599</c:v>
                </c:pt>
                <c:pt idx="50">
                  <c:v>50.921222686767599</c:v>
                </c:pt>
                <c:pt idx="51">
                  <c:v>51.920925140380902</c:v>
                </c:pt>
                <c:pt idx="52">
                  <c:v>52.919872283935497</c:v>
                </c:pt>
                <c:pt idx="53">
                  <c:v>53.920047760009801</c:v>
                </c:pt>
                <c:pt idx="54">
                  <c:v>54.9195365905762</c:v>
                </c:pt>
                <c:pt idx="55">
                  <c:v>55.919712066650398</c:v>
                </c:pt>
                <c:pt idx="56">
                  <c:v>56.918998718261697</c:v>
                </c:pt>
                <c:pt idx="57">
                  <c:v>57.9191284179688</c:v>
                </c:pt>
                <c:pt idx="58">
                  <c:v>58.919239044189503</c:v>
                </c:pt>
                <c:pt idx="59">
                  <c:v>59.918506622314503</c:v>
                </c:pt>
                <c:pt idx="60">
                  <c:v>60.919197082519503</c:v>
                </c:pt>
                <c:pt idx="61">
                  <c:v>61.917617797851598</c:v>
                </c:pt>
                <c:pt idx="62">
                  <c:v>62.918319702148402</c:v>
                </c:pt>
                <c:pt idx="63">
                  <c:v>63.918041229247997</c:v>
                </c:pt>
                <c:pt idx="64">
                  <c:v>64.917640686035199</c:v>
                </c:pt>
                <c:pt idx="65">
                  <c:v>65.917991638183594</c:v>
                </c:pt>
                <c:pt idx="66">
                  <c:v>66.915924072265597</c:v>
                </c:pt>
                <c:pt idx="67">
                  <c:v>67.916511535644503</c:v>
                </c:pt>
                <c:pt idx="68">
                  <c:v>68.916534423828097</c:v>
                </c:pt>
                <c:pt idx="69">
                  <c:v>69.916053771972699</c:v>
                </c:pt>
                <c:pt idx="70">
                  <c:v>70.916122436523395</c:v>
                </c:pt>
                <c:pt idx="71">
                  <c:v>71.916168212890597</c:v>
                </c:pt>
                <c:pt idx="72">
                  <c:v>72.915290832519503</c:v>
                </c:pt>
                <c:pt idx="73">
                  <c:v>73.915267944335895</c:v>
                </c:pt>
                <c:pt idx="74">
                  <c:v>74.914649963378906</c:v>
                </c:pt>
                <c:pt idx="75">
                  <c:v>75.914886474609403</c:v>
                </c:pt>
                <c:pt idx="76">
                  <c:v>76.915229797363295</c:v>
                </c:pt>
                <c:pt idx="77">
                  <c:v>77.913658142089801</c:v>
                </c:pt>
                <c:pt idx="78">
                  <c:v>78.913673400878906</c:v>
                </c:pt>
                <c:pt idx="79">
                  <c:v>79.914039611816406</c:v>
                </c:pt>
                <c:pt idx="80">
                  <c:v>80.914070129394503</c:v>
                </c:pt>
                <c:pt idx="81">
                  <c:v>81.913734436035199</c:v>
                </c:pt>
                <c:pt idx="82">
                  <c:v>82.913192749023395</c:v>
                </c:pt>
                <c:pt idx="83">
                  <c:v>83.912132263183594</c:v>
                </c:pt>
                <c:pt idx="84">
                  <c:v>84.913581848144503</c:v>
                </c:pt>
                <c:pt idx="85">
                  <c:v>85.913764953613295</c:v>
                </c:pt>
                <c:pt idx="86">
                  <c:v>86.912422180175795</c:v>
                </c:pt>
                <c:pt idx="87">
                  <c:v>87.911506652832003</c:v>
                </c:pt>
                <c:pt idx="88">
                  <c:v>88.912223815917997</c:v>
                </c:pt>
                <c:pt idx="89">
                  <c:v>89.911453247070298</c:v>
                </c:pt>
                <c:pt idx="90">
                  <c:v>90.91162109375</c:v>
                </c:pt>
                <c:pt idx="91">
                  <c:v>91.909706115722699</c:v>
                </c:pt>
                <c:pt idx="92">
                  <c:v>92.910331726074205</c:v>
                </c:pt>
                <c:pt idx="93">
                  <c:v>93.910476684570298</c:v>
                </c:pt>
                <c:pt idx="94">
                  <c:v>94.9105224609375</c:v>
                </c:pt>
                <c:pt idx="95">
                  <c:v>95.910362243652301</c:v>
                </c:pt>
                <c:pt idx="96">
                  <c:v>96.910705566406307</c:v>
                </c:pt>
                <c:pt idx="97">
                  <c:v>97.908119201660199</c:v>
                </c:pt>
                <c:pt idx="98">
                  <c:v>98.909606933593807</c:v>
                </c:pt>
                <c:pt idx="99">
                  <c:v>99.908966064453097</c:v>
                </c:pt>
                <c:pt idx="100">
                  <c:v>100.000541687012</c:v>
                </c:pt>
                <c:pt idx="101">
                  <c:v>99.999496459960895</c:v>
                </c:pt>
                <c:pt idx="102">
                  <c:v>100.00067138671901</c:v>
                </c:pt>
                <c:pt idx="103">
                  <c:v>100.00050354003901</c:v>
                </c:pt>
                <c:pt idx="104">
                  <c:v>99.998336791992202</c:v>
                </c:pt>
                <c:pt idx="105">
                  <c:v>100.001792907715</c:v>
                </c:pt>
                <c:pt idx="106">
                  <c:v>99.999565124511705</c:v>
                </c:pt>
                <c:pt idx="107">
                  <c:v>99.999603271484403</c:v>
                </c:pt>
                <c:pt idx="108">
                  <c:v>100.00067138671901</c:v>
                </c:pt>
                <c:pt idx="109">
                  <c:v>100.00114440918</c:v>
                </c:pt>
                <c:pt idx="110">
                  <c:v>100.00017547607401</c:v>
                </c:pt>
                <c:pt idx="111">
                  <c:v>100.001815795898</c:v>
                </c:pt>
                <c:pt idx="112">
                  <c:v>100.000038146973</c:v>
                </c:pt>
                <c:pt idx="113">
                  <c:v>100.000106811523</c:v>
                </c:pt>
                <c:pt idx="114">
                  <c:v>100.00066375732401</c:v>
                </c:pt>
                <c:pt idx="115">
                  <c:v>100.000450134277</c:v>
                </c:pt>
                <c:pt idx="116">
                  <c:v>100.000274658203</c:v>
                </c:pt>
                <c:pt idx="117">
                  <c:v>100.00065612793</c:v>
                </c:pt>
                <c:pt idx="118">
                  <c:v>99.999900817871094</c:v>
                </c:pt>
                <c:pt idx="119">
                  <c:v>100.00006866455099</c:v>
                </c:pt>
                <c:pt idx="120">
                  <c:v>99.999275207519503</c:v>
                </c:pt>
                <c:pt idx="121">
                  <c:v>99.999641418457003</c:v>
                </c:pt>
                <c:pt idx="122">
                  <c:v>99.999908447265597</c:v>
                </c:pt>
                <c:pt idx="123">
                  <c:v>99.999412536621094</c:v>
                </c:pt>
                <c:pt idx="124">
                  <c:v>100.001754760742</c:v>
                </c:pt>
                <c:pt idx="125">
                  <c:v>100.00178527832</c:v>
                </c:pt>
                <c:pt idx="126">
                  <c:v>99.999038696289105</c:v>
                </c:pt>
                <c:pt idx="127">
                  <c:v>100.000381469727</c:v>
                </c:pt>
                <c:pt idx="128">
                  <c:v>100.00090789794901</c:v>
                </c:pt>
                <c:pt idx="129">
                  <c:v>99.999008178710895</c:v>
                </c:pt>
                <c:pt idx="130">
                  <c:v>99.075477600097699</c:v>
                </c:pt>
                <c:pt idx="131">
                  <c:v>98.075401306152301</c:v>
                </c:pt>
                <c:pt idx="132">
                  <c:v>97.073066711425795</c:v>
                </c:pt>
                <c:pt idx="133">
                  <c:v>96.072769165039105</c:v>
                </c:pt>
                <c:pt idx="134">
                  <c:v>95.076950073242202</c:v>
                </c:pt>
                <c:pt idx="135">
                  <c:v>94.076477050781307</c:v>
                </c:pt>
                <c:pt idx="136">
                  <c:v>93.076126098632798</c:v>
                </c:pt>
                <c:pt idx="137">
                  <c:v>92.074089050292997</c:v>
                </c:pt>
                <c:pt idx="138">
                  <c:v>91.074546813964801</c:v>
                </c:pt>
                <c:pt idx="139">
                  <c:v>90.078392028808594</c:v>
                </c:pt>
                <c:pt idx="140">
                  <c:v>89.077224731445298</c:v>
                </c:pt>
                <c:pt idx="141">
                  <c:v>88.0780029296875</c:v>
                </c:pt>
                <c:pt idx="142">
                  <c:v>87.074989318847699</c:v>
                </c:pt>
                <c:pt idx="143">
                  <c:v>86.078193664550795</c:v>
                </c:pt>
                <c:pt idx="144">
                  <c:v>85.078414916992202</c:v>
                </c:pt>
                <c:pt idx="145">
                  <c:v>84.078598022460895</c:v>
                </c:pt>
                <c:pt idx="146">
                  <c:v>83.079254150390597</c:v>
                </c:pt>
                <c:pt idx="147">
                  <c:v>82.080184936523395</c:v>
                </c:pt>
                <c:pt idx="148">
                  <c:v>81.079017639160199</c:v>
                </c:pt>
                <c:pt idx="149">
                  <c:v>80.080215454101605</c:v>
                </c:pt>
                <c:pt idx="150">
                  <c:v>79.079772949218807</c:v>
                </c:pt>
                <c:pt idx="151">
                  <c:v>78.080596923828097</c:v>
                </c:pt>
                <c:pt idx="152">
                  <c:v>77.080772399902301</c:v>
                </c:pt>
                <c:pt idx="153">
                  <c:v>76.080772399902301</c:v>
                </c:pt>
                <c:pt idx="154">
                  <c:v>75.082420349121094</c:v>
                </c:pt>
                <c:pt idx="155">
                  <c:v>74.080879211425795</c:v>
                </c:pt>
                <c:pt idx="156">
                  <c:v>73.081443786621094</c:v>
                </c:pt>
                <c:pt idx="157">
                  <c:v>72.081581115722699</c:v>
                </c:pt>
                <c:pt idx="158">
                  <c:v>71.0821533203125</c:v>
                </c:pt>
                <c:pt idx="159">
                  <c:v>70.080986022949205</c:v>
                </c:pt>
                <c:pt idx="160">
                  <c:v>69.082145690917997</c:v>
                </c:pt>
                <c:pt idx="161">
                  <c:v>68.082382202148395</c:v>
                </c:pt>
                <c:pt idx="162">
                  <c:v>67.082107543945298</c:v>
                </c:pt>
                <c:pt idx="163">
                  <c:v>66.083541870117202</c:v>
                </c:pt>
                <c:pt idx="164">
                  <c:v>65.080764770507798</c:v>
                </c:pt>
                <c:pt idx="165">
                  <c:v>64.080474853515597</c:v>
                </c:pt>
                <c:pt idx="166">
                  <c:v>63.081413269042997</c:v>
                </c:pt>
                <c:pt idx="167">
                  <c:v>62.082130432128899</c:v>
                </c:pt>
                <c:pt idx="168">
                  <c:v>61.082611083984403</c:v>
                </c:pt>
                <c:pt idx="169">
                  <c:v>60.082103729247997</c:v>
                </c:pt>
                <c:pt idx="170">
                  <c:v>59.082046508789098</c:v>
                </c:pt>
                <c:pt idx="171">
                  <c:v>58.082832336425803</c:v>
                </c:pt>
                <c:pt idx="172">
                  <c:v>57.082614898681598</c:v>
                </c:pt>
                <c:pt idx="173">
                  <c:v>56.082748413085902</c:v>
                </c:pt>
                <c:pt idx="174">
                  <c:v>55.083328247070298</c:v>
                </c:pt>
                <c:pt idx="175">
                  <c:v>54.083995819091797</c:v>
                </c:pt>
                <c:pt idx="176">
                  <c:v>53.083511352539098</c:v>
                </c:pt>
                <c:pt idx="177">
                  <c:v>52.084312438964801</c:v>
                </c:pt>
                <c:pt idx="178">
                  <c:v>51.084445953369098</c:v>
                </c:pt>
                <c:pt idx="179">
                  <c:v>50.084568023681598</c:v>
                </c:pt>
                <c:pt idx="180">
                  <c:v>49.085437774658203</c:v>
                </c:pt>
                <c:pt idx="181">
                  <c:v>48.084903717041001</c:v>
                </c:pt>
                <c:pt idx="182">
                  <c:v>47.085109710693402</c:v>
                </c:pt>
                <c:pt idx="183">
                  <c:v>46.085670471191399</c:v>
                </c:pt>
                <c:pt idx="184">
                  <c:v>45.085433959960902</c:v>
                </c:pt>
                <c:pt idx="185">
                  <c:v>44.086441040039098</c:v>
                </c:pt>
                <c:pt idx="186">
                  <c:v>43.086357116699197</c:v>
                </c:pt>
                <c:pt idx="187">
                  <c:v>42.086524963378899</c:v>
                </c:pt>
                <c:pt idx="188">
                  <c:v>41.087013244628899</c:v>
                </c:pt>
                <c:pt idx="189">
                  <c:v>40.087150573730497</c:v>
                </c:pt>
                <c:pt idx="190">
                  <c:v>39.087059020996101</c:v>
                </c:pt>
                <c:pt idx="191">
                  <c:v>38.087043762207003</c:v>
                </c:pt>
                <c:pt idx="192">
                  <c:v>37.087398529052699</c:v>
                </c:pt>
                <c:pt idx="193">
                  <c:v>36.087917327880902</c:v>
                </c:pt>
                <c:pt idx="194">
                  <c:v>35.088909149169901</c:v>
                </c:pt>
                <c:pt idx="195">
                  <c:v>34.088150024414098</c:v>
                </c:pt>
                <c:pt idx="196">
                  <c:v>33.088264465332003</c:v>
                </c:pt>
                <c:pt idx="197">
                  <c:v>32.088760375976598</c:v>
                </c:pt>
                <c:pt idx="198">
                  <c:v>31.089097976684599</c:v>
                </c:pt>
                <c:pt idx="199">
                  <c:v>30.089378356933601</c:v>
                </c:pt>
                <c:pt idx="200">
                  <c:v>29.089584350585898</c:v>
                </c:pt>
                <c:pt idx="201">
                  <c:v>28.0898551940918</c:v>
                </c:pt>
                <c:pt idx="202">
                  <c:v>27.090019226074201</c:v>
                </c:pt>
                <c:pt idx="203">
                  <c:v>26.090192794799801</c:v>
                </c:pt>
                <c:pt idx="204">
                  <c:v>25.090635299682599</c:v>
                </c:pt>
                <c:pt idx="205">
                  <c:v>24.090934753418001</c:v>
                </c:pt>
                <c:pt idx="206">
                  <c:v>23.091041564941399</c:v>
                </c:pt>
                <c:pt idx="207">
                  <c:v>22.0912780761719</c:v>
                </c:pt>
                <c:pt idx="208">
                  <c:v>21.091773986816399</c:v>
                </c:pt>
                <c:pt idx="209">
                  <c:v>20.0918292999268</c:v>
                </c:pt>
                <c:pt idx="210">
                  <c:v>19.09202003479</c:v>
                </c:pt>
                <c:pt idx="211">
                  <c:v>18.0923957824707</c:v>
                </c:pt>
                <c:pt idx="212">
                  <c:v>17.092563629150401</c:v>
                </c:pt>
                <c:pt idx="213">
                  <c:v>16.092937469482401</c:v>
                </c:pt>
                <c:pt idx="214">
                  <c:v>15.0927076339722</c:v>
                </c:pt>
                <c:pt idx="215">
                  <c:v>14.0926160812378</c:v>
                </c:pt>
                <c:pt idx="216">
                  <c:v>13.092587471008301</c:v>
                </c:pt>
                <c:pt idx="217">
                  <c:v>12.092405319213899</c:v>
                </c:pt>
                <c:pt idx="218">
                  <c:v>11.092358589172401</c:v>
                </c:pt>
                <c:pt idx="219">
                  <c:v>10.0922136306763</c:v>
                </c:pt>
                <c:pt idx="220">
                  <c:v>9.0921154022216797</c:v>
                </c:pt>
                <c:pt idx="221">
                  <c:v>8.0920581817627006</c:v>
                </c:pt>
                <c:pt idx="222">
                  <c:v>7.0920848846435502</c:v>
                </c:pt>
                <c:pt idx="223">
                  <c:v>6.0921506881713903</c:v>
                </c:pt>
                <c:pt idx="224">
                  <c:v>5.0922384262084996</c:v>
                </c:pt>
                <c:pt idx="225">
                  <c:v>4.0923190116882298</c:v>
                </c:pt>
                <c:pt idx="226">
                  <c:v>3.0922644138336199</c:v>
                </c:pt>
                <c:pt idx="227">
                  <c:v>2.0922944545745898</c:v>
                </c:pt>
                <c:pt idx="228">
                  <c:v>1.0922557115554801</c:v>
                </c:pt>
                <c:pt idx="229">
                  <c:v>9.2282697558403001E-2</c:v>
                </c:pt>
              </c:numCache>
            </c:numRef>
          </c:xVal>
          <c:yVal>
            <c:numRef>
              <c:f>Type_4_6__5___._1_thixotropy_rw!$G$2:$G$231</c:f>
              <c:numCache>
                <c:formatCode>General</c:formatCode>
                <c:ptCount val="230"/>
                <c:pt idx="0">
                  <c:v>4.4347805976867702</c:v>
                </c:pt>
                <c:pt idx="1">
                  <c:v>1.0265645980835001</c:v>
                </c:pt>
                <c:pt idx="2">
                  <c:v>0.393364697694778</c:v>
                </c:pt>
                <c:pt idx="3">
                  <c:v>0.209994271397591</c:v>
                </c:pt>
                <c:pt idx="4">
                  <c:v>0.24155528843402899</c:v>
                </c:pt>
                <c:pt idx="5">
                  <c:v>0.19684216380119299</c:v>
                </c:pt>
                <c:pt idx="6">
                  <c:v>0.17772550880908999</c:v>
                </c:pt>
                <c:pt idx="7">
                  <c:v>0.17036606371402699</c:v>
                </c:pt>
                <c:pt idx="8">
                  <c:v>0.173059552907944</c:v>
                </c:pt>
                <c:pt idx="9">
                  <c:v>0.179435715079308</c:v>
                </c:pt>
                <c:pt idx="10">
                  <c:v>0.20726962387561801</c:v>
                </c:pt>
                <c:pt idx="11">
                  <c:v>0.21330919861793499</c:v>
                </c:pt>
                <c:pt idx="12">
                  <c:v>0.20304290950298301</c:v>
                </c:pt>
                <c:pt idx="13">
                  <c:v>0.167809873819351</c:v>
                </c:pt>
                <c:pt idx="14">
                  <c:v>0.169891446828842</c:v>
                </c:pt>
                <c:pt idx="15">
                  <c:v>0.17767657339572901</c:v>
                </c:pt>
                <c:pt idx="16">
                  <c:v>0.20863427221775099</c:v>
                </c:pt>
                <c:pt idx="17">
                  <c:v>0.25021252036094699</c:v>
                </c:pt>
                <c:pt idx="18">
                  <c:v>0.26954752206802401</c:v>
                </c:pt>
                <c:pt idx="19">
                  <c:v>0.25287383794784501</c:v>
                </c:pt>
                <c:pt idx="20">
                  <c:v>0.23173260688781699</c:v>
                </c:pt>
                <c:pt idx="21">
                  <c:v>0.237801939249039</c:v>
                </c:pt>
                <c:pt idx="22">
                  <c:v>0.18993715941906</c:v>
                </c:pt>
                <c:pt idx="23">
                  <c:v>0.21628947556018799</c:v>
                </c:pt>
                <c:pt idx="24">
                  <c:v>0.22910074889659901</c:v>
                </c:pt>
                <c:pt idx="25">
                  <c:v>0.208365723490715</c:v>
                </c:pt>
                <c:pt idx="26">
                  <c:v>0.24142560362815901</c:v>
                </c:pt>
                <c:pt idx="27">
                  <c:v>0.21427994966507</c:v>
                </c:pt>
                <c:pt idx="28">
                  <c:v>0.224054485559464</c:v>
                </c:pt>
                <c:pt idx="29">
                  <c:v>0.23671011626720401</c:v>
                </c:pt>
                <c:pt idx="30">
                  <c:v>0.26379847526550299</c:v>
                </c:pt>
                <c:pt idx="31">
                  <c:v>0.242792919278145</c:v>
                </c:pt>
                <c:pt idx="32">
                  <c:v>0.27758616209030201</c:v>
                </c:pt>
                <c:pt idx="33">
                  <c:v>0.26451703906059298</c:v>
                </c:pt>
                <c:pt idx="34">
                  <c:v>0.25765836238861101</c:v>
                </c:pt>
                <c:pt idx="35">
                  <c:v>0.28169408440589899</c:v>
                </c:pt>
                <c:pt idx="36">
                  <c:v>0.27504214644432101</c:v>
                </c:pt>
                <c:pt idx="37">
                  <c:v>0.301024109125137</c:v>
                </c:pt>
                <c:pt idx="38">
                  <c:v>0.31508630514144897</c:v>
                </c:pt>
                <c:pt idx="39">
                  <c:v>0.33166536688804599</c:v>
                </c:pt>
                <c:pt idx="40">
                  <c:v>0.29852092266082803</c:v>
                </c:pt>
                <c:pt idx="41">
                  <c:v>0.33734747767448398</c:v>
                </c:pt>
                <c:pt idx="42">
                  <c:v>0.32361373305320701</c:v>
                </c:pt>
                <c:pt idx="43">
                  <c:v>0.32018503546714799</c:v>
                </c:pt>
                <c:pt idx="44">
                  <c:v>0.328804790973663</c:v>
                </c:pt>
                <c:pt idx="45">
                  <c:v>0.33668476343154902</c:v>
                </c:pt>
                <c:pt idx="46">
                  <c:v>0.31589794158935502</c:v>
                </c:pt>
                <c:pt idx="47">
                  <c:v>0.343627959489822</c:v>
                </c:pt>
                <c:pt idx="48">
                  <c:v>0.32989108562469499</c:v>
                </c:pt>
                <c:pt idx="49">
                  <c:v>0.32175990939140298</c:v>
                </c:pt>
                <c:pt idx="50">
                  <c:v>0.33629027009010298</c:v>
                </c:pt>
                <c:pt idx="51">
                  <c:v>0.33312916755676297</c:v>
                </c:pt>
                <c:pt idx="52">
                  <c:v>0.38964688777923601</c:v>
                </c:pt>
                <c:pt idx="53">
                  <c:v>0.40335342288017301</c:v>
                </c:pt>
                <c:pt idx="54">
                  <c:v>0.361394762992859</c:v>
                </c:pt>
                <c:pt idx="55">
                  <c:v>0.37748602032661399</c:v>
                </c:pt>
                <c:pt idx="56">
                  <c:v>0.38971981406211897</c:v>
                </c:pt>
                <c:pt idx="57">
                  <c:v>0.39927887916564903</c:v>
                </c:pt>
                <c:pt idx="58">
                  <c:v>0.44001868367195102</c:v>
                </c:pt>
                <c:pt idx="59">
                  <c:v>0.42346286773681602</c:v>
                </c:pt>
                <c:pt idx="60">
                  <c:v>0.43891257047653198</c:v>
                </c:pt>
                <c:pt idx="61">
                  <c:v>0.43025234341621399</c:v>
                </c:pt>
                <c:pt idx="62">
                  <c:v>0.44454580545425398</c:v>
                </c:pt>
                <c:pt idx="63">
                  <c:v>0.43404155969619801</c:v>
                </c:pt>
                <c:pt idx="64">
                  <c:v>0.46887531876563998</c:v>
                </c:pt>
                <c:pt idx="65">
                  <c:v>0.44692233204841603</c:v>
                </c:pt>
                <c:pt idx="66">
                  <c:v>0.46534225344657898</c:v>
                </c:pt>
                <c:pt idx="67">
                  <c:v>0.48249900341033902</c:v>
                </c:pt>
                <c:pt idx="68">
                  <c:v>0.49908652901649497</c:v>
                </c:pt>
                <c:pt idx="69">
                  <c:v>0.53395187854766801</c:v>
                </c:pt>
                <c:pt idx="70">
                  <c:v>0.54046106338500999</c:v>
                </c:pt>
                <c:pt idx="71">
                  <c:v>0.52764689922332797</c:v>
                </c:pt>
                <c:pt idx="72">
                  <c:v>0.51093435287475597</c:v>
                </c:pt>
                <c:pt idx="73">
                  <c:v>0.50952905416488603</c:v>
                </c:pt>
                <c:pt idx="74">
                  <c:v>0.53405696153640703</c:v>
                </c:pt>
                <c:pt idx="75">
                  <c:v>0.52591085433960005</c:v>
                </c:pt>
                <c:pt idx="76">
                  <c:v>0.52262884378433205</c:v>
                </c:pt>
                <c:pt idx="77">
                  <c:v>0.52316701412200906</c:v>
                </c:pt>
                <c:pt idx="78">
                  <c:v>0.53954094648361195</c:v>
                </c:pt>
                <c:pt idx="79">
                  <c:v>0.56574368476867698</c:v>
                </c:pt>
                <c:pt idx="80">
                  <c:v>0.57713544368743896</c:v>
                </c:pt>
                <c:pt idx="81">
                  <c:v>0.57846325635910001</c:v>
                </c:pt>
                <c:pt idx="82">
                  <c:v>0.57939463853836104</c:v>
                </c:pt>
                <c:pt idx="83">
                  <c:v>0.57003009319305398</c:v>
                </c:pt>
                <c:pt idx="84">
                  <c:v>0.61014145612716697</c:v>
                </c:pt>
                <c:pt idx="85">
                  <c:v>0.59206902980804399</c:v>
                </c:pt>
                <c:pt idx="86">
                  <c:v>0.57304143905639604</c:v>
                </c:pt>
                <c:pt idx="87">
                  <c:v>0.55124086141586304</c:v>
                </c:pt>
                <c:pt idx="88">
                  <c:v>0.53179240226745605</c:v>
                </c:pt>
                <c:pt idx="89">
                  <c:v>0.57127219438552901</c:v>
                </c:pt>
                <c:pt idx="90">
                  <c:v>0.544827461242676</c:v>
                </c:pt>
                <c:pt idx="91">
                  <c:v>0.55782783031463601</c:v>
                </c:pt>
                <c:pt idx="92">
                  <c:v>0.56234657764434803</c:v>
                </c:pt>
                <c:pt idx="93">
                  <c:v>0.57356333732605003</c:v>
                </c:pt>
                <c:pt idx="94">
                  <c:v>0.53957784175872803</c:v>
                </c:pt>
                <c:pt idx="95">
                  <c:v>0.56241482496261597</c:v>
                </c:pt>
                <c:pt idx="96">
                  <c:v>0.55731725692749001</c:v>
                </c:pt>
                <c:pt idx="97">
                  <c:v>0.55259585380554199</c:v>
                </c:pt>
                <c:pt idx="98">
                  <c:v>0.56083846092224099</c:v>
                </c:pt>
                <c:pt idx="99">
                  <c:v>0.54601240158081099</c:v>
                </c:pt>
                <c:pt idx="100">
                  <c:v>0.54584974050521895</c:v>
                </c:pt>
                <c:pt idx="101">
                  <c:v>0.55461013317108199</c:v>
                </c:pt>
                <c:pt idx="102">
                  <c:v>0.56837755441665605</c:v>
                </c:pt>
                <c:pt idx="103">
                  <c:v>0.54734897613525402</c:v>
                </c:pt>
                <c:pt idx="104">
                  <c:v>0.55414336919784501</c:v>
                </c:pt>
                <c:pt idx="105">
                  <c:v>0.557564556598663</c:v>
                </c:pt>
                <c:pt idx="106">
                  <c:v>0.54548656940460205</c:v>
                </c:pt>
                <c:pt idx="107">
                  <c:v>0.53065782785415605</c:v>
                </c:pt>
                <c:pt idx="108">
                  <c:v>0.54693204164505005</c:v>
                </c:pt>
                <c:pt idx="109">
                  <c:v>0.54770493507385298</c:v>
                </c:pt>
                <c:pt idx="110">
                  <c:v>0.53679049015045199</c:v>
                </c:pt>
                <c:pt idx="111">
                  <c:v>0.55667757987976096</c:v>
                </c:pt>
                <c:pt idx="112">
                  <c:v>0.55024933815002397</c:v>
                </c:pt>
                <c:pt idx="113">
                  <c:v>0.53918206691741899</c:v>
                </c:pt>
                <c:pt idx="114">
                  <c:v>0.55479460954666104</c:v>
                </c:pt>
                <c:pt idx="115">
                  <c:v>0.54209119081497203</c:v>
                </c:pt>
                <c:pt idx="116">
                  <c:v>0.55360513925552401</c:v>
                </c:pt>
                <c:pt idx="117">
                  <c:v>0.53552389144897505</c:v>
                </c:pt>
                <c:pt idx="118">
                  <c:v>0.549996078014374</c:v>
                </c:pt>
                <c:pt idx="119">
                  <c:v>0.56555932760238603</c:v>
                </c:pt>
                <c:pt idx="120">
                  <c:v>0.53053754568099998</c:v>
                </c:pt>
                <c:pt idx="121">
                  <c:v>0.53936332464218095</c:v>
                </c:pt>
                <c:pt idx="122">
                  <c:v>0.56512153148651101</c:v>
                </c:pt>
                <c:pt idx="123">
                  <c:v>0.59244447946548495</c:v>
                </c:pt>
                <c:pt idx="124">
                  <c:v>0.55097419023513805</c:v>
                </c:pt>
                <c:pt idx="125">
                  <c:v>0.57134145498275801</c:v>
                </c:pt>
                <c:pt idx="126">
                  <c:v>0.55329614877700795</c:v>
                </c:pt>
                <c:pt idx="127">
                  <c:v>0.55579102039337203</c:v>
                </c:pt>
                <c:pt idx="128">
                  <c:v>0.54107725620269798</c:v>
                </c:pt>
                <c:pt idx="129">
                  <c:v>0.54328554868698098</c:v>
                </c:pt>
                <c:pt idx="130">
                  <c:v>0.54113310575485196</c:v>
                </c:pt>
                <c:pt idx="131">
                  <c:v>0.55287277698516801</c:v>
                </c:pt>
                <c:pt idx="132">
                  <c:v>0.53814780712127697</c:v>
                </c:pt>
                <c:pt idx="133">
                  <c:v>0.54645979404449496</c:v>
                </c:pt>
                <c:pt idx="134">
                  <c:v>0.52590012550354004</c:v>
                </c:pt>
                <c:pt idx="135">
                  <c:v>0.56144553422927901</c:v>
                </c:pt>
                <c:pt idx="136">
                  <c:v>0.52238029241561901</c:v>
                </c:pt>
                <c:pt idx="137">
                  <c:v>0.53014963865280196</c:v>
                </c:pt>
                <c:pt idx="138">
                  <c:v>0.55172562599182096</c:v>
                </c:pt>
                <c:pt idx="139">
                  <c:v>0.54833108186721802</c:v>
                </c:pt>
                <c:pt idx="140">
                  <c:v>0.53876793384552002</c:v>
                </c:pt>
                <c:pt idx="141">
                  <c:v>0.51507991552352905</c:v>
                </c:pt>
                <c:pt idx="142">
                  <c:v>0.51698571443557695</c:v>
                </c:pt>
                <c:pt idx="143">
                  <c:v>0.52804929018020597</c:v>
                </c:pt>
                <c:pt idx="144">
                  <c:v>0.51990473270416304</c:v>
                </c:pt>
                <c:pt idx="145">
                  <c:v>0.51810503005981401</c:v>
                </c:pt>
                <c:pt idx="146">
                  <c:v>0.50399714708328203</c:v>
                </c:pt>
                <c:pt idx="147">
                  <c:v>0.53301155567169201</c:v>
                </c:pt>
                <c:pt idx="148">
                  <c:v>0.52892488241195701</c:v>
                </c:pt>
                <c:pt idx="149">
                  <c:v>0.50911474227905296</c:v>
                </c:pt>
                <c:pt idx="150">
                  <c:v>0.50219529867172197</c:v>
                </c:pt>
                <c:pt idx="151">
                  <c:v>0.56468874216079701</c:v>
                </c:pt>
                <c:pt idx="152">
                  <c:v>0.49024733901023898</c:v>
                </c:pt>
                <c:pt idx="153">
                  <c:v>0.49240452051162698</c:v>
                </c:pt>
                <c:pt idx="154">
                  <c:v>0.504633188247681</c:v>
                </c:pt>
                <c:pt idx="155">
                  <c:v>0.49784901738166798</c:v>
                </c:pt>
                <c:pt idx="156">
                  <c:v>0.50880509614944502</c:v>
                </c:pt>
                <c:pt idx="157">
                  <c:v>0.49893134832382202</c:v>
                </c:pt>
                <c:pt idx="158">
                  <c:v>0.50065964460372903</c:v>
                </c:pt>
                <c:pt idx="159">
                  <c:v>0.48626038432121299</c:v>
                </c:pt>
                <c:pt idx="160">
                  <c:v>0.49156081676483199</c:v>
                </c:pt>
                <c:pt idx="161">
                  <c:v>0.50096362829208396</c:v>
                </c:pt>
                <c:pt idx="162">
                  <c:v>0.49941807985305797</c:v>
                </c:pt>
                <c:pt idx="163">
                  <c:v>0.48232579231262201</c:v>
                </c:pt>
                <c:pt idx="164">
                  <c:v>0.483348578214645</c:v>
                </c:pt>
                <c:pt idx="165">
                  <c:v>0.44430655241012601</c:v>
                </c:pt>
                <c:pt idx="166">
                  <c:v>0.42402690649032598</c:v>
                </c:pt>
                <c:pt idx="167">
                  <c:v>0.45501783490181003</c:v>
                </c:pt>
                <c:pt idx="168">
                  <c:v>0.39644503593444802</c:v>
                </c:pt>
                <c:pt idx="169">
                  <c:v>0.42383241653442399</c:v>
                </c:pt>
                <c:pt idx="170">
                  <c:v>0.41909459233284002</c:v>
                </c:pt>
                <c:pt idx="171">
                  <c:v>0.38842275738716098</c:v>
                </c:pt>
                <c:pt idx="172">
                  <c:v>0.38405308127403298</c:v>
                </c:pt>
                <c:pt idx="173">
                  <c:v>0.404774069786072</c:v>
                </c:pt>
                <c:pt idx="174">
                  <c:v>0.39158797264099099</c:v>
                </c:pt>
                <c:pt idx="175">
                  <c:v>0.39718505740165699</c:v>
                </c:pt>
                <c:pt idx="176">
                  <c:v>0.35963180661201499</c:v>
                </c:pt>
                <c:pt idx="177">
                  <c:v>0.359652310609818</c:v>
                </c:pt>
                <c:pt idx="178">
                  <c:v>0.352260172367096</c:v>
                </c:pt>
                <c:pt idx="179">
                  <c:v>0.36853948235511802</c:v>
                </c:pt>
                <c:pt idx="180">
                  <c:v>0.33792692422866799</c:v>
                </c:pt>
                <c:pt idx="181">
                  <c:v>0.33125695586204501</c:v>
                </c:pt>
                <c:pt idx="182">
                  <c:v>0.33815076947212203</c:v>
                </c:pt>
                <c:pt idx="183">
                  <c:v>0.34007558226585399</c:v>
                </c:pt>
                <c:pt idx="184">
                  <c:v>0.32653841376304599</c:v>
                </c:pt>
                <c:pt idx="185">
                  <c:v>0.32080823183059698</c:v>
                </c:pt>
                <c:pt idx="186">
                  <c:v>0.316976487636566</c:v>
                </c:pt>
                <c:pt idx="187">
                  <c:v>0.32551410794258101</c:v>
                </c:pt>
                <c:pt idx="188">
                  <c:v>0.30162137746810902</c:v>
                </c:pt>
                <c:pt idx="189">
                  <c:v>0.306605905294418</c:v>
                </c:pt>
                <c:pt idx="190">
                  <c:v>0.29616904258728</c:v>
                </c:pt>
                <c:pt idx="191">
                  <c:v>0.26820617914199801</c:v>
                </c:pt>
                <c:pt idx="192">
                  <c:v>0.29469618201255798</c:v>
                </c:pt>
                <c:pt idx="193">
                  <c:v>0.275486379861832</c:v>
                </c:pt>
                <c:pt idx="194">
                  <c:v>0.27764636278152499</c:v>
                </c:pt>
                <c:pt idx="195">
                  <c:v>0.279658854007721</c:v>
                </c:pt>
                <c:pt idx="196">
                  <c:v>0.27559083700180098</c:v>
                </c:pt>
                <c:pt idx="197">
                  <c:v>0.258184224367142</c:v>
                </c:pt>
                <c:pt idx="198">
                  <c:v>0.27322831749916099</c:v>
                </c:pt>
                <c:pt idx="199">
                  <c:v>0.24660113453865101</c:v>
                </c:pt>
                <c:pt idx="200">
                  <c:v>0.22032319009303999</c:v>
                </c:pt>
                <c:pt idx="201">
                  <c:v>0.263619273900986</c:v>
                </c:pt>
                <c:pt idx="202">
                  <c:v>0.222683951258659</c:v>
                </c:pt>
                <c:pt idx="203">
                  <c:v>0.23901057243347201</c:v>
                </c:pt>
                <c:pt idx="204">
                  <c:v>0.21902018785476701</c:v>
                </c:pt>
                <c:pt idx="205">
                  <c:v>0.20596636831760401</c:v>
                </c:pt>
                <c:pt idx="206">
                  <c:v>0.22300051152706099</c:v>
                </c:pt>
                <c:pt idx="207">
                  <c:v>0.19010210037231401</c:v>
                </c:pt>
                <c:pt idx="208">
                  <c:v>0.18649330735206601</c:v>
                </c:pt>
                <c:pt idx="209">
                  <c:v>0.200578138232231</c:v>
                </c:pt>
                <c:pt idx="210">
                  <c:v>0.19571807980537401</c:v>
                </c:pt>
                <c:pt idx="211">
                  <c:v>0.16857607662677801</c:v>
                </c:pt>
                <c:pt idx="212">
                  <c:v>0.16755999624729201</c:v>
                </c:pt>
                <c:pt idx="213">
                  <c:v>0.151897683739662</c:v>
                </c:pt>
                <c:pt idx="214">
                  <c:v>0.152400597929955</c:v>
                </c:pt>
                <c:pt idx="215">
                  <c:v>0.15092374384403201</c:v>
                </c:pt>
                <c:pt idx="216">
                  <c:v>0.15567833185195901</c:v>
                </c:pt>
                <c:pt idx="217">
                  <c:v>0.14450052380561801</c:v>
                </c:pt>
                <c:pt idx="218">
                  <c:v>0.143785029649734</c:v>
                </c:pt>
                <c:pt idx="219">
                  <c:v>0.13761401176452601</c:v>
                </c:pt>
                <c:pt idx="220">
                  <c:v>0.13263545930385601</c:v>
                </c:pt>
                <c:pt idx="221">
                  <c:v>0.120737642049789</c:v>
                </c:pt>
                <c:pt idx="222">
                  <c:v>0.11025391519069699</c:v>
                </c:pt>
                <c:pt idx="223">
                  <c:v>0.113008335232735</c:v>
                </c:pt>
                <c:pt idx="224">
                  <c:v>9.6556007862091106E-2</c:v>
                </c:pt>
                <c:pt idx="225">
                  <c:v>9.1550216078758198E-2</c:v>
                </c:pt>
                <c:pt idx="226">
                  <c:v>7.2331890463828999E-2</c:v>
                </c:pt>
                <c:pt idx="227">
                  <c:v>4.6944547444581999E-2</c:v>
                </c:pt>
                <c:pt idx="228">
                  <c:v>0.18233534693718001</c:v>
                </c:pt>
                <c:pt idx="229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B74A-4E33-A529-D1C852A0F1A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ax val="1000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Viscosity, </a:t>
                </a:r>
                <a:r>
                  <a:rPr lang="el-GR"/>
                  <a:t>η</a:t>
                </a:r>
                <a:r>
                  <a:rPr lang="en-GB"/>
                  <a:t> (Pas)</a:t>
                </a:r>
                <a:r>
                  <a:rPr lang="en-GB" baseline="0"/>
                  <a:t> </a:t>
                </a:r>
                <a:endParaRPr lang="en-GB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legend>
      <c:legendPos val="r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all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v>1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Type_4_6_15__.3_thixotropy_rwd!$F$2:$F$231</c:f>
              <c:numCache>
                <c:formatCode>General</c:formatCode>
                <c:ptCount val="230"/>
                <c:pt idx="0">
                  <c:v>0.92490166425705</c:v>
                </c:pt>
                <c:pt idx="1">
                  <c:v>1.9249734878539999</c:v>
                </c:pt>
                <c:pt idx="2">
                  <c:v>2.9249579906463601</c:v>
                </c:pt>
                <c:pt idx="3">
                  <c:v>3.9249341487884499</c:v>
                </c:pt>
                <c:pt idx="4">
                  <c:v>4.9277153015136701</c:v>
                </c:pt>
                <c:pt idx="5">
                  <c:v>5.9275593757629403</c:v>
                </c:pt>
                <c:pt idx="6">
                  <c:v>6.9275350570678702</c:v>
                </c:pt>
                <c:pt idx="7">
                  <c:v>7.9274468421936</c:v>
                </c:pt>
                <c:pt idx="8">
                  <c:v>8.9275341033935494</c:v>
                </c:pt>
                <c:pt idx="9">
                  <c:v>9.9247970581054705</c:v>
                </c:pt>
                <c:pt idx="10">
                  <c:v>10.9249048233032</c:v>
                </c:pt>
                <c:pt idx="11">
                  <c:v>11.925035476684601</c:v>
                </c:pt>
                <c:pt idx="12">
                  <c:v>12.9252214431763</c:v>
                </c:pt>
                <c:pt idx="13">
                  <c:v>13.925264358520501</c:v>
                </c:pt>
                <c:pt idx="14">
                  <c:v>14.9253225326538</c:v>
                </c:pt>
                <c:pt idx="15">
                  <c:v>15.9254808425903</c:v>
                </c:pt>
                <c:pt idx="16">
                  <c:v>16.925178527831999</c:v>
                </c:pt>
                <c:pt idx="17">
                  <c:v>17.925102233886701</c:v>
                </c:pt>
                <c:pt idx="18">
                  <c:v>18.924640655517599</c:v>
                </c:pt>
                <c:pt idx="19">
                  <c:v>19.9246425628662</c:v>
                </c:pt>
                <c:pt idx="20">
                  <c:v>20.924415588378899</c:v>
                </c:pt>
                <c:pt idx="21">
                  <c:v>21.9239387512207</c:v>
                </c:pt>
                <c:pt idx="22">
                  <c:v>22.924047470092798</c:v>
                </c:pt>
                <c:pt idx="23">
                  <c:v>23.923545837402301</c:v>
                </c:pt>
                <c:pt idx="24">
                  <c:v>24.9234008789063</c:v>
                </c:pt>
                <c:pt idx="25">
                  <c:v>25.923162460327099</c:v>
                </c:pt>
                <c:pt idx="26">
                  <c:v>26.922792434692401</c:v>
                </c:pt>
                <c:pt idx="27">
                  <c:v>27.9225959777832</c:v>
                </c:pt>
                <c:pt idx="28">
                  <c:v>28.922214508056602</c:v>
                </c:pt>
                <c:pt idx="29">
                  <c:v>29.922056198120099</c:v>
                </c:pt>
                <c:pt idx="30">
                  <c:v>30.9218044281006</c:v>
                </c:pt>
                <c:pt idx="31">
                  <c:v>31.9214973449707</c:v>
                </c:pt>
                <c:pt idx="32">
                  <c:v>32.921337127685497</c:v>
                </c:pt>
                <c:pt idx="33">
                  <c:v>33.920871734619098</c:v>
                </c:pt>
                <c:pt idx="34">
                  <c:v>34.920822143554702</c:v>
                </c:pt>
                <c:pt idx="35">
                  <c:v>35.9205513000488</c:v>
                </c:pt>
                <c:pt idx="36">
                  <c:v>36.920516967773402</c:v>
                </c:pt>
                <c:pt idx="37">
                  <c:v>37.920036315917997</c:v>
                </c:pt>
                <c:pt idx="38">
                  <c:v>38.919979095458999</c:v>
                </c:pt>
                <c:pt idx="39">
                  <c:v>39.919788360595703</c:v>
                </c:pt>
                <c:pt idx="40">
                  <c:v>40.919101715087898</c:v>
                </c:pt>
                <c:pt idx="41">
                  <c:v>41.918907165527301</c:v>
                </c:pt>
                <c:pt idx="42">
                  <c:v>42.921470642089801</c:v>
                </c:pt>
                <c:pt idx="43">
                  <c:v>43.921257019042997</c:v>
                </c:pt>
                <c:pt idx="44">
                  <c:v>44.921134948730497</c:v>
                </c:pt>
                <c:pt idx="45">
                  <c:v>45.921165466308601</c:v>
                </c:pt>
                <c:pt idx="46">
                  <c:v>46.920848846435497</c:v>
                </c:pt>
                <c:pt idx="47">
                  <c:v>47.920719146728501</c:v>
                </c:pt>
                <c:pt idx="48">
                  <c:v>48.920074462890597</c:v>
                </c:pt>
                <c:pt idx="49">
                  <c:v>49.9200630187988</c:v>
                </c:pt>
                <c:pt idx="50">
                  <c:v>50.919628143310497</c:v>
                </c:pt>
                <c:pt idx="51">
                  <c:v>51.919288635253899</c:v>
                </c:pt>
                <c:pt idx="52">
                  <c:v>52.919403076171903</c:v>
                </c:pt>
                <c:pt idx="53">
                  <c:v>53.918754577636697</c:v>
                </c:pt>
                <c:pt idx="54">
                  <c:v>54.919025421142599</c:v>
                </c:pt>
                <c:pt idx="55">
                  <c:v>55.918453216552699</c:v>
                </c:pt>
                <c:pt idx="56">
                  <c:v>56.918289184570298</c:v>
                </c:pt>
                <c:pt idx="57">
                  <c:v>57.917930603027301</c:v>
                </c:pt>
                <c:pt idx="58">
                  <c:v>58.917724609375</c:v>
                </c:pt>
                <c:pt idx="59">
                  <c:v>59.9174194335938</c:v>
                </c:pt>
                <c:pt idx="60">
                  <c:v>60.917213439941399</c:v>
                </c:pt>
                <c:pt idx="61">
                  <c:v>61.917190551757798</c:v>
                </c:pt>
                <c:pt idx="62">
                  <c:v>62.916912078857401</c:v>
                </c:pt>
                <c:pt idx="63">
                  <c:v>63.916664123535199</c:v>
                </c:pt>
                <c:pt idx="64">
                  <c:v>64.916152954101605</c:v>
                </c:pt>
                <c:pt idx="65">
                  <c:v>65.916091918945298</c:v>
                </c:pt>
                <c:pt idx="66">
                  <c:v>66.915420532226605</c:v>
                </c:pt>
                <c:pt idx="67">
                  <c:v>67.915542602539105</c:v>
                </c:pt>
                <c:pt idx="68">
                  <c:v>68.915222167968807</c:v>
                </c:pt>
                <c:pt idx="69">
                  <c:v>69.915000915527301</c:v>
                </c:pt>
                <c:pt idx="70">
                  <c:v>70.914688110351605</c:v>
                </c:pt>
                <c:pt idx="71">
                  <c:v>71.91455078125</c:v>
                </c:pt>
                <c:pt idx="72">
                  <c:v>72.914001464843807</c:v>
                </c:pt>
                <c:pt idx="73">
                  <c:v>73.913948059082003</c:v>
                </c:pt>
                <c:pt idx="74">
                  <c:v>74.913612365722699</c:v>
                </c:pt>
                <c:pt idx="75">
                  <c:v>75.9134521484375</c:v>
                </c:pt>
                <c:pt idx="76">
                  <c:v>76.9134521484375</c:v>
                </c:pt>
                <c:pt idx="77">
                  <c:v>77.912704467773395</c:v>
                </c:pt>
                <c:pt idx="78">
                  <c:v>78.9129638671875</c:v>
                </c:pt>
                <c:pt idx="79">
                  <c:v>79.912139892578097</c:v>
                </c:pt>
                <c:pt idx="80">
                  <c:v>80.913131713867202</c:v>
                </c:pt>
                <c:pt idx="81">
                  <c:v>81.911972045898395</c:v>
                </c:pt>
                <c:pt idx="82">
                  <c:v>82.910858154296903</c:v>
                </c:pt>
                <c:pt idx="83">
                  <c:v>83.911872863769503</c:v>
                </c:pt>
                <c:pt idx="84">
                  <c:v>84.911552429199205</c:v>
                </c:pt>
                <c:pt idx="85">
                  <c:v>85.911476135253906</c:v>
                </c:pt>
                <c:pt idx="86">
                  <c:v>86.910957336425795</c:v>
                </c:pt>
                <c:pt idx="87">
                  <c:v>87.910430908203097</c:v>
                </c:pt>
                <c:pt idx="88">
                  <c:v>88.910232543945298</c:v>
                </c:pt>
                <c:pt idx="89">
                  <c:v>89.909812927246094</c:v>
                </c:pt>
                <c:pt idx="90">
                  <c:v>90.910072326660199</c:v>
                </c:pt>
                <c:pt idx="91">
                  <c:v>91.909835815429702</c:v>
                </c:pt>
                <c:pt idx="92">
                  <c:v>92.909523010253906</c:v>
                </c:pt>
                <c:pt idx="93">
                  <c:v>93.909111022949205</c:v>
                </c:pt>
                <c:pt idx="94">
                  <c:v>94.908714294433594</c:v>
                </c:pt>
                <c:pt idx="95">
                  <c:v>95.908668518066406</c:v>
                </c:pt>
                <c:pt idx="96">
                  <c:v>96.9083251953125</c:v>
                </c:pt>
                <c:pt idx="97">
                  <c:v>97.908462524414105</c:v>
                </c:pt>
                <c:pt idx="98">
                  <c:v>98.906913757324205</c:v>
                </c:pt>
                <c:pt idx="99">
                  <c:v>99.908279418945298</c:v>
                </c:pt>
                <c:pt idx="100">
                  <c:v>100.00079345703099</c:v>
                </c:pt>
                <c:pt idx="101">
                  <c:v>100.00009918212901</c:v>
                </c:pt>
                <c:pt idx="102">
                  <c:v>100.00096130371099</c:v>
                </c:pt>
                <c:pt idx="103">
                  <c:v>100.000198364258</c:v>
                </c:pt>
                <c:pt idx="104">
                  <c:v>99.999122619628906</c:v>
                </c:pt>
                <c:pt idx="105">
                  <c:v>99.999786376953097</c:v>
                </c:pt>
                <c:pt idx="106">
                  <c:v>99.999763488769503</c:v>
                </c:pt>
                <c:pt idx="107">
                  <c:v>100.000610351563</c:v>
                </c:pt>
                <c:pt idx="108">
                  <c:v>100.00025177002</c:v>
                </c:pt>
                <c:pt idx="109">
                  <c:v>99.999862670898395</c:v>
                </c:pt>
                <c:pt idx="110">
                  <c:v>99.999786376953097</c:v>
                </c:pt>
                <c:pt idx="111">
                  <c:v>99.999694824218807</c:v>
                </c:pt>
                <c:pt idx="112">
                  <c:v>100.000053405762</c:v>
                </c:pt>
                <c:pt idx="113">
                  <c:v>100.0009765625</c:v>
                </c:pt>
                <c:pt idx="114">
                  <c:v>100.00009155273401</c:v>
                </c:pt>
                <c:pt idx="115">
                  <c:v>99.999916076660199</c:v>
                </c:pt>
                <c:pt idx="116">
                  <c:v>100.0048828125</c:v>
                </c:pt>
                <c:pt idx="117">
                  <c:v>99.999580383300795</c:v>
                </c:pt>
                <c:pt idx="118">
                  <c:v>100.00046539306599</c:v>
                </c:pt>
                <c:pt idx="119">
                  <c:v>99.999626159667997</c:v>
                </c:pt>
                <c:pt idx="120">
                  <c:v>99.999366760253906</c:v>
                </c:pt>
                <c:pt idx="121">
                  <c:v>100.000205993652</c:v>
                </c:pt>
                <c:pt idx="122">
                  <c:v>99.999176025390597</c:v>
                </c:pt>
                <c:pt idx="123">
                  <c:v>100.000198364258</c:v>
                </c:pt>
                <c:pt idx="124">
                  <c:v>99.999931335449205</c:v>
                </c:pt>
                <c:pt idx="125">
                  <c:v>100.00030517578099</c:v>
                </c:pt>
                <c:pt idx="126">
                  <c:v>100.000358581543</c:v>
                </c:pt>
                <c:pt idx="127">
                  <c:v>100.00001525878901</c:v>
                </c:pt>
                <c:pt idx="128">
                  <c:v>100.000373840332</c:v>
                </c:pt>
                <c:pt idx="129">
                  <c:v>100.000694274902</c:v>
                </c:pt>
                <c:pt idx="130">
                  <c:v>99.076332092285199</c:v>
                </c:pt>
                <c:pt idx="131">
                  <c:v>98.075942993164105</c:v>
                </c:pt>
                <c:pt idx="132">
                  <c:v>97.073463439941406</c:v>
                </c:pt>
                <c:pt idx="133">
                  <c:v>96.073669433593807</c:v>
                </c:pt>
                <c:pt idx="134">
                  <c:v>95.075942993164105</c:v>
                </c:pt>
                <c:pt idx="135">
                  <c:v>94.076652526855497</c:v>
                </c:pt>
                <c:pt idx="136">
                  <c:v>93.077285766601605</c:v>
                </c:pt>
                <c:pt idx="137">
                  <c:v>92.074310302734403</c:v>
                </c:pt>
                <c:pt idx="138">
                  <c:v>91.074356079101605</c:v>
                </c:pt>
                <c:pt idx="139">
                  <c:v>90.077194213867202</c:v>
                </c:pt>
                <c:pt idx="140">
                  <c:v>89.077735900878906</c:v>
                </c:pt>
                <c:pt idx="141">
                  <c:v>88.078407287597699</c:v>
                </c:pt>
                <c:pt idx="142">
                  <c:v>87.075752258300795</c:v>
                </c:pt>
                <c:pt idx="143">
                  <c:v>86.078575134277301</c:v>
                </c:pt>
                <c:pt idx="144">
                  <c:v>85.078987121582003</c:v>
                </c:pt>
                <c:pt idx="145">
                  <c:v>84.078887939453097</c:v>
                </c:pt>
                <c:pt idx="146">
                  <c:v>83.079643249511705</c:v>
                </c:pt>
                <c:pt idx="147">
                  <c:v>82.079765319824205</c:v>
                </c:pt>
                <c:pt idx="148">
                  <c:v>81.079940795898395</c:v>
                </c:pt>
                <c:pt idx="149">
                  <c:v>80.079757690429702</c:v>
                </c:pt>
                <c:pt idx="150">
                  <c:v>79.079940795898395</c:v>
                </c:pt>
                <c:pt idx="151">
                  <c:v>78.081115722656307</c:v>
                </c:pt>
                <c:pt idx="152">
                  <c:v>77.080589294433594</c:v>
                </c:pt>
                <c:pt idx="153">
                  <c:v>76.080879211425795</c:v>
                </c:pt>
                <c:pt idx="154">
                  <c:v>75.081367492675795</c:v>
                </c:pt>
                <c:pt idx="155">
                  <c:v>74.081436157226605</c:v>
                </c:pt>
                <c:pt idx="156">
                  <c:v>73.081611633300795</c:v>
                </c:pt>
                <c:pt idx="157">
                  <c:v>72.081657409667997</c:v>
                </c:pt>
                <c:pt idx="158">
                  <c:v>71.0819091796875</c:v>
                </c:pt>
                <c:pt idx="159">
                  <c:v>70.082183837890597</c:v>
                </c:pt>
                <c:pt idx="160">
                  <c:v>69.082588195800795</c:v>
                </c:pt>
                <c:pt idx="161">
                  <c:v>68.082801818847699</c:v>
                </c:pt>
                <c:pt idx="162">
                  <c:v>67.083648681640597</c:v>
                </c:pt>
                <c:pt idx="163">
                  <c:v>66.0836181640625</c:v>
                </c:pt>
                <c:pt idx="164">
                  <c:v>65.083641052246094</c:v>
                </c:pt>
                <c:pt idx="165">
                  <c:v>64.083915710449205</c:v>
                </c:pt>
                <c:pt idx="166">
                  <c:v>63.084487915039098</c:v>
                </c:pt>
                <c:pt idx="167">
                  <c:v>62.084651947021499</c:v>
                </c:pt>
                <c:pt idx="168">
                  <c:v>61.084293365478501</c:v>
                </c:pt>
                <c:pt idx="169">
                  <c:v>60.084911346435497</c:v>
                </c:pt>
                <c:pt idx="170">
                  <c:v>59.0850830078125</c:v>
                </c:pt>
                <c:pt idx="171">
                  <c:v>58.082363128662102</c:v>
                </c:pt>
                <c:pt idx="172">
                  <c:v>57.085487365722699</c:v>
                </c:pt>
                <c:pt idx="173">
                  <c:v>56.083106994628899</c:v>
                </c:pt>
                <c:pt idx="174">
                  <c:v>55.086395263671903</c:v>
                </c:pt>
                <c:pt idx="175">
                  <c:v>54.083728790283203</c:v>
                </c:pt>
                <c:pt idx="176">
                  <c:v>53.083614349365199</c:v>
                </c:pt>
                <c:pt idx="177">
                  <c:v>52.084163665771499</c:v>
                </c:pt>
                <c:pt idx="178">
                  <c:v>51.084548950195298</c:v>
                </c:pt>
                <c:pt idx="179">
                  <c:v>50.084583282470703</c:v>
                </c:pt>
                <c:pt idx="180">
                  <c:v>49.084930419921903</c:v>
                </c:pt>
                <c:pt idx="181">
                  <c:v>48.084911346435497</c:v>
                </c:pt>
                <c:pt idx="182">
                  <c:v>47.085205078125</c:v>
                </c:pt>
                <c:pt idx="183">
                  <c:v>46.085483551025398</c:v>
                </c:pt>
                <c:pt idx="184">
                  <c:v>45.085880279541001</c:v>
                </c:pt>
                <c:pt idx="185">
                  <c:v>44.085910797119098</c:v>
                </c:pt>
                <c:pt idx="186">
                  <c:v>43.086170196533203</c:v>
                </c:pt>
                <c:pt idx="187">
                  <c:v>42.086174011230497</c:v>
                </c:pt>
                <c:pt idx="188">
                  <c:v>41.086524963378899</c:v>
                </c:pt>
                <c:pt idx="189">
                  <c:v>40.087039947509801</c:v>
                </c:pt>
                <c:pt idx="190">
                  <c:v>39.087200164794901</c:v>
                </c:pt>
                <c:pt idx="191">
                  <c:v>38.087360382080099</c:v>
                </c:pt>
                <c:pt idx="192">
                  <c:v>37.087654113769503</c:v>
                </c:pt>
                <c:pt idx="193">
                  <c:v>36.087821960449197</c:v>
                </c:pt>
                <c:pt idx="194">
                  <c:v>35.088233947753899</c:v>
                </c:pt>
                <c:pt idx="195">
                  <c:v>34.088417053222699</c:v>
                </c:pt>
                <c:pt idx="196">
                  <c:v>33.088653564453097</c:v>
                </c:pt>
                <c:pt idx="197">
                  <c:v>32.089000701904297</c:v>
                </c:pt>
                <c:pt idx="198">
                  <c:v>31.089014053344702</c:v>
                </c:pt>
                <c:pt idx="199">
                  <c:v>30.0893669128418</c:v>
                </c:pt>
                <c:pt idx="200">
                  <c:v>29.089614868164102</c:v>
                </c:pt>
                <c:pt idx="201">
                  <c:v>28.089939117431602</c:v>
                </c:pt>
                <c:pt idx="202">
                  <c:v>27.0899982452393</c:v>
                </c:pt>
                <c:pt idx="203">
                  <c:v>26.090406417846701</c:v>
                </c:pt>
                <c:pt idx="204">
                  <c:v>25.090589523315401</c:v>
                </c:pt>
                <c:pt idx="205">
                  <c:v>24.090774536132798</c:v>
                </c:pt>
                <c:pt idx="206">
                  <c:v>23.091106414794901</c:v>
                </c:pt>
                <c:pt idx="207">
                  <c:v>22.0913181304932</c:v>
                </c:pt>
                <c:pt idx="208">
                  <c:v>21.091569900512699</c:v>
                </c:pt>
                <c:pt idx="209">
                  <c:v>20.0917854309082</c:v>
                </c:pt>
                <c:pt idx="210">
                  <c:v>19.0920524597168</c:v>
                </c:pt>
                <c:pt idx="211">
                  <c:v>18.092250823974599</c:v>
                </c:pt>
                <c:pt idx="212">
                  <c:v>17.092552185058601</c:v>
                </c:pt>
                <c:pt idx="213">
                  <c:v>16.092760086059599</c:v>
                </c:pt>
                <c:pt idx="214">
                  <c:v>15.092730522155801</c:v>
                </c:pt>
                <c:pt idx="215">
                  <c:v>14.0925855636597</c:v>
                </c:pt>
                <c:pt idx="216">
                  <c:v>13.0925645828247</c:v>
                </c:pt>
                <c:pt idx="217">
                  <c:v>12.0925350189209</c:v>
                </c:pt>
                <c:pt idx="218">
                  <c:v>11.092247009277299</c:v>
                </c:pt>
                <c:pt idx="219">
                  <c:v>10.092267990112299</c:v>
                </c:pt>
                <c:pt idx="220">
                  <c:v>9.0921134948730504</c:v>
                </c:pt>
                <c:pt idx="221">
                  <c:v>8.0920581817627006</c:v>
                </c:pt>
                <c:pt idx="222">
                  <c:v>7.0920882225036603</c:v>
                </c:pt>
                <c:pt idx="223">
                  <c:v>6.0920681953430202</c:v>
                </c:pt>
                <c:pt idx="224">
                  <c:v>5.0922055244445801</c:v>
                </c:pt>
                <c:pt idx="225">
                  <c:v>4.0922975540161097</c:v>
                </c:pt>
                <c:pt idx="226">
                  <c:v>3.0922670364379901</c:v>
                </c:pt>
                <c:pt idx="227">
                  <c:v>2.09232497215271</c:v>
                </c:pt>
                <c:pt idx="228">
                  <c:v>1.09236812591553</c:v>
                </c:pt>
                <c:pt idx="229">
                  <c:v>9.2543743550777394E-2</c:v>
                </c:pt>
              </c:numCache>
            </c:numRef>
          </c:xVal>
          <c:yVal>
            <c:numRef>
              <c:f>Type_4_6_15__.3_thixotropy_rwd!$D$2:$D$231</c:f>
              <c:numCache>
                <c:formatCode>General</c:formatCode>
                <c:ptCount val="230"/>
                <c:pt idx="0">
                  <c:v>12.912855148315399</c:v>
                </c:pt>
                <c:pt idx="1">
                  <c:v>13.961329460144</c:v>
                </c:pt>
                <c:pt idx="2">
                  <c:v>15.400294303894</c:v>
                </c:pt>
                <c:pt idx="3">
                  <c:v>16.657608032226602</c:v>
                </c:pt>
                <c:pt idx="4">
                  <c:v>17.947013854980501</c:v>
                </c:pt>
                <c:pt idx="5">
                  <c:v>18.9451084136963</c:v>
                </c:pt>
                <c:pt idx="6">
                  <c:v>19.9361057281494</c:v>
                </c:pt>
                <c:pt idx="7">
                  <c:v>21.038301467895501</c:v>
                </c:pt>
                <c:pt idx="8">
                  <c:v>21.769535064697301</c:v>
                </c:pt>
                <c:pt idx="9">
                  <c:v>22.950239181518601</c:v>
                </c:pt>
                <c:pt idx="10">
                  <c:v>23.825160980224599</c:v>
                </c:pt>
                <c:pt idx="11">
                  <c:v>24.963159561157202</c:v>
                </c:pt>
                <c:pt idx="12">
                  <c:v>25.6153755187988</c:v>
                </c:pt>
                <c:pt idx="13">
                  <c:v>26.238796234130898</c:v>
                </c:pt>
                <c:pt idx="14">
                  <c:v>26.8994331359863</c:v>
                </c:pt>
                <c:pt idx="15">
                  <c:v>27.507392883300799</c:v>
                </c:pt>
                <c:pt idx="16">
                  <c:v>28.285301208496101</c:v>
                </c:pt>
                <c:pt idx="17">
                  <c:v>29.4548244476318</c:v>
                </c:pt>
                <c:pt idx="18">
                  <c:v>30.0490016937256</c:v>
                </c:pt>
                <c:pt idx="19">
                  <c:v>30.8052768707275</c:v>
                </c:pt>
                <c:pt idx="20">
                  <c:v>31.145832061767599</c:v>
                </c:pt>
                <c:pt idx="21">
                  <c:v>31.557294845581101</c:v>
                </c:pt>
                <c:pt idx="22">
                  <c:v>32.240734100341797</c:v>
                </c:pt>
                <c:pt idx="23">
                  <c:v>33.534759521484403</c:v>
                </c:pt>
                <c:pt idx="24">
                  <c:v>34.012577056884801</c:v>
                </c:pt>
                <c:pt idx="25">
                  <c:v>35.074062347412102</c:v>
                </c:pt>
                <c:pt idx="26">
                  <c:v>36.575691223144503</c:v>
                </c:pt>
                <c:pt idx="27">
                  <c:v>37.225559234619098</c:v>
                </c:pt>
                <c:pt idx="28">
                  <c:v>38.957595825195298</c:v>
                </c:pt>
                <c:pt idx="29">
                  <c:v>39.948440551757798</c:v>
                </c:pt>
                <c:pt idx="30">
                  <c:v>40.5709037780762</c:v>
                </c:pt>
                <c:pt idx="31">
                  <c:v>41.293735504150398</c:v>
                </c:pt>
                <c:pt idx="32">
                  <c:v>42.632354736328097</c:v>
                </c:pt>
                <c:pt idx="33">
                  <c:v>43.448532104492202</c:v>
                </c:pt>
                <c:pt idx="34">
                  <c:v>45.313819885253899</c:v>
                </c:pt>
                <c:pt idx="35">
                  <c:v>46.237766265869098</c:v>
                </c:pt>
                <c:pt idx="36">
                  <c:v>47.775928497314503</c:v>
                </c:pt>
                <c:pt idx="37">
                  <c:v>48.947292327880902</c:v>
                </c:pt>
                <c:pt idx="38">
                  <c:v>50.909336090087898</c:v>
                </c:pt>
                <c:pt idx="39">
                  <c:v>51.739078521728501</c:v>
                </c:pt>
                <c:pt idx="40">
                  <c:v>52.784225463867202</c:v>
                </c:pt>
                <c:pt idx="41">
                  <c:v>54.554641723632798</c:v>
                </c:pt>
                <c:pt idx="42">
                  <c:v>56.280708312988303</c:v>
                </c:pt>
                <c:pt idx="43">
                  <c:v>58.658592224121101</c:v>
                </c:pt>
                <c:pt idx="44">
                  <c:v>60.2066040039063</c:v>
                </c:pt>
                <c:pt idx="45">
                  <c:v>61.563667297363303</c:v>
                </c:pt>
                <c:pt idx="46">
                  <c:v>64.428092956542997</c:v>
                </c:pt>
                <c:pt idx="47">
                  <c:v>66.176841735839801</c:v>
                </c:pt>
                <c:pt idx="48">
                  <c:v>68.549850463867202</c:v>
                </c:pt>
                <c:pt idx="49">
                  <c:v>71.362136840820298</c:v>
                </c:pt>
                <c:pt idx="50">
                  <c:v>72.978591918945298</c:v>
                </c:pt>
                <c:pt idx="51">
                  <c:v>74.958427429199205</c:v>
                </c:pt>
                <c:pt idx="52">
                  <c:v>77.366859436035199</c:v>
                </c:pt>
                <c:pt idx="53">
                  <c:v>79.232154846191406</c:v>
                </c:pt>
                <c:pt idx="54">
                  <c:v>81.658454895019503</c:v>
                </c:pt>
                <c:pt idx="55">
                  <c:v>84.361824035644503</c:v>
                </c:pt>
                <c:pt idx="56">
                  <c:v>87.624153137207003</c:v>
                </c:pt>
                <c:pt idx="57">
                  <c:v>88.930946350097699</c:v>
                </c:pt>
                <c:pt idx="58">
                  <c:v>90.7489013671875</c:v>
                </c:pt>
                <c:pt idx="59">
                  <c:v>93.170265197753906</c:v>
                </c:pt>
                <c:pt idx="60">
                  <c:v>95.541473388671903</c:v>
                </c:pt>
                <c:pt idx="61">
                  <c:v>97.680122375488295</c:v>
                </c:pt>
                <c:pt idx="62">
                  <c:v>99.820632934570298</c:v>
                </c:pt>
                <c:pt idx="63">
                  <c:v>103.808067321777</c:v>
                </c:pt>
                <c:pt idx="64">
                  <c:v>102.876663208008</c:v>
                </c:pt>
                <c:pt idx="65">
                  <c:v>105.363739013672</c:v>
                </c:pt>
                <c:pt idx="66">
                  <c:v>108.540802001953</c:v>
                </c:pt>
                <c:pt idx="67">
                  <c:v>111.76993560791</c:v>
                </c:pt>
                <c:pt idx="68">
                  <c:v>115.268310546875</c:v>
                </c:pt>
                <c:pt idx="69">
                  <c:v>118.093612670898</c:v>
                </c:pt>
                <c:pt idx="70">
                  <c:v>119.941108703613</c:v>
                </c:pt>
                <c:pt idx="71">
                  <c:v>121.82281494140599</c:v>
                </c:pt>
                <c:pt idx="72">
                  <c:v>123.86447906494099</c:v>
                </c:pt>
                <c:pt idx="73">
                  <c:v>126.33139801025401</c:v>
                </c:pt>
                <c:pt idx="74">
                  <c:v>127.09271240234401</c:v>
                </c:pt>
                <c:pt idx="75">
                  <c:v>121.43276977539099</c:v>
                </c:pt>
                <c:pt idx="76">
                  <c:v>125.833938598633</c:v>
                </c:pt>
                <c:pt idx="77">
                  <c:v>129.96119689941401</c:v>
                </c:pt>
                <c:pt idx="78">
                  <c:v>131.71792602539099</c:v>
                </c:pt>
                <c:pt idx="79">
                  <c:v>132.50912475585901</c:v>
                </c:pt>
                <c:pt idx="80">
                  <c:v>135.75181579589801</c:v>
                </c:pt>
                <c:pt idx="81">
                  <c:v>134.83665466308599</c:v>
                </c:pt>
                <c:pt idx="82">
                  <c:v>138.39822387695301</c:v>
                </c:pt>
                <c:pt idx="83">
                  <c:v>139.284423828125</c:v>
                </c:pt>
                <c:pt idx="84">
                  <c:v>143.40017700195301</c:v>
                </c:pt>
                <c:pt idx="85">
                  <c:v>146.72882080078099</c:v>
                </c:pt>
                <c:pt idx="86">
                  <c:v>146.43264770507801</c:v>
                </c:pt>
                <c:pt idx="87">
                  <c:v>150.91862487793</c:v>
                </c:pt>
                <c:pt idx="88">
                  <c:v>152.16569519043</c:v>
                </c:pt>
                <c:pt idx="89">
                  <c:v>154.06620788574199</c:v>
                </c:pt>
                <c:pt idx="90">
                  <c:v>159.24186706543</c:v>
                </c:pt>
                <c:pt idx="91">
                  <c:v>161.49891662597699</c:v>
                </c:pt>
                <c:pt idx="92">
                  <c:v>163.64964294433599</c:v>
                </c:pt>
                <c:pt idx="93">
                  <c:v>167.516189575195</c:v>
                </c:pt>
                <c:pt idx="94">
                  <c:v>168.80599975585901</c:v>
                </c:pt>
                <c:pt idx="95">
                  <c:v>170.31153869628901</c:v>
                </c:pt>
                <c:pt idx="96">
                  <c:v>171.37710571289099</c:v>
                </c:pt>
                <c:pt idx="97">
                  <c:v>174.58061218261699</c:v>
                </c:pt>
                <c:pt idx="98">
                  <c:v>172.24041748046901</c:v>
                </c:pt>
                <c:pt idx="99">
                  <c:v>177.556396484375</c:v>
                </c:pt>
                <c:pt idx="100">
                  <c:v>170.17771911621099</c:v>
                </c:pt>
                <c:pt idx="101">
                  <c:v>170.48353576660199</c:v>
                </c:pt>
                <c:pt idx="102">
                  <c:v>170.64680480957</c:v>
                </c:pt>
                <c:pt idx="103">
                  <c:v>171.92794799804699</c:v>
                </c:pt>
                <c:pt idx="104">
                  <c:v>171.32109069824199</c:v>
                </c:pt>
                <c:pt idx="105">
                  <c:v>172.19366455078099</c:v>
                </c:pt>
                <c:pt idx="106">
                  <c:v>172.00770568847699</c:v>
                </c:pt>
                <c:pt idx="107">
                  <c:v>172.38641357421901</c:v>
                </c:pt>
                <c:pt idx="108">
                  <c:v>171.03501892089801</c:v>
                </c:pt>
                <c:pt idx="109">
                  <c:v>169.69291687011699</c:v>
                </c:pt>
                <c:pt idx="110">
                  <c:v>169.75486755371099</c:v>
                </c:pt>
                <c:pt idx="111">
                  <c:v>170.70039367675801</c:v>
                </c:pt>
                <c:pt idx="112">
                  <c:v>170.38632202148401</c:v>
                </c:pt>
                <c:pt idx="113">
                  <c:v>168.54638671875</c:v>
                </c:pt>
                <c:pt idx="114">
                  <c:v>169.36341857910199</c:v>
                </c:pt>
                <c:pt idx="115">
                  <c:v>169.31373596191401</c:v>
                </c:pt>
                <c:pt idx="116">
                  <c:v>168.580810546875</c:v>
                </c:pt>
                <c:pt idx="117">
                  <c:v>165.18824768066401</c:v>
                </c:pt>
                <c:pt idx="118">
                  <c:v>166.04074096679699</c:v>
                </c:pt>
                <c:pt idx="119">
                  <c:v>166.319091796875</c:v>
                </c:pt>
                <c:pt idx="120">
                  <c:v>168.27983093261699</c:v>
                </c:pt>
                <c:pt idx="121">
                  <c:v>164.20314025878901</c:v>
                </c:pt>
                <c:pt idx="122">
                  <c:v>165.38987731933599</c:v>
                </c:pt>
                <c:pt idx="123">
                  <c:v>167.84191894531301</c:v>
                </c:pt>
                <c:pt idx="124">
                  <c:v>169.52723693847699</c:v>
                </c:pt>
                <c:pt idx="125">
                  <c:v>169.48069763183599</c:v>
                </c:pt>
                <c:pt idx="126">
                  <c:v>168.02777099609401</c:v>
                </c:pt>
                <c:pt idx="127">
                  <c:v>167.477615356445</c:v>
                </c:pt>
                <c:pt idx="128">
                  <c:v>168.54556274414099</c:v>
                </c:pt>
                <c:pt idx="129">
                  <c:v>168.20788574218801</c:v>
                </c:pt>
                <c:pt idx="130">
                  <c:v>168.66276550293</c:v>
                </c:pt>
                <c:pt idx="131">
                  <c:v>159.65287780761699</c:v>
                </c:pt>
                <c:pt idx="132">
                  <c:v>159.85429382324199</c:v>
                </c:pt>
                <c:pt idx="133">
                  <c:v>156.05439758300801</c:v>
                </c:pt>
                <c:pt idx="134">
                  <c:v>153.76124572753901</c:v>
                </c:pt>
                <c:pt idx="135">
                  <c:v>150.30891418457</c:v>
                </c:pt>
                <c:pt idx="136">
                  <c:v>148.01933288574199</c:v>
                </c:pt>
                <c:pt idx="137">
                  <c:v>144.13833618164099</c:v>
                </c:pt>
                <c:pt idx="138">
                  <c:v>142.78549194335901</c:v>
                </c:pt>
                <c:pt idx="139">
                  <c:v>141.12178039550801</c:v>
                </c:pt>
                <c:pt idx="140">
                  <c:v>137.43208312988301</c:v>
                </c:pt>
                <c:pt idx="141">
                  <c:v>135.02391052246099</c:v>
                </c:pt>
                <c:pt idx="142">
                  <c:v>128.31097412109401</c:v>
                </c:pt>
                <c:pt idx="143">
                  <c:v>125.39035797119099</c:v>
                </c:pt>
                <c:pt idx="144">
                  <c:v>122.52352142334</c:v>
                </c:pt>
                <c:pt idx="145">
                  <c:v>121.58829498291</c:v>
                </c:pt>
                <c:pt idx="146">
                  <c:v>119.197296142578</c:v>
                </c:pt>
                <c:pt idx="147">
                  <c:v>117.58941650390599</c:v>
                </c:pt>
                <c:pt idx="148">
                  <c:v>113.60252380371099</c:v>
                </c:pt>
                <c:pt idx="149">
                  <c:v>111.769233703613</c:v>
                </c:pt>
                <c:pt idx="150">
                  <c:v>110.64161682128901</c:v>
                </c:pt>
                <c:pt idx="151">
                  <c:v>107.75983428955099</c:v>
                </c:pt>
                <c:pt idx="152">
                  <c:v>105.65322113037099</c:v>
                </c:pt>
                <c:pt idx="153">
                  <c:v>104.78644561767599</c:v>
                </c:pt>
                <c:pt idx="154">
                  <c:v>101.799667358398</c:v>
                </c:pt>
                <c:pt idx="155">
                  <c:v>99.8299560546875</c:v>
                </c:pt>
                <c:pt idx="156">
                  <c:v>97.90673828125</c:v>
                </c:pt>
                <c:pt idx="157">
                  <c:v>95.861061096191406</c:v>
                </c:pt>
                <c:pt idx="158">
                  <c:v>93.449615478515597</c:v>
                </c:pt>
                <c:pt idx="159">
                  <c:v>93.138992309570298</c:v>
                </c:pt>
                <c:pt idx="160">
                  <c:v>90.192535400390597</c:v>
                </c:pt>
                <c:pt idx="161">
                  <c:v>86.866935729980497</c:v>
                </c:pt>
                <c:pt idx="162">
                  <c:v>83.278083801269503</c:v>
                </c:pt>
                <c:pt idx="163">
                  <c:v>81.424789428710895</c:v>
                </c:pt>
                <c:pt idx="164">
                  <c:v>79.498771667480497</c:v>
                </c:pt>
                <c:pt idx="165">
                  <c:v>79.312316894531307</c:v>
                </c:pt>
                <c:pt idx="166">
                  <c:v>77.230918884277301</c:v>
                </c:pt>
                <c:pt idx="167">
                  <c:v>75.630416870117202</c:v>
                </c:pt>
                <c:pt idx="168">
                  <c:v>73.704780578613295</c:v>
                </c:pt>
                <c:pt idx="169">
                  <c:v>72.242759704589801</c:v>
                </c:pt>
                <c:pt idx="170">
                  <c:v>76.411201477050795</c:v>
                </c:pt>
                <c:pt idx="171">
                  <c:v>74.483169555664105</c:v>
                </c:pt>
                <c:pt idx="172">
                  <c:v>71.951957702636705</c:v>
                </c:pt>
                <c:pt idx="173">
                  <c:v>69.358634948730497</c:v>
                </c:pt>
                <c:pt idx="174">
                  <c:v>67.030296325683594</c:v>
                </c:pt>
                <c:pt idx="175">
                  <c:v>66.505752563476605</c:v>
                </c:pt>
                <c:pt idx="176">
                  <c:v>70.510231018066406</c:v>
                </c:pt>
                <c:pt idx="177">
                  <c:v>66.741539001464801</c:v>
                </c:pt>
                <c:pt idx="178">
                  <c:v>65.664558410644503</c:v>
                </c:pt>
                <c:pt idx="179">
                  <c:v>63.730735778808601</c:v>
                </c:pt>
                <c:pt idx="180">
                  <c:v>60.683780670166001</c:v>
                </c:pt>
                <c:pt idx="181">
                  <c:v>58.886795043945298</c:v>
                </c:pt>
                <c:pt idx="182">
                  <c:v>57.834991455078097</c:v>
                </c:pt>
                <c:pt idx="183">
                  <c:v>55.081790924072301</c:v>
                </c:pt>
                <c:pt idx="184">
                  <c:v>53.783893585205099</c:v>
                </c:pt>
                <c:pt idx="185">
                  <c:v>53.477561950683601</c:v>
                </c:pt>
                <c:pt idx="186">
                  <c:v>51.101913452148402</c:v>
                </c:pt>
                <c:pt idx="187">
                  <c:v>50.162826538085902</c:v>
                </c:pt>
                <c:pt idx="188">
                  <c:v>48.9640922546387</c:v>
                </c:pt>
                <c:pt idx="189">
                  <c:v>46.996665954589801</c:v>
                </c:pt>
                <c:pt idx="190">
                  <c:v>45.013034820556598</c:v>
                </c:pt>
                <c:pt idx="191">
                  <c:v>44.105503082275398</c:v>
                </c:pt>
                <c:pt idx="192">
                  <c:v>43.152378082275398</c:v>
                </c:pt>
                <c:pt idx="193">
                  <c:v>42.612518310546903</c:v>
                </c:pt>
                <c:pt idx="194">
                  <c:v>41.596916198730497</c:v>
                </c:pt>
                <c:pt idx="195">
                  <c:v>40.218681335449197</c:v>
                </c:pt>
                <c:pt idx="196">
                  <c:v>39.306709289550803</c:v>
                </c:pt>
                <c:pt idx="197">
                  <c:v>38.258842468261697</c:v>
                </c:pt>
                <c:pt idx="198">
                  <c:v>37.052120208740199</c:v>
                </c:pt>
                <c:pt idx="199">
                  <c:v>36.429801940917997</c:v>
                </c:pt>
                <c:pt idx="200">
                  <c:v>35.438831329345703</c:v>
                </c:pt>
                <c:pt idx="201">
                  <c:v>35.054710388183601</c:v>
                </c:pt>
                <c:pt idx="202">
                  <c:v>33.859661102294901</c:v>
                </c:pt>
                <c:pt idx="203">
                  <c:v>32.892494201660199</c:v>
                </c:pt>
                <c:pt idx="204">
                  <c:v>32.325401306152301</c:v>
                </c:pt>
                <c:pt idx="205">
                  <c:v>31.5439643859863</c:v>
                </c:pt>
                <c:pt idx="206">
                  <c:v>30.716037750244102</c:v>
                </c:pt>
                <c:pt idx="207">
                  <c:v>30.2929172515869</c:v>
                </c:pt>
                <c:pt idx="208">
                  <c:v>29.070795059204102</c:v>
                </c:pt>
                <c:pt idx="209">
                  <c:v>27.847263336181602</c:v>
                </c:pt>
                <c:pt idx="210">
                  <c:v>27.397560119628899</c:v>
                </c:pt>
                <c:pt idx="211">
                  <c:v>26.765115737915</c:v>
                </c:pt>
                <c:pt idx="212">
                  <c:v>25.983016967773398</c:v>
                </c:pt>
                <c:pt idx="213">
                  <c:v>25.188915252685501</c:v>
                </c:pt>
                <c:pt idx="214">
                  <c:v>24.480447769165</c:v>
                </c:pt>
                <c:pt idx="215">
                  <c:v>23.501781463623001</c:v>
                </c:pt>
                <c:pt idx="216">
                  <c:v>22.865283966064499</c:v>
                </c:pt>
                <c:pt idx="217">
                  <c:v>22.047492980956999</c:v>
                </c:pt>
                <c:pt idx="218">
                  <c:v>21.018533706665</c:v>
                </c:pt>
                <c:pt idx="219">
                  <c:v>20.465471267700199</c:v>
                </c:pt>
                <c:pt idx="220">
                  <c:v>19.262510299682599</c:v>
                </c:pt>
                <c:pt idx="221">
                  <c:v>18.3609809875488</c:v>
                </c:pt>
                <c:pt idx="222">
                  <c:v>17.4171848297119</c:v>
                </c:pt>
                <c:pt idx="223">
                  <c:v>16.323297500610401</c:v>
                </c:pt>
                <c:pt idx="224">
                  <c:v>15.1149797439575</c:v>
                </c:pt>
                <c:pt idx="225">
                  <c:v>13.815844535827599</c:v>
                </c:pt>
                <c:pt idx="226">
                  <c:v>12.260630607605</c:v>
                </c:pt>
                <c:pt idx="227">
                  <c:v>10.587908744811999</c:v>
                </c:pt>
                <c:pt idx="228">
                  <c:v>8.2092628479003906</c:v>
                </c:pt>
                <c:pt idx="229">
                  <c:v>3.4430143833160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CC5-4DC4-8FFA-936D652CDFA9}"/>
            </c:ext>
          </c:extLst>
        </c:ser>
        <c:ser>
          <c:idx val="1"/>
          <c:order val="1"/>
          <c:tx>
            <c:v>15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Type_1_3_15___._1_thixotropy_rw!$F$2:$F$231</c:f>
              <c:numCache>
                <c:formatCode>General</c:formatCode>
                <c:ptCount val="230"/>
                <c:pt idx="0">
                  <c:v>0.92749416828155495</c:v>
                </c:pt>
                <c:pt idx="1">
                  <c:v>1.92762279510498</c:v>
                </c:pt>
                <c:pt idx="2">
                  <c:v>2.9249918460845898</c:v>
                </c:pt>
                <c:pt idx="3">
                  <c:v>3.9247882366180402</c:v>
                </c:pt>
                <c:pt idx="4">
                  <c:v>4.9249305725097701</c:v>
                </c:pt>
                <c:pt idx="5">
                  <c:v>5.9246292114257804</c:v>
                </c:pt>
                <c:pt idx="6">
                  <c:v>6.9248676300048801</c:v>
                </c:pt>
                <c:pt idx="7">
                  <c:v>7.9274625778198198</c:v>
                </c:pt>
                <c:pt idx="8">
                  <c:v>8.9246387481689506</c:v>
                </c:pt>
                <c:pt idx="9">
                  <c:v>9.9247522354125994</c:v>
                </c:pt>
                <c:pt idx="10">
                  <c:v>10.924975395202599</c:v>
                </c:pt>
                <c:pt idx="11">
                  <c:v>11.9251165390015</c:v>
                </c:pt>
                <c:pt idx="12">
                  <c:v>12.925035476684601</c:v>
                </c:pt>
                <c:pt idx="13">
                  <c:v>13.9250793457031</c:v>
                </c:pt>
                <c:pt idx="14">
                  <c:v>14.925269126892101</c:v>
                </c:pt>
                <c:pt idx="15">
                  <c:v>15.925611495971699</c:v>
                </c:pt>
                <c:pt idx="16">
                  <c:v>16.925256729126001</c:v>
                </c:pt>
                <c:pt idx="17">
                  <c:v>17.9248657226563</c:v>
                </c:pt>
                <c:pt idx="18">
                  <c:v>18.924766540527301</c:v>
                </c:pt>
                <c:pt idx="19">
                  <c:v>19.924472808837901</c:v>
                </c:pt>
                <c:pt idx="20">
                  <c:v>20.924217224121101</c:v>
                </c:pt>
                <c:pt idx="21">
                  <c:v>21.924299240112301</c:v>
                </c:pt>
                <c:pt idx="22">
                  <c:v>22.9238395690918</c:v>
                </c:pt>
                <c:pt idx="23">
                  <c:v>23.924106597900401</c:v>
                </c:pt>
                <c:pt idx="24">
                  <c:v>24.923313140869102</c:v>
                </c:pt>
                <c:pt idx="25">
                  <c:v>25.923233032226602</c:v>
                </c:pt>
                <c:pt idx="26">
                  <c:v>26.922630310058601</c:v>
                </c:pt>
                <c:pt idx="27">
                  <c:v>27.9225158691406</c:v>
                </c:pt>
                <c:pt idx="28">
                  <c:v>28.922531127929702</c:v>
                </c:pt>
                <c:pt idx="29">
                  <c:v>29.922182083129901</c:v>
                </c:pt>
                <c:pt idx="30">
                  <c:v>30.921577453613299</c:v>
                </c:pt>
                <c:pt idx="31">
                  <c:v>31.921236038208001</c:v>
                </c:pt>
                <c:pt idx="32">
                  <c:v>32.9244995117188</c:v>
                </c:pt>
                <c:pt idx="33">
                  <c:v>33.924667358398402</c:v>
                </c:pt>
                <c:pt idx="34">
                  <c:v>34.923782348632798</c:v>
                </c:pt>
                <c:pt idx="35">
                  <c:v>35.923301696777301</c:v>
                </c:pt>
                <c:pt idx="36">
                  <c:v>36.922988891601598</c:v>
                </c:pt>
                <c:pt idx="37">
                  <c:v>37.9230766296387</c:v>
                </c:pt>
                <c:pt idx="38">
                  <c:v>38.922573089599602</c:v>
                </c:pt>
                <c:pt idx="39">
                  <c:v>39.922565460205099</c:v>
                </c:pt>
                <c:pt idx="40">
                  <c:v>40.9217720031738</c:v>
                </c:pt>
                <c:pt idx="41">
                  <c:v>41.922111511230497</c:v>
                </c:pt>
                <c:pt idx="42">
                  <c:v>42.921607971191399</c:v>
                </c:pt>
                <c:pt idx="43">
                  <c:v>43.9217338562012</c:v>
                </c:pt>
                <c:pt idx="44">
                  <c:v>44.921287536621101</c:v>
                </c:pt>
                <c:pt idx="45">
                  <c:v>45.921062469482401</c:v>
                </c:pt>
                <c:pt idx="46">
                  <c:v>46.920360565185497</c:v>
                </c:pt>
                <c:pt idx="47">
                  <c:v>47.920742034912102</c:v>
                </c:pt>
                <c:pt idx="48">
                  <c:v>48.920253753662102</c:v>
                </c:pt>
                <c:pt idx="49">
                  <c:v>49.919960021972699</c:v>
                </c:pt>
                <c:pt idx="50">
                  <c:v>50.919731140136697</c:v>
                </c:pt>
                <c:pt idx="51">
                  <c:v>51.919479370117202</c:v>
                </c:pt>
                <c:pt idx="52">
                  <c:v>52.919498443603501</c:v>
                </c:pt>
                <c:pt idx="53">
                  <c:v>53.919029235839801</c:v>
                </c:pt>
                <c:pt idx="54">
                  <c:v>54.918674468994098</c:v>
                </c:pt>
                <c:pt idx="55">
                  <c:v>55.918365478515597</c:v>
                </c:pt>
                <c:pt idx="56">
                  <c:v>56.918289184570298</c:v>
                </c:pt>
                <c:pt idx="57">
                  <c:v>57.918067932128899</c:v>
                </c:pt>
                <c:pt idx="58">
                  <c:v>58.917896270752003</c:v>
                </c:pt>
                <c:pt idx="59">
                  <c:v>59.917167663574197</c:v>
                </c:pt>
                <c:pt idx="60">
                  <c:v>60.917179107666001</c:v>
                </c:pt>
                <c:pt idx="61">
                  <c:v>61.916862487792997</c:v>
                </c:pt>
                <c:pt idx="62">
                  <c:v>62.916614532470703</c:v>
                </c:pt>
                <c:pt idx="63">
                  <c:v>63.916465759277301</c:v>
                </c:pt>
                <c:pt idx="64">
                  <c:v>64.916053771972699</c:v>
                </c:pt>
                <c:pt idx="65">
                  <c:v>65.916191101074205</c:v>
                </c:pt>
                <c:pt idx="66">
                  <c:v>66.915977478027301</c:v>
                </c:pt>
                <c:pt idx="67">
                  <c:v>67.915245056152301</c:v>
                </c:pt>
                <c:pt idx="68">
                  <c:v>68.915191650390597</c:v>
                </c:pt>
                <c:pt idx="69">
                  <c:v>69.915321350097699</c:v>
                </c:pt>
                <c:pt idx="70">
                  <c:v>70.914634704589801</c:v>
                </c:pt>
                <c:pt idx="71">
                  <c:v>71.914581298828097</c:v>
                </c:pt>
                <c:pt idx="72">
                  <c:v>72.914215087890597</c:v>
                </c:pt>
                <c:pt idx="73">
                  <c:v>73.914215087890597</c:v>
                </c:pt>
                <c:pt idx="74">
                  <c:v>74.913436889648395</c:v>
                </c:pt>
                <c:pt idx="75">
                  <c:v>75.913276672363295</c:v>
                </c:pt>
                <c:pt idx="76">
                  <c:v>76.913070678710895</c:v>
                </c:pt>
                <c:pt idx="77">
                  <c:v>77.913223266601605</c:v>
                </c:pt>
                <c:pt idx="78">
                  <c:v>78.912513732910199</c:v>
                </c:pt>
                <c:pt idx="79">
                  <c:v>79.912673950195298</c:v>
                </c:pt>
                <c:pt idx="80">
                  <c:v>80.912315368652301</c:v>
                </c:pt>
                <c:pt idx="81">
                  <c:v>81.912063598632798</c:v>
                </c:pt>
                <c:pt idx="82">
                  <c:v>82.911750793457003</c:v>
                </c:pt>
                <c:pt idx="83">
                  <c:v>83.9107666015625</c:v>
                </c:pt>
                <c:pt idx="84">
                  <c:v>84.910575866699205</c:v>
                </c:pt>
                <c:pt idx="85">
                  <c:v>85.910758972167997</c:v>
                </c:pt>
                <c:pt idx="86">
                  <c:v>86.911361694335895</c:v>
                </c:pt>
                <c:pt idx="87">
                  <c:v>87.910194396972699</c:v>
                </c:pt>
                <c:pt idx="88">
                  <c:v>88.910026550292997</c:v>
                </c:pt>
                <c:pt idx="89">
                  <c:v>89.910385131835895</c:v>
                </c:pt>
                <c:pt idx="90">
                  <c:v>90.9102783203125</c:v>
                </c:pt>
                <c:pt idx="91">
                  <c:v>91.909423828125</c:v>
                </c:pt>
                <c:pt idx="92">
                  <c:v>92.909339904785199</c:v>
                </c:pt>
                <c:pt idx="93">
                  <c:v>93.909027099609403</c:v>
                </c:pt>
                <c:pt idx="94">
                  <c:v>94.909507751464801</c:v>
                </c:pt>
                <c:pt idx="95">
                  <c:v>95.906730651855497</c:v>
                </c:pt>
                <c:pt idx="96">
                  <c:v>96.909759521484403</c:v>
                </c:pt>
                <c:pt idx="97">
                  <c:v>97.908027648925795</c:v>
                </c:pt>
                <c:pt idx="98">
                  <c:v>98.908370971679702</c:v>
                </c:pt>
                <c:pt idx="99">
                  <c:v>99.907455444335895</c:v>
                </c:pt>
                <c:pt idx="100">
                  <c:v>100.00090789794901</c:v>
                </c:pt>
                <c:pt idx="101">
                  <c:v>99.999618530273395</c:v>
                </c:pt>
                <c:pt idx="102">
                  <c:v>99.999092102050795</c:v>
                </c:pt>
                <c:pt idx="103">
                  <c:v>99.999359130859403</c:v>
                </c:pt>
                <c:pt idx="104">
                  <c:v>100.000564575195</c:v>
                </c:pt>
                <c:pt idx="105">
                  <c:v>99.999870300292997</c:v>
                </c:pt>
                <c:pt idx="106">
                  <c:v>99.999984741210895</c:v>
                </c:pt>
                <c:pt idx="107">
                  <c:v>99.999336242675795</c:v>
                </c:pt>
                <c:pt idx="108">
                  <c:v>100.00006103515599</c:v>
                </c:pt>
                <c:pt idx="109">
                  <c:v>100.000526428223</c:v>
                </c:pt>
                <c:pt idx="110">
                  <c:v>100.000198364258</c:v>
                </c:pt>
                <c:pt idx="111">
                  <c:v>99.999992370605497</c:v>
                </c:pt>
                <c:pt idx="112">
                  <c:v>99.998985290527301</c:v>
                </c:pt>
                <c:pt idx="113">
                  <c:v>99.999588012695298</c:v>
                </c:pt>
                <c:pt idx="114">
                  <c:v>100.00065612793</c:v>
                </c:pt>
                <c:pt idx="115">
                  <c:v>100.000701904297</c:v>
                </c:pt>
                <c:pt idx="116">
                  <c:v>99.999900817871094</c:v>
                </c:pt>
                <c:pt idx="117">
                  <c:v>100.000350952148</c:v>
                </c:pt>
                <c:pt idx="118">
                  <c:v>99.999557495117202</c:v>
                </c:pt>
                <c:pt idx="119">
                  <c:v>99.999427795410199</c:v>
                </c:pt>
                <c:pt idx="120">
                  <c:v>100.000160217285</c:v>
                </c:pt>
                <c:pt idx="121">
                  <c:v>100.00018310546901</c:v>
                </c:pt>
                <c:pt idx="122">
                  <c:v>100.003089904785</c:v>
                </c:pt>
                <c:pt idx="123">
                  <c:v>100.00001525878901</c:v>
                </c:pt>
                <c:pt idx="124">
                  <c:v>99.999984741210895</c:v>
                </c:pt>
                <c:pt idx="125">
                  <c:v>100.001174926758</c:v>
                </c:pt>
                <c:pt idx="126">
                  <c:v>99.999938964843807</c:v>
                </c:pt>
                <c:pt idx="127">
                  <c:v>99.999855041503906</c:v>
                </c:pt>
                <c:pt idx="128">
                  <c:v>99.999900817871094</c:v>
                </c:pt>
                <c:pt idx="129">
                  <c:v>100.00051116943401</c:v>
                </c:pt>
                <c:pt idx="130">
                  <c:v>99.073875427246094</c:v>
                </c:pt>
                <c:pt idx="131">
                  <c:v>98.074424743652301</c:v>
                </c:pt>
                <c:pt idx="132">
                  <c:v>97.074905395507798</c:v>
                </c:pt>
                <c:pt idx="133">
                  <c:v>96.072319030761705</c:v>
                </c:pt>
                <c:pt idx="134">
                  <c:v>95.074562072753906</c:v>
                </c:pt>
                <c:pt idx="135">
                  <c:v>94.075408935546903</c:v>
                </c:pt>
                <c:pt idx="136">
                  <c:v>93.075653076171903</c:v>
                </c:pt>
                <c:pt idx="137">
                  <c:v>92.076065063476605</c:v>
                </c:pt>
                <c:pt idx="138">
                  <c:v>91.072883605957003</c:v>
                </c:pt>
                <c:pt idx="139">
                  <c:v>90.076408386230497</c:v>
                </c:pt>
                <c:pt idx="140">
                  <c:v>89.076416015625</c:v>
                </c:pt>
                <c:pt idx="141">
                  <c:v>88.076530456542997</c:v>
                </c:pt>
                <c:pt idx="142">
                  <c:v>87.076828002929702</c:v>
                </c:pt>
                <c:pt idx="143">
                  <c:v>86.077667236328097</c:v>
                </c:pt>
                <c:pt idx="144">
                  <c:v>85.077255249023395</c:v>
                </c:pt>
                <c:pt idx="145">
                  <c:v>84.077568054199205</c:v>
                </c:pt>
                <c:pt idx="146">
                  <c:v>83.078041076660199</c:v>
                </c:pt>
                <c:pt idx="147">
                  <c:v>82.078697204589801</c:v>
                </c:pt>
                <c:pt idx="148">
                  <c:v>81.077980041503906</c:v>
                </c:pt>
                <c:pt idx="149">
                  <c:v>80.078514099121094</c:v>
                </c:pt>
                <c:pt idx="150">
                  <c:v>79.078231811523395</c:v>
                </c:pt>
                <c:pt idx="151">
                  <c:v>78.078971862792997</c:v>
                </c:pt>
                <c:pt idx="152">
                  <c:v>77.079521179199205</c:v>
                </c:pt>
                <c:pt idx="153">
                  <c:v>76.079551696777301</c:v>
                </c:pt>
                <c:pt idx="154">
                  <c:v>75.079620361328097</c:v>
                </c:pt>
                <c:pt idx="155">
                  <c:v>74.080383300781307</c:v>
                </c:pt>
                <c:pt idx="156">
                  <c:v>73.080291748046903</c:v>
                </c:pt>
                <c:pt idx="157">
                  <c:v>72.080833435058594</c:v>
                </c:pt>
                <c:pt idx="158">
                  <c:v>71.081047058105497</c:v>
                </c:pt>
                <c:pt idx="159">
                  <c:v>70.081237792968807</c:v>
                </c:pt>
                <c:pt idx="160">
                  <c:v>69.081375122070298</c:v>
                </c:pt>
                <c:pt idx="161">
                  <c:v>68.081901550292997</c:v>
                </c:pt>
                <c:pt idx="162">
                  <c:v>67.081703186035199</c:v>
                </c:pt>
                <c:pt idx="163">
                  <c:v>66.08203125</c:v>
                </c:pt>
                <c:pt idx="164">
                  <c:v>65.082160949707003</c:v>
                </c:pt>
                <c:pt idx="165">
                  <c:v>64.079833984375</c:v>
                </c:pt>
                <c:pt idx="166">
                  <c:v>63.080028533935497</c:v>
                </c:pt>
                <c:pt idx="167">
                  <c:v>62.080307006835902</c:v>
                </c:pt>
                <c:pt idx="168">
                  <c:v>61.080516815185497</c:v>
                </c:pt>
                <c:pt idx="169">
                  <c:v>60.080513000488303</c:v>
                </c:pt>
                <c:pt idx="170">
                  <c:v>59.081260681152301</c:v>
                </c:pt>
                <c:pt idx="171">
                  <c:v>58.081329345703097</c:v>
                </c:pt>
                <c:pt idx="172">
                  <c:v>57.081527709960902</c:v>
                </c:pt>
                <c:pt idx="173">
                  <c:v>56.081794738769503</c:v>
                </c:pt>
                <c:pt idx="174">
                  <c:v>55.081817626953097</c:v>
                </c:pt>
                <c:pt idx="175">
                  <c:v>54.082149505615199</c:v>
                </c:pt>
                <c:pt idx="176">
                  <c:v>53.082244873046903</c:v>
                </c:pt>
                <c:pt idx="177">
                  <c:v>52.082588195800803</c:v>
                </c:pt>
                <c:pt idx="178">
                  <c:v>51.083042144775398</c:v>
                </c:pt>
                <c:pt idx="179">
                  <c:v>50.083091735839801</c:v>
                </c:pt>
                <c:pt idx="180">
                  <c:v>49.083194732666001</c:v>
                </c:pt>
                <c:pt idx="181">
                  <c:v>48.083545684814503</c:v>
                </c:pt>
                <c:pt idx="182">
                  <c:v>47.083732604980497</c:v>
                </c:pt>
                <c:pt idx="183">
                  <c:v>46.084129333496101</c:v>
                </c:pt>
                <c:pt idx="184">
                  <c:v>45.0841674804688</c:v>
                </c:pt>
                <c:pt idx="185">
                  <c:v>44.0846138000488</c:v>
                </c:pt>
                <c:pt idx="186">
                  <c:v>43.0848197937012</c:v>
                </c:pt>
                <c:pt idx="187">
                  <c:v>42.085113525390597</c:v>
                </c:pt>
                <c:pt idx="188">
                  <c:v>41.085277557372997</c:v>
                </c:pt>
                <c:pt idx="189">
                  <c:v>40.085617065429702</c:v>
                </c:pt>
                <c:pt idx="190">
                  <c:v>39.085727691650398</c:v>
                </c:pt>
                <c:pt idx="191">
                  <c:v>38.086002349853501</c:v>
                </c:pt>
                <c:pt idx="192">
                  <c:v>37.086360931396499</c:v>
                </c:pt>
                <c:pt idx="193">
                  <c:v>36.0865287780762</c:v>
                </c:pt>
                <c:pt idx="194">
                  <c:v>35.086734771728501</c:v>
                </c:pt>
                <c:pt idx="195">
                  <c:v>34.086917877197301</c:v>
                </c:pt>
                <c:pt idx="196">
                  <c:v>33.087306976318402</c:v>
                </c:pt>
                <c:pt idx="197">
                  <c:v>32.087474822997997</c:v>
                </c:pt>
                <c:pt idx="198">
                  <c:v>31.0878200531006</c:v>
                </c:pt>
                <c:pt idx="199">
                  <c:v>30.0879917144775</c:v>
                </c:pt>
                <c:pt idx="200">
                  <c:v>29.088201522827099</c:v>
                </c:pt>
                <c:pt idx="201">
                  <c:v>28.088436126708999</c:v>
                </c:pt>
                <c:pt idx="202">
                  <c:v>27.088647842407202</c:v>
                </c:pt>
                <c:pt idx="203">
                  <c:v>26.0887966156006</c:v>
                </c:pt>
                <c:pt idx="204">
                  <c:v>25.089197158813501</c:v>
                </c:pt>
                <c:pt idx="205">
                  <c:v>24.0895175933838</c:v>
                </c:pt>
                <c:pt idx="206">
                  <c:v>23.0897731781006</c:v>
                </c:pt>
                <c:pt idx="207">
                  <c:v>22.089849472045898</c:v>
                </c:pt>
                <c:pt idx="208">
                  <c:v>21.0900688171387</c:v>
                </c:pt>
                <c:pt idx="209">
                  <c:v>20.090377807617202</c:v>
                </c:pt>
                <c:pt idx="210">
                  <c:v>19.0903224945068</c:v>
                </c:pt>
                <c:pt idx="211">
                  <c:v>18.0909309387207</c:v>
                </c:pt>
                <c:pt idx="212">
                  <c:v>17.091241836547901</c:v>
                </c:pt>
                <c:pt idx="213">
                  <c:v>16.091352462768601</c:v>
                </c:pt>
                <c:pt idx="214">
                  <c:v>15.091256141662599</c:v>
                </c:pt>
                <c:pt idx="215">
                  <c:v>14.0912427902222</c:v>
                </c:pt>
                <c:pt idx="216">
                  <c:v>13.091035842895501</c:v>
                </c:pt>
                <c:pt idx="217">
                  <c:v>12.0911102294922</c:v>
                </c:pt>
                <c:pt idx="218">
                  <c:v>11.090981483459499</c:v>
                </c:pt>
                <c:pt idx="219">
                  <c:v>10.0908851623535</c:v>
                </c:pt>
                <c:pt idx="220">
                  <c:v>9.0907726287841797</c:v>
                </c:pt>
                <c:pt idx="221">
                  <c:v>8.0906276702880895</c:v>
                </c:pt>
                <c:pt idx="222">
                  <c:v>7.0907926559448198</c:v>
                </c:pt>
                <c:pt idx="223">
                  <c:v>6.0908002853393599</c:v>
                </c:pt>
                <c:pt idx="224">
                  <c:v>5.0908713340759304</c:v>
                </c:pt>
                <c:pt idx="225">
                  <c:v>4.09085941314697</c:v>
                </c:pt>
                <c:pt idx="226">
                  <c:v>3.0908973217010498</c:v>
                </c:pt>
                <c:pt idx="227">
                  <c:v>2.09092020988464</c:v>
                </c:pt>
                <c:pt idx="228">
                  <c:v>1.09087038040161</c:v>
                </c:pt>
                <c:pt idx="229">
                  <c:v>9.1139867901802105E-2</c:v>
                </c:pt>
              </c:numCache>
            </c:numRef>
          </c:xVal>
          <c:yVal>
            <c:numRef>
              <c:f>Type_1_3_15___._1_thixotropy_rw!$D$2:$D$231</c:f>
              <c:numCache>
                <c:formatCode>General</c:formatCode>
                <c:ptCount val="230"/>
                <c:pt idx="0">
                  <c:v>12.6811256408691</c:v>
                </c:pt>
                <c:pt idx="1">
                  <c:v>16.914382934570298</c:v>
                </c:pt>
                <c:pt idx="2">
                  <c:v>19.209810256958001</c:v>
                </c:pt>
                <c:pt idx="3">
                  <c:v>21.3268013000488</c:v>
                </c:pt>
                <c:pt idx="4">
                  <c:v>23.753725051879901</c:v>
                </c:pt>
                <c:pt idx="5">
                  <c:v>24.827163696289102</c:v>
                </c:pt>
                <c:pt idx="6">
                  <c:v>26.530307769775401</c:v>
                </c:pt>
                <c:pt idx="7">
                  <c:v>27.445976257324201</c:v>
                </c:pt>
                <c:pt idx="8">
                  <c:v>28.434616088867202</c:v>
                </c:pt>
                <c:pt idx="9">
                  <c:v>30.118629455566399</c:v>
                </c:pt>
                <c:pt idx="10">
                  <c:v>31.170160293579102</c:v>
                </c:pt>
                <c:pt idx="11">
                  <c:v>32.433513641357401</c:v>
                </c:pt>
                <c:pt idx="12">
                  <c:v>33.6984252929688</c:v>
                </c:pt>
                <c:pt idx="13">
                  <c:v>35.957283020019503</c:v>
                </c:pt>
                <c:pt idx="14">
                  <c:v>37.338180541992202</c:v>
                </c:pt>
                <c:pt idx="15">
                  <c:v>39.268814086914098</c:v>
                </c:pt>
                <c:pt idx="16">
                  <c:v>39.521797180175803</c:v>
                </c:pt>
                <c:pt idx="17">
                  <c:v>40.8016357421875</c:v>
                </c:pt>
                <c:pt idx="18">
                  <c:v>42.1961860656738</c:v>
                </c:pt>
                <c:pt idx="19">
                  <c:v>44.942798614502003</c:v>
                </c:pt>
                <c:pt idx="20">
                  <c:v>47.181686401367202</c:v>
                </c:pt>
                <c:pt idx="21">
                  <c:v>46.444507598877003</c:v>
                </c:pt>
                <c:pt idx="22">
                  <c:v>46.955760955810497</c:v>
                </c:pt>
                <c:pt idx="23">
                  <c:v>48.678546905517599</c:v>
                </c:pt>
                <c:pt idx="24">
                  <c:v>49.726863861083999</c:v>
                </c:pt>
                <c:pt idx="25">
                  <c:v>51.405612945556598</c:v>
                </c:pt>
                <c:pt idx="26">
                  <c:v>52.011219024658203</c:v>
                </c:pt>
                <c:pt idx="27">
                  <c:v>52.416221618652301</c:v>
                </c:pt>
                <c:pt idx="28">
                  <c:v>53.466732025146499</c:v>
                </c:pt>
                <c:pt idx="29">
                  <c:v>54.294773101806598</c:v>
                </c:pt>
                <c:pt idx="30">
                  <c:v>56.638870239257798</c:v>
                </c:pt>
                <c:pt idx="31">
                  <c:v>56.638328552246101</c:v>
                </c:pt>
                <c:pt idx="32">
                  <c:v>56.777034759521499</c:v>
                </c:pt>
                <c:pt idx="33">
                  <c:v>57.904994964599602</c:v>
                </c:pt>
                <c:pt idx="34">
                  <c:v>58.895057678222699</c:v>
                </c:pt>
                <c:pt idx="35">
                  <c:v>59.092350006103501</c:v>
                </c:pt>
                <c:pt idx="36">
                  <c:v>60.767486572265597</c:v>
                </c:pt>
                <c:pt idx="37">
                  <c:v>61.680061340332003</c:v>
                </c:pt>
                <c:pt idx="38">
                  <c:v>63.187370300292997</c:v>
                </c:pt>
                <c:pt idx="39">
                  <c:v>63.114845275878899</c:v>
                </c:pt>
                <c:pt idx="40">
                  <c:v>64.069030761718807</c:v>
                </c:pt>
                <c:pt idx="41">
                  <c:v>65.366424560546903</c:v>
                </c:pt>
                <c:pt idx="42">
                  <c:v>66.837532043457003</c:v>
                </c:pt>
                <c:pt idx="43">
                  <c:v>67.937606811523395</c:v>
                </c:pt>
                <c:pt idx="44">
                  <c:v>68.362632751464801</c:v>
                </c:pt>
                <c:pt idx="45">
                  <c:v>69.157699584960895</c:v>
                </c:pt>
                <c:pt idx="46">
                  <c:v>70.600738525390597</c:v>
                </c:pt>
                <c:pt idx="47">
                  <c:v>75.885505676269503</c:v>
                </c:pt>
                <c:pt idx="48">
                  <c:v>73.319740295410199</c:v>
                </c:pt>
                <c:pt idx="49">
                  <c:v>75.350326538085895</c:v>
                </c:pt>
                <c:pt idx="50">
                  <c:v>76.641731262207003</c:v>
                </c:pt>
                <c:pt idx="51">
                  <c:v>78.326126098632798</c:v>
                </c:pt>
                <c:pt idx="52">
                  <c:v>80.500404357910199</c:v>
                </c:pt>
                <c:pt idx="53">
                  <c:v>82.399688720703097</c:v>
                </c:pt>
                <c:pt idx="54">
                  <c:v>84.626121520996094</c:v>
                </c:pt>
                <c:pt idx="55">
                  <c:v>85.751243591308594</c:v>
                </c:pt>
                <c:pt idx="56">
                  <c:v>88.125053405761705</c:v>
                </c:pt>
                <c:pt idx="57">
                  <c:v>91.016082763671903</c:v>
                </c:pt>
                <c:pt idx="58">
                  <c:v>92.863365173339801</c:v>
                </c:pt>
                <c:pt idx="59">
                  <c:v>95.190383911132798</c:v>
                </c:pt>
                <c:pt idx="60">
                  <c:v>97.639617919921903</c:v>
                </c:pt>
                <c:pt idx="61">
                  <c:v>100.327102661133</c:v>
                </c:pt>
                <c:pt idx="62">
                  <c:v>102.542839050293</c:v>
                </c:pt>
                <c:pt idx="63">
                  <c:v>105.13812255859401</c:v>
                </c:pt>
                <c:pt idx="64">
                  <c:v>107.550155639648</c:v>
                </c:pt>
                <c:pt idx="65">
                  <c:v>109.189323425293</c:v>
                </c:pt>
                <c:pt idx="66">
                  <c:v>111.700790405273</c:v>
                </c:pt>
                <c:pt idx="67">
                  <c:v>115.299942016602</c:v>
                </c:pt>
                <c:pt idx="68">
                  <c:v>115.73583984375</c:v>
                </c:pt>
                <c:pt idx="69">
                  <c:v>119.69687652587901</c:v>
                </c:pt>
                <c:pt idx="70">
                  <c:v>121.33798217773401</c:v>
                </c:pt>
                <c:pt idx="71">
                  <c:v>123.73900604248</c:v>
                </c:pt>
                <c:pt idx="72">
                  <c:v>125.54776763916</c:v>
                </c:pt>
                <c:pt idx="73">
                  <c:v>129.434814453125</c:v>
                </c:pt>
                <c:pt idx="74">
                  <c:v>132.65040588378901</c:v>
                </c:pt>
                <c:pt idx="75">
                  <c:v>137.63204956054699</c:v>
                </c:pt>
                <c:pt idx="76">
                  <c:v>139.76266479492199</c:v>
                </c:pt>
                <c:pt idx="77">
                  <c:v>141.37864685058599</c:v>
                </c:pt>
                <c:pt idx="78">
                  <c:v>142.536544799805</c:v>
                </c:pt>
                <c:pt idx="79">
                  <c:v>146.40127563476599</c:v>
                </c:pt>
                <c:pt idx="80">
                  <c:v>147.92991638183599</c:v>
                </c:pt>
                <c:pt idx="81">
                  <c:v>151.28936767578099</c:v>
                </c:pt>
                <c:pt idx="82">
                  <c:v>154.148193359375</c:v>
                </c:pt>
                <c:pt idx="83">
                  <c:v>159.82939147949199</c:v>
                </c:pt>
                <c:pt idx="84">
                  <c:v>159.80166625976599</c:v>
                </c:pt>
                <c:pt idx="85">
                  <c:v>163.372970581055</c:v>
                </c:pt>
                <c:pt idx="86">
                  <c:v>167.907638549805</c:v>
                </c:pt>
                <c:pt idx="87">
                  <c:v>169.96200561523401</c:v>
                </c:pt>
                <c:pt idx="88">
                  <c:v>173.50094604492199</c:v>
                </c:pt>
                <c:pt idx="89">
                  <c:v>177.80270385742199</c:v>
                </c:pt>
                <c:pt idx="90">
                  <c:v>183.99586486816401</c:v>
                </c:pt>
                <c:pt idx="91">
                  <c:v>184.02041625976599</c:v>
                </c:pt>
                <c:pt idx="92">
                  <c:v>187.30038452148401</c:v>
                </c:pt>
                <c:pt idx="93">
                  <c:v>190.78073120117199</c:v>
                </c:pt>
                <c:pt idx="94">
                  <c:v>193.07833862304699</c:v>
                </c:pt>
                <c:pt idx="95">
                  <c:v>199.23773193359401</c:v>
                </c:pt>
                <c:pt idx="96">
                  <c:v>200.41958618164099</c:v>
                </c:pt>
                <c:pt idx="97">
                  <c:v>202.529296875</c:v>
                </c:pt>
                <c:pt idx="98">
                  <c:v>205.47146606445301</c:v>
                </c:pt>
                <c:pt idx="99">
                  <c:v>210.84846496582</c:v>
                </c:pt>
                <c:pt idx="100">
                  <c:v>209.32884216308599</c:v>
                </c:pt>
                <c:pt idx="101">
                  <c:v>211.39767456054699</c:v>
                </c:pt>
                <c:pt idx="102">
                  <c:v>209.446533203125</c:v>
                </c:pt>
                <c:pt idx="103">
                  <c:v>210.110763549805</c:v>
                </c:pt>
                <c:pt idx="104">
                  <c:v>211.33888244628901</c:v>
                </c:pt>
                <c:pt idx="105">
                  <c:v>209.90629577636699</c:v>
                </c:pt>
                <c:pt idx="106">
                  <c:v>210.3388671875</c:v>
                </c:pt>
                <c:pt idx="107">
                  <c:v>212.45928955078099</c:v>
                </c:pt>
                <c:pt idx="108">
                  <c:v>211.41293334960901</c:v>
                </c:pt>
                <c:pt idx="109">
                  <c:v>211.22384643554699</c:v>
                </c:pt>
                <c:pt idx="110">
                  <c:v>207.98748779296901</c:v>
                </c:pt>
                <c:pt idx="111">
                  <c:v>208.90750122070301</c:v>
                </c:pt>
                <c:pt idx="112">
                  <c:v>208.677658081055</c:v>
                </c:pt>
                <c:pt idx="113">
                  <c:v>209.44638061523401</c:v>
                </c:pt>
                <c:pt idx="114">
                  <c:v>209.05064392089801</c:v>
                </c:pt>
                <c:pt idx="115">
                  <c:v>208.99911499023401</c:v>
                </c:pt>
                <c:pt idx="116">
                  <c:v>208.75494384765599</c:v>
                </c:pt>
                <c:pt idx="117">
                  <c:v>208.83979797363301</c:v>
                </c:pt>
                <c:pt idx="118">
                  <c:v>209.13368225097699</c:v>
                </c:pt>
                <c:pt idx="119">
                  <c:v>208.62571716308599</c:v>
                </c:pt>
                <c:pt idx="120">
                  <c:v>207.67085266113301</c:v>
                </c:pt>
                <c:pt idx="121">
                  <c:v>209.46778869628901</c:v>
                </c:pt>
                <c:pt idx="122">
                  <c:v>213.86634826660199</c:v>
                </c:pt>
                <c:pt idx="123">
                  <c:v>204.96922302246099</c:v>
                </c:pt>
                <c:pt idx="124">
                  <c:v>203.18745422363301</c:v>
                </c:pt>
                <c:pt idx="125">
                  <c:v>203.76972961425801</c:v>
                </c:pt>
                <c:pt idx="126">
                  <c:v>202.41305541992199</c:v>
                </c:pt>
                <c:pt idx="127">
                  <c:v>203.29617309570301</c:v>
                </c:pt>
                <c:pt idx="128">
                  <c:v>203.49273681640599</c:v>
                </c:pt>
                <c:pt idx="129">
                  <c:v>203.50704956054699</c:v>
                </c:pt>
                <c:pt idx="130">
                  <c:v>199.87467956543</c:v>
                </c:pt>
                <c:pt idx="131">
                  <c:v>196.10296630859401</c:v>
                </c:pt>
                <c:pt idx="132">
                  <c:v>192.85157775878901</c:v>
                </c:pt>
                <c:pt idx="133">
                  <c:v>186.21745300293</c:v>
                </c:pt>
                <c:pt idx="134">
                  <c:v>184.91394042968801</c:v>
                </c:pt>
                <c:pt idx="135">
                  <c:v>182.19244384765599</c:v>
                </c:pt>
                <c:pt idx="136">
                  <c:v>177.33689880371099</c:v>
                </c:pt>
                <c:pt idx="137">
                  <c:v>174.11250305175801</c:v>
                </c:pt>
                <c:pt idx="138">
                  <c:v>170.26448059082</c:v>
                </c:pt>
                <c:pt idx="139">
                  <c:v>167.327560424805</c:v>
                </c:pt>
                <c:pt idx="140">
                  <c:v>165.85488891601599</c:v>
                </c:pt>
                <c:pt idx="141">
                  <c:v>162.54542541503901</c:v>
                </c:pt>
                <c:pt idx="142">
                  <c:v>158.70248413085901</c:v>
                </c:pt>
                <c:pt idx="143">
                  <c:v>158.12321472168</c:v>
                </c:pt>
                <c:pt idx="144">
                  <c:v>152.62727355957</c:v>
                </c:pt>
                <c:pt idx="145">
                  <c:v>148.92790222168</c:v>
                </c:pt>
                <c:pt idx="146">
                  <c:v>146.48727416992199</c:v>
                </c:pt>
                <c:pt idx="147">
                  <c:v>146.32061767578099</c:v>
                </c:pt>
                <c:pt idx="148">
                  <c:v>141.96217346191401</c:v>
                </c:pt>
                <c:pt idx="149">
                  <c:v>140.9951171875</c:v>
                </c:pt>
                <c:pt idx="150">
                  <c:v>136.35365295410199</c:v>
                </c:pt>
                <c:pt idx="151">
                  <c:v>132.41378784179699</c:v>
                </c:pt>
                <c:pt idx="152">
                  <c:v>133.43394470214801</c:v>
                </c:pt>
                <c:pt idx="153">
                  <c:v>127.664756774902</c:v>
                </c:pt>
                <c:pt idx="154">
                  <c:v>125.580680847168</c:v>
                </c:pt>
                <c:pt idx="155">
                  <c:v>122.78790283203099</c:v>
                </c:pt>
                <c:pt idx="156">
                  <c:v>118.22638702392599</c:v>
                </c:pt>
                <c:pt idx="157">
                  <c:v>116.448768615723</c:v>
                </c:pt>
                <c:pt idx="158">
                  <c:v>114.172737121582</c:v>
                </c:pt>
                <c:pt idx="159">
                  <c:v>110.91408538818401</c:v>
                </c:pt>
                <c:pt idx="160">
                  <c:v>107.979194641113</c:v>
                </c:pt>
                <c:pt idx="161">
                  <c:v>106.104133605957</c:v>
                </c:pt>
                <c:pt idx="162">
                  <c:v>102.532592773438</c:v>
                </c:pt>
                <c:pt idx="163">
                  <c:v>100.03045654296901</c:v>
                </c:pt>
                <c:pt idx="164">
                  <c:v>97.087738037109403</c:v>
                </c:pt>
                <c:pt idx="165">
                  <c:v>94.933288574218807</c:v>
                </c:pt>
                <c:pt idx="166">
                  <c:v>92.645050048828097</c:v>
                </c:pt>
                <c:pt idx="167">
                  <c:v>89.309020996093807</c:v>
                </c:pt>
                <c:pt idx="168">
                  <c:v>86.585212707519503</c:v>
                </c:pt>
                <c:pt idx="169">
                  <c:v>84.782371520996094</c:v>
                </c:pt>
                <c:pt idx="170">
                  <c:v>83.607040405273395</c:v>
                </c:pt>
                <c:pt idx="171">
                  <c:v>79.767379760742202</c:v>
                </c:pt>
                <c:pt idx="172">
                  <c:v>77.335441589355497</c:v>
                </c:pt>
                <c:pt idx="173">
                  <c:v>74.930023193359403</c:v>
                </c:pt>
                <c:pt idx="174">
                  <c:v>72.918716430664105</c:v>
                </c:pt>
                <c:pt idx="175">
                  <c:v>71.058174133300795</c:v>
                </c:pt>
                <c:pt idx="176">
                  <c:v>69.917884826660199</c:v>
                </c:pt>
                <c:pt idx="177">
                  <c:v>66.332145690917997</c:v>
                </c:pt>
                <c:pt idx="178">
                  <c:v>64.7060546875</c:v>
                </c:pt>
                <c:pt idx="179">
                  <c:v>62.879508972167997</c:v>
                </c:pt>
                <c:pt idx="180">
                  <c:v>61.124431610107401</c:v>
                </c:pt>
                <c:pt idx="181">
                  <c:v>60.075618743896499</c:v>
                </c:pt>
                <c:pt idx="182">
                  <c:v>58.083763122558601</c:v>
                </c:pt>
                <c:pt idx="183">
                  <c:v>56.192474365234403</c:v>
                </c:pt>
                <c:pt idx="184">
                  <c:v>55.658779144287102</c:v>
                </c:pt>
                <c:pt idx="185">
                  <c:v>54.797981262207003</c:v>
                </c:pt>
                <c:pt idx="186">
                  <c:v>52.979042053222699</c:v>
                </c:pt>
                <c:pt idx="187">
                  <c:v>52.246162414550803</c:v>
                </c:pt>
                <c:pt idx="188">
                  <c:v>50.989803314208999</c:v>
                </c:pt>
                <c:pt idx="189">
                  <c:v>50.366767883300803</c:v>
                </c:pt>
                <c:pt idx="190">
                  <c:v>50.011985778808601</c:v>
                </c:pt>
                <c:pt idx="191">
                  <c:v>47.621219635009801</c:v>
                </c:pt>
                <c:pt idx="192">
                  <c:v>46.580631256103501</c:v>
                </c:pt>
                <c:pt idx="193">
                  <c:v>45.5569877624512</c:v>
                </c:pt>
                <c:pt idx="194">
                  <c:v>45.0060005187988</c:v>
                </c:pt>
                <c:pt idx="195">
                  <c:v>44.103904724121101</c:v>
                </c:pt>
                <c:pt idx="196">
                  <c:v>43.265983581542997</c:v>
                </c:pt>
                <c:pt idx="197">
                  <c:v>42.826438903808601</c:v>
                </c:pt>
                <c:pt idx="198">
                  <c:v>41.300041198730497</c:v>
                </c:pt>
                <c:pt idx="199">
                  <c:v>41.0874214172363</c:v>
                </c:pt>
                <c:pt idx="200">
                  <c:v>40.727077484130902</c:v>
                </c:pt>
                <c:pt idx="201">
                  <c:v>39.782630920410199</c:v>
                </c:pt>
                <c:pt idx="202">
                  <c:v>38.620128631591797</c:v>
                </c:pt>
                <c:pt idx="203">
                  <c:v>38.012516021728501</c:v>
                </c:pt>
                <c:pt idx="204">
                  <c:v>37.345615386962898</c:v>
                </c:pt>
                <c:pt idx="205">
                  <c:v>36.578598022460902</c:v>
                </c:pt>
                <c:pt idx="206">
                  <c:v>35.700878143310497</c:v>
                </c:pt>
                <c:pt idx="207">
                  <c:v>34.974075317382798</c:v>
                </c:pt>
                <c:pt idx="208">
                  <c:v>34.235549926757798</c:v>
                </c:pt>
                <c:pt idx="209">
                  <c:v>33.503337860107401</c:v>
                </c:pt>
                <c:pt idx="210">
                  <c:v>32.665992736816399</c:v>
                </c:pt>
                <c:pt idx="211">
                  <c:v>31.5846557617188</c:v>
                </c:pt>
                <c:pt idx="212">
                  <c:v>30.706947326660199</c:v>
                </c:pt>
                <c:pt idx="213">
                  <c:v>29.426977157592798</c:v>
                </c:pt>
                <c:pt idx="214">
                  <c:v>28.418342590331999</c:v>
                </c:pt>
                <c:pt idx="215">
                  <c:v>27.355045318603501</c:v>
                </c:pt>
                <c:pt idx="216">
                  <c:v>26.565710067748999</c:v>
                </c:pt>
                <c:pt idx="217">
                  <c:v>25.206272125244102</c:v>
                </c:pt>
                <c:pt idx="218">
                  <c:v>23.9947204589844</c:v>
                </c:pt>
                <c:pt idx="219">
                  <c:v>22.819604873657202</c:v>
                </c:pt>
                <c:pt idx="220">
                  <c:v>21.868436813354499</c:v>
                </c:pt>
                <c:pt idx="221">
                  <c:v>20.832107543945298</c:v>
                </c:pt>
                <c:pt idx="222">
                  <c:v>19.775964736938501</c:v>
                </c:pt>
                <c:pt idx="223">
                  <c:v>18.617557525634801</c:v>
                </c:pt>
                <c:pt idx="224">
                  <c:v>17.258590698242202</c:v>
                </c:pt>
                <c:pt idx="225">
                  <c:v>15.893308639526399</c:v>
                </c:pt>
                <c:pt idx="226">
                  <c:v>14.206082344055201</c:v>
                </c:pt>
                <c:pt idx="227">
                  <c:v>12.352954864501999</c:v>
                </c:pt>
                <c:pt idx="228">
                  <c:v>9.3632688522338903</c:v>
                </c:pt>
                <c:pt idx="229">
                  <c:v>4.26414775848389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ACC5-4DC4-8FFA-936D652CDFA9}"/>
            </c:ext>
          </c:extLst>
        </c:ser>
        <c:ser>
          <c:idx val="2"/>
          <c:order val="2"/>
          <c:tx>
            <c:v>10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Type_4_6_10___._3_thixotropy_rw!$F$2:$F$231</c:f>
              <c:numCache>
                <c:formatCode>General</c:formatCode>
                <c:ptCount val="230"/>
                <c:pt idx="0">
                  <c:v>0.92486441135406505</c:v>
                </c:pt>
                <c:pt idx="1">
                  <c:v>1.9248188734054601</c:v>
                </c:pt>
                <c:pt idx="2">
                  <c:v>2.9249007701873802</c:v>
                </c:pt>
                <c:pt idx="3">
                  <c:v>3.9248075485229501</c:v>
                </c:pt>
                <c:pt idx="4">
                  <c:v>4.9276652336120597</c:v>
                </c:pt>
                <c:pt idx="5">
                  <c:v>5.9275650978088397</c:v>
                </c:pt>
                <c:pt idx="6">
                  <c:v>6.9275803565979004</c:v>
                </c:pt>
                <c:pt idx="7">
                  <c:v>7.9274191856384304</c:v>
                </c:pt>
                <c:pt idx="8">
                  <c:v>8.9275312423706108</c:v>
                </c:pt>
                <c:pt idx="9">
                  <c:v>9.9248428344726598</c:v>
                </c:pt>
                <c:pt idx="10">
                  <c:v>10.9249153137207</c:v>
                </c:pt>
                <c:pt idx="11">
                  <c:v>11.925090789794901</c:v>
                </c:pt>
                <c:pt idx="12">
                  <c:v>12.925153732299799</c:v>
                </c:pt>
                <c:pt idx="13">
                  <c:v>13.9251384735107</c:v>
                </c:pt>
                <c:pt idx="14">
                  <c:v>14.9252843856812</c:v>
                </c:pt>
                <c:pt idx="15">
                  <c:v>15.9254817962646</c:v>
                </c:pt>
                <c:pt idx="16">
                  <c:v>16.925188064575199</c:v>
                </c:pt>
                <c:pt idx="17">
                  <c:v>17.9248867034912</c:v>
                </c:pt>
                <c:pt idx="18">
                  <c:v>18.9247531890869</c:v>
                </c:pt>
                <c:pt idx="19">
                  <c:v>19.9244289398193</c:v>
                </c:pt>
                <c:pt idx="20">
                  <c:v>20.924289703369102</c:v>
                </c:pt>
                <c:pt idx="21">
                  <c:v>21.923915863037099</c:v>
                </c:pt>
                <c:pt idx="22">
                  <c:v>22.9238471984863</c:v>
                </c:pt>
                <c:pt idx="23">
                  <c:v>23.923469543456999</c:v>
                </c:pt>
                <c:pt idx="24">
                  <c:v>24.923152923583999</c:v>
                </c:pt>
                <c:pt idx="25">
                  <c:v>25.922901153564499</c:v>
                </c:pt>
                <c:pt idx="26">
                  <c:v>26.922695159912099</c:v>
                </c:pt>
                <c:pt idx="27">
                  <c:v>27.9253234863281</c:v>
                </c:pt>
                <c:pt idx="28">
                  <c:v>28.925048828125</c:v>
                </c:pt>
                <c:pt idx="29">
                  <c:v>29.924789428710898</c:v>
                </c:pt>
                <c:pt idx="30">
                  <c:v>30.924369812011701</c:v>
                </c:pt>
                <c:pt idx="31">
                  <c:v>31.924188613891602</c:v>
                </c:pt>
                <c:pt idx="32">
                  <c:v>32.924121856689503</c:v>
                </c:pt>
                <c:pt idx="33">
                  <c:v>33.923896789550803</c:v>
                </c:pt>
                <c:pt idx="34">
                  <c:v>34.923652648925803</c:v>
                </c:pt>
                <c:pt idx="35">
                  <c:v>35.923332214355497</c:v>
                </c:pt>
                <c:pt idx="36">
                  <c:v>36.923274993896499</c:v>
                </c:pt>
                <c:pt idx="37">
                  <c:v>37.9229125976563</c:v>
                </c:pt>
                <c:pt idx="38">
                  <c:v>38.922767639160199</c:v>
                </c:pt>
                <c:pt idx="39">
                  <c:v>39.922203063964801</c:v>
                </c:pt>
                <c:pt idx="40">
                  <c:v>40.9219970703125</c:v>
                </c:pt>
                <c:pt idx="41">
                  <c:v>41.921695709228501</c:v>
                </c:pt>
                <c:pt idx="42">
                  <c:v>42.921630859375</c:v>
                </c:pt>
                <c:pt idx="43">
                  <c:v>43.921363830566399</c:v>
                </c:pt>
                <c:pt idx="44">
                  <c:v>44.921607971191399</c:v>
                </c:pt>
                <c:pt idx="45">
                  <c:v>45.920707702636697</c:v>
                </c:pt>
                <c:pt idx="46">
                  <c:v>46.920780181884801</c:v>
                </c:pt>
                <c:pt idx="47">
                  <c:v>47.920406341552699</c:v>
                </c:pt>
                <c:pt idx="48">
                  <c:v>48.920131683349602</c:v>
                </c:pt>
                <c:pt idx="49">
                  <c:v>49.919879913330099</c:v>
                </c:pt>
                <c:pt idx="50">
                  <c:v>50.919593811035199</c:v>
                </c:pt>
                <c:pt idx="51">
                  <c:v>51.919506072997997</c:v>
                </c:pt>
                <c:pt idx="52">
                  <c:v>52.919219970703097</c:v>
                </c:pt>
                <c:pt idx="53">
                  <c:v>53.918651580810497</c:v>
                </c:pt>
                <c:pt idx="54">
                  <c:v>54.918960571289098</c:v>
                </c:pt>
                <c:pt idx="55">
                  <c:v>55.918746948242202</c:v>
                </c:pt>
                <c:pt idx="56">
                  <c:v>56.917984008789098</c:v>
                </c:pt>
                <c:pt idx="57">
                  <c:v>57.918121337890597</c:v>
                </c:pt>
                <c:pt idx="58">
                  <c:v>58.917671203613303</c:v>
                </c:pt>
                <c:pt idx="59">
                  <c:v>59.917942047119098</c:v>
                </c:pt>
                <c:pt idx="60">
                  <c:v>60.917304992675803</c:v>
                </c:pt>
                <c:pt idx="61">
                  <c:v>61.916919708252003</c:v>
                </c:pt>
                <c:pt idx="62">
                  <c:v>62.916782379150398</c:v>
                </c:pt>
                <c:pt idx="63">
                  <c:v>63.916584014892599</c:v>
                </c:pt>
                <c:pt idx="64">
                  <c:v>64.916183471679702</c:v>
                </c:pt>
                <c:pt idx="65">
                  <c:v>65.915634155273395</c:v>
                </c:pt>
                <c:pt idx="66">
                  <c:v>66.915710449218807</c:v>
                </c:pt>
                <c:pt idx="67">
                  <c:v>67.915176391601605</c:v>
                </c:pt>
                <c:pt idx="68">
                  <c:v>68.914993286132798</c:v>
                </c:pt>
                <c:pt idx="69">
                  <c:v>69.914962768554702</c:v>
                </c:pt>
                <c:pt idx="70">
                  <c:v>70.915168762207003</c:v>
                </c:pt>
                <c:pt idx="71">
                  <c:v>71.914955139160199</c:v>
                </c:pt>
                <c:pt idx="72">
                  <c:v>72.914283752441406</c:v>
                </c:pt>
                <c:pt idx="73">
                  <c:v>73.913970947265597</c:v>
                </c:pt>
                <c:pt idx="74">
                  <c:v>74.913871765136705</c:v>
                </c:pt>
                <c:pt idx="75">
                  <c:v>75.913894653320298</c:v>
                </c:pt>
                <c:pt idx="76">
                  <c:v>76.912261962890597</c:v>
                </c:pt>
                <c:pt idx="77">
                  <c:v>77.913810729980497</c:v>
                </c:pt>
                <c:pt idx="78">
                  <c:v>78.912055969238295</c:v>
                </c:pt>
                <c:pt idx="79">
                  <c:v>79.913131713867202</c:v>
                </c:pt>
                <c:pt idx="80">
                  <c:v>80.912033081054702</c:v>
                </c:pt>
                <c:pt idx="81">
                  <c:v>81.912414550781307</c:v>
                </c:pt>
                <c:pt idx="82">
                  <c:v>82.912216186523395</c:v>
                </c:pt>
                <c:pt idx="83">
                  <c:v>83.909019470214801</c:v>
                </c:pt>
                <c:pt idx="84">
                  <c:v>84.910736083984403</c:v>
                </c:pt>
                <c:pt idx="85">
                  <c:v>85.910438537597699</c:v>
                </c:pt>
                <c:pt idx="86">
                  <c:v>86.910758972167997</c:v>
                </c:pt>
                <c:pt idx="87">
                  <c:v>87.909523010253906</c:v>
                </c:pt>
                <c:pt idx="88">
                  <c:v>88.912109375</c:v>
                </c:pt>
                <c:pt idx="89">
                  <c:v>89.911170959472699</c:v>
                </c:pt>
                <c:pt idx="90">
                  <c:v>90.909385681152301</c:v>
                </c:pt>
                <c:pt idx="91">
                  <c:v>91.908706665039105</c:v>
                </c:pt>
                <c:pt idx="92">
                  <c:v>92.908592224121094</c:v>
                </c:pt>
                <c:pt idx="93">
                  <c:v>93.910171508789105</c:v>
                </c:pt>
                <c:pt idx="94">
                  <c:v>94.907318115234403</c:v>
                </c:pt>
                <c:pt idx="95">
                  <c:v>95.908615112304702</c:v>
                </c:pt>
                <c:pt idx="96">
                  <c:v>96.909004211425795</c:v>
                </c:pt>
                <c:pt idx="97">
                  <c:v>97.907257080078097</c:v>
                </c:pt>
                <c:pt idx="98">
                  <c:v>98.908241271972699</c:v>
                </c:pt>
                <c:pt idx="99">
                  <c:v>99.907196044921903</c:v>
                </c:pt>
                <c:pt idx="100">
                  <c:v>100.00172424316401</c:v>
                </c:pt>
                <c:pt idx="101">
                  <c:v>100.001815795898</c:v>
                </c:pt>
                <c:pt idx="102">
                  <c:v>99.999504089355497</c:v>
                </c:pt>
                <c:pt idx="103">
                  <c:v>99.999374389648395</c:v>
                </c:pt>
                <c:pt idx="104">
                  <c:v>100.002090454102</c:v>
                </c:pt>
                <c:pt idx="105">
                  <c:v>100.000053405762</c:v>
                </c:pt>
                <c:pt idx="106">
                  <c:v>99.999656677246094</c:v>
                </c:pt>
                <c:pt idx="107">
                  <c:v>99.999137878417997</c:v>
                </c:pt>
                <c:pt idx="108">
                  <c:v>100.000785827637</c:v>
                </c:pt>
                <c:pt idx="109">
                  <c:v>99.998771667480497</c:v>
                </c:pt>
                <c:pt idx="110">
                  <c:v>99.998466491699205</c:v>
                </c:pt>
                <c:pt idx="111">
                  <c:v>99.998031616210895</c:v>
                </c:pt>
                <c:pt idx="112">
                  <c:v>99.999099731445298</c:v>
                </c:pt>
                <c:pt idx="113">
                  <c:v>100.00070953369099</c:v>
                </c:pt>
                <c:pt idx="114">
                  <c:v>99.999366760253906</c:v>
                </c:pt>
                <c:pt idx="115">
                  <c:v>100.001007080078</c:v>
                </c:pt>
                <c:pt idx="116">
                  <c:v>100.00080871582</c:v>
                </c:pt>
                <c:pt idx="117">
                  <c:v>99.999885559082003</c:v>
                </c:pt>
                <c:pt idx="118">
                  <c:v>100.000053405762</c:v>
                </c:pt>
                <c:pt idx="119">
                  <c:v>100.00160980224599</c:v>
                </c:pt>
                <c:pt idx="120">
                  <c:v>100.000297546387</c:v>
                </c:pt>
                <c:pt idx="121">
                  <c:v>100.001022338867</c:v>
                </c:pt>
                <c:pt idx="122">
                  <c:v>99.994888305664105</c:v>
                </c:pt>
                <c:pt idx="123">
                  <c:v>100.00009155273401</c:v>
                </c:pt>
                <c:pt idx="124">
                  <c:v>99.9986572265625</c:v>
                </c:pt>
                <c:pt idx="125">
                  <c:v>99.999206542968807</c:v>
                </c:pt>
                <c:pt idx="126">
                  <c:v>99.999977111816406</c:v>
                </c:pt>
                <c:pt idx="127">
                  <c:v>100.00188446044901</c:v>
                </c:pt>
                <c:pt idx="128">
                  <c:v>100.000648498535</c:v>
                </c:pt>
                <c:pt idx="129">
                  <c:v>99.99853515625</c:v>
                </c:pt>
                <c:pt idx="130">
                  <c:v>99.076087951660199</c:v>
                </c:pt>
                <c:pt idx="131">
                  <c:v>98.074348449707003</c:v>
                </c:pt>
                <c:pt idx="132">
                  <c:v>97.073493957519503</c:v>
                </c:pt>
                <c:pt idx="133">
                  <c:v>96.072227478027301</c:v>
                </c:pt>
                <c:pt idx="134">
                  <c:v>95.076683044433594</c:v>
                </c:pt>
                <c:pt idx="135">
                  <c:v>94.077056884765597</c:v>
                </c:pt>
                <c:pt idx="136">
                  <c:v>93.076690673828097</c:v>
                </c:pt>
                <c:pt idx="137">
                  <c:v>92.075950622558594</c:v>
                </c:pt>
                <c:pt idx="138">
                  <c:v>91.076347351074205</c:v>
                </c:pt>
                <c:pt idx="139">
                  <c:v>90.078414916992202</c:v>
                </c:pt>
                <c:pt idx="140">
                  <c:v>89.079437255859403</c:v>
                </c:pt>
                <c:pt idx="141">
                  <c:v>88.075538635253906</c:v>
                </c:pt>
                <c:pt idx="142">
                  <c:v>87.073600769042997</c:v>
                </c:pt>
                <c:pt idx="143">
                  <c:v>86.078964233398395</c:v>
                </c:pt>
                <c:pt idx="144">
                  <c:v>85.079856872558594</c:v>
                </c:pt>
                <c:pt idx="145">
                  <c:v>84.079933166503906</c:v>
                </c:pt>
                <c:pt idx="146">
                  <c:v>83.078163146972699</c:v>
                </c:pt>
                <c:pt idx="147">
                  <c:v>82.079849243164105</c:v>
                </c:pt>
                <c:pt idx="148">
                  <c:v>81.079002380371094</c:v>
                </c:pt>
                <c:pt idx="149">
                  <c:v>80.081077575683594</c:v>
                </c:pt>
                <c:pt idx="150">
                  <c:v>79.080505371093807</c:v>
                </c:pt>
                <c:pt idx="151">
                  <c:v>78.081436157226605</c:v>
                </c:pt>
                <c:pt idx="152">
                  <c:v>77.080673217773395</c:v>
                </c:pt>
                <c:pt idx="153">
                  <c:v>76.081100463867202</c:v>
                </c:pt>
                <c:pt idx="154">
                  <c:v>75.080825805664105</c:v>
                </c:pt>
                <c:pt idx="155">
                  <c:v>74.081672668457003</c:v>
                </c:pt>
                <c:pt idx="156">
                  <c:v>73.081642150878906</c:v>
                </c:pt>
                <c:pt idx="157">
                  <c:v>72.081588745117202</c:v>
                </c:pt>
                <c:pt idx="158">
                  <c:v>71.082466125488295</c:v>
                </c:pt>
                <c:pt idx="159">
                  <c:v>70.082290649414105</c:v>
                </c:pt>
                <c:pt idx="160">
                  <c:v>69.079879760742202</c:v>
                </c:pt>
                <c:pt idx="161">
                  <c:v>68.080131530761705</c:v>
                </c:pt>
                <c:pt idx="162">
                  <c:v>67.080299377441406</c:v>
                </c:pt>
                <c:pt idx="163">
                  <c:v>66.081237792968807</c:v>
                </c:pt>
                <c:pt idx="164">
                  <c:v>65.080825805664105</c:v>
                </c:pt>
                <c:pt idx="165">
                  <c:v>64.081260681152301</c:v>
                </c:pt>
                <c:pt idx="166">
                  <c:v>63.081367492675803</c:v>
                </c:pt>
                <c:pt idx="167">
                  <c:v>62.081802368164098</c:v>
                </c:pt>
                <c:pt idx="168">
                  <c:v>61.082435607910199</c:v>
                </c:pt>
                <c:pt idx="169">
                  <c:v>60.081771850585902</c:v>
                </c:pt>
                <c:pt idx="170">
                  <c:v>59.081844329833999</c:v>
                </c:pt>
                <c:pt idx="171">
                  <c:v>58.082611083984403</c:v>
                </c:pt>
                <c:pt idx="172">
                  <c:v>57.082771301269503</c:v>
                </c:pt>
                <c:pt idx="173">
                  <c:v>56.083217620849602</c:v>
                </c:pt>
                <c:pt idx="174">
                  <c:v>55.0829467773438</c:v>
                </c:pt>
                <c:pt idx="175">
                  <c:v>54.083446502685497</c:v>
                </c:pt>
                <c:pt idx="176">
                  <c:v>53.083480834960902</c:v>
                </c:pt>
                <c:pt idx="177">
                  <c:v>52.083812713622997</c:v>
                </c:pt>
                <c:pt idx="178">
                  <c:v>51.083885192871101</c:v>
                </c:pt>
                <c:pt idx="179">
                  <c:v>50.084392547607401</c:v>
                </c:pt>
                <c:pt idx="180">
                  <c:v>49.084529876708999</c:v>
                </c:pt>
                <c:pt idx="181">
                  <c:v>48.0851860046387</c:v>
                </c:pt>
                <c:pt idx="182">
                  <c:v>47.084896087646499</c:v>
                </c:pt>
                <c:pt idx="183">
                  <c:v>46.085247039794901</c:v>
                </c:pt>
                <c:pt idx="184">
                  <c:v>45.086009979247997</c:v>
                </c:pt>
                <c:pt idx="185">
                  <c:v>44.0864067077637</c:v>
                </c:pt>
                <c:pt idx="186">
                  <c:v>43.086082458496101</c:v>
                </c:pt>
                <c:pt idx="187">
                  <c:v>42.086380004882798</c:v>
                </c:pt>
                <c:pt idx="188">
                  <c:v>41.086708068847699</c:v>
                </c:pt>
                <c:pt idx="189">
                  <c:v>40.086978912353501</c:v>
                </c:pt>
                <c:pt idx="190">
                  <c:v>39.087146759033203</c:v>
                </c:pt>
                <c:pt idx="191">
                  <c:v>38.087471008300803</c:v>
                </c:pt>
                <c:pt idx="192">
                  <c:v>37.087677001953097</c:v>
                </c:pt>
                <c:pt idx="193">
                  <c:v>36.087936401367202</c:v>
                </c:pt>
                <c:pt idx="194">
                  <c:v>35.087882995605497</c:v>
                </c:pt>
                <c:pt idx="195">
                  <c:v>34.088573455810497</c:v>
                </c:pt>
                <c:pt idx="196">
                  <c:v>33.088798522949197</c:v>
                </c:pt>
                <c:pt idx="197">
                  <c:v>32.088977813720703</c:v>
                </c:pt>
                <c:pt idx="198">
                  <c:v>31.089309692382798</c:v>
                </c:pt>
                <c:pt idx="199">
                  <c:v>30.089452743530298</c:v>
                </c:pt>
                <c:pt idx="200">
                  <c:v>29.089626312255898</c:v>
                </c:pt>
                <c:pt idx="201">
                  <c:v>28.089838027954102</c:v>
                </c:pt>
                <c:pt idx="202">
                  <c:v>27.09010887146</c:v>
                </c:pt>
                <c:pt idx="203">
                  <c:v>26.090391159057599</c:v>
                </c:pt>
                <c:pt idx="204">
                  <c:v>25.090511322021499</c:v>
                </c:pt>
                <c:pt idx="205">
                  <c:v>24.090892791748001</c:v>
                </c:pt>
                <c:pt idx="206">
                  <c:v>23.091114044189499</c:v>
                </c:pt>
                <c:pt idx="207">
                  <c:v>22.0914707183838</c:v>
                </c:pt>
                <c:pt idx="208">
                  <c:v>21.091758728027301</c:v>
                </c:pt>
                <c:pt idx="209">
                  <c:v>20.091953277587901</c:v>
                </c:pt>
                <c:pt idx="210">
                  <c:v>19.0921535491943</c:v>
                </c:pt>
                <c:pt idx="211">
                  <c:v>18.092290878295898</c:v>
                </c:pt>
                <c:pt idx="212">
                  <c:v>17.092487335205099</c:v>
                </c:pt>
                <c:pt idx="213">
                  <c:v>16.092889785766602</c:v>
                </c:pt>
                <c:pt idx="214">
                  <c:v>15.0927333831787</c:v>
                </c:pt>
                <c:pt idx="215">
                  <c:v>14.0925893783569</c:v>
                </c:pt>
                <c:pt idx="216">
                  <c:v>13.09255027771</c:v>
                </c:pt>
                <c:pt idx="217">
                  <c:v>12.092485427856399</c:v>
                </c:pt>
                <c:pt idx="218">
                  <c:v>11.092383384704601</c:v>
                </c:pt>
                <c:pt idx="219">
                  <c:v>10.0923109054565</c:v>
                </c:pt>
                <c:pt idx="220">
                  <c:v>9.0923280715942401</c:v>
                </c:pt>
                <c:pt idx="221">
                  <c:v>8.0921049118041992</c:v>
                </c:pt>
                <c:pt idx="222">
                  <c:v>7.0921268463134801</c:v>
                </c:pt>
                <c:pt idx="223">
                  <c:v>6.0923194885253897</c:v>
                </c:pt>
                <c:pt idx="224">
                  <c:v>5.0923147201538104</c:v>
                </c:pt>
                <c:pt idx="225">
                  <c:v>4.0924139022827104</c:v>
                </c:pt>
                <c:pt idx="226">
                  <c:v>3.09244656562805</c:v>
                </c:pt>
                <c:pt idx="227">
                  <c:v>2.0922799110412602</c:v>
                </c:pt>
                <c:pt idx="228">
                  <c:v>1.0923725366592401</c:v>
                </c:pt>
                <c:pt idx="229">
                  <c:v>9.2405728995800004E-2</c:v>
                </c:pt>
              </c:numCache>
            </c:numRef>
          </c:xVal>
          <c:yVal>
            <c:numRef>
              <c:f>Type_4_6_10___._3_thixotropy_rw!$D$2:$D$231</c:f>
              <c:numCache>
                <c:formatCode>General</c:formatCode>
                <c:ptCount val="230"/>
                <c:pt idx="0">
                  <c:v>3.6705839633941699</c:v>
                </c:pt>
                <c:pt idx="1">
                  <c:v>4.5090165138244602</c:v>
                </c:pt>
                <c:pt idx="2">
                  <c:v>5.8589987754821804</c:v>
                </c:pt>
                <c:pt idx="3">
                  <c:v>6.3447365760803196</c:v>
                </c:pt>
                <c:pt idx="4">
                  <c:v>6.3853940963745099</c:v>
                </c:pt>
                <c:pt idx="5">
                  <c:v>6.6238827705383301</c:v>
                </c:pt>
                <c:pt idx="6">
                  <c:v>7.6519799232482901</c:v>
                </c:pt>
                <c:pt idx="7">
                  <c:v>7.83103370666504</c:v>
                </c:pt>
                <c:pt idx="8">
                  <c:v>7.75783014297485</c:v>
                </c:pt>
                <c:pt idx="9">
                  <c:v>7.9867415428161603</c:v>
                </c:pt>
                <c:pt idx="10">
                  <c:v>8.3910903930664098</c:v>
                </c:pt>
                <c:pt idx="11">
                  <c:v>8.7977676391601598</c:v>
                </c:pt>
                <c:pt idx="12">
                  <c:v>9.2972383499145508</c:v>
                </c:pt>
                <c:pt idx="13">
                  <c:v>10.0370626449585</c:v>
                </c:pt>
                <c:pt idx="14">
                  <c:v>9.9553785324096697</c:v>
                </c:pt>
                <c:pt idx="15">
                  <c:v>10.5538673400879</c:v>
                </c:pt>
                <c:pt idx="16">
                  <c:v>11.114474296569799</c:v>
                </c:pt>
                <c:pt idx="17">
                  <c:v>11.591007232666</c:v>
                </c:pt>
                <c:pt idx="18">
                  <c:v>12.546312332153301</c:v>
                </c:pt>
                <c:pt idx="19">
                  <c:v>12.7309713363647</c:v>
                </c:pt>
                <c:pt idx="20">
                  <c:v>13.379956245422401</c:v>
                </c:pt>
                <c:pt idx="21">
                  <c:v>14.2792778015137</c:v>
                </c:pt>
                <c:pt idx="22">
                  <c:v>15.866868019104</c:v>
                </c:pt>
                <c:pt idx="23">
                  <c:v>17.5189094543457</c:v>
                </c:pt>
                <c:pt idx="24">
                  <c:v>17.714321136474599</c:v>
                </c:pt>
                <c:pt idx="25">
                  <c:v>18.372493743896499</c:v>
                </c:pt>
                <c:pt idx="26">
                  <c:v>19.504350662231399</c:v>
                </c:pt>
                <c:pt idx="27">
                  <c:v>20.845680236816399</c:v>
                </c:pt>
                <c:pt idx="28">
                  <c:v>21.638463973998999</c:v>
                </c:pt>
                <c:pt idx="29">
                  <c:v>22.675531387329102</c:v>
                </c:pt>
                <c:pt idx="30">
                  <c:v>24.456422805786101</c:v>
                </c:pt>
                <c:pt idx="31">
                  <c:v>25.627611160278299</c:v>
                </c:pt>
                <c:pt idx="32">
                  <c:v>28.138721466064499</c:v>
                </c:pt>
                <c:pt idx="33">
                  <c:v>27.891687393188501</c:v>
                </c:pt>
                <c:pt idx="34">
                  <c:v>28.003391265869102</c:v>
                </c:pt>
                <c:pt idx="35">
                  <c:v>29.642213821411101</c:v>
                </c:pt>
                <c:pt idx="36">
                  <c:v>30.9012241363525</c:v>
                </c:pt>
                <c:pt idx="37">
                  <c:v>31.9303302764893</c:v>
                </c:pt>
                <c:pt idx="38">
                  <c:v>32.291793823242202</c:v>
                </c:pt>
                <c:pt idx="39">
                  <c:v>33.579238891601598</c:v>
                </c:pt>
                <c:pt idx="40">
                  <c:v>34.614513397216797</c:v>
                </c:pt>
                <c:pt idx="41">
                  <c:v>36.009181976318402</c:v>
                </c:pt>
                <c:pt idx="42">
                  <c:v>37.2065620422363</c:v>
                </c:pt>
                <c:pt idx="43">
                  <c:v>38.859031677246101</c:v>
                </c:pt>
                <c:pt idx="44">
                  <c:v>40.971549987792997</c:v>
                </c:pt>
                <c:pt idx="45">
                  <c:v>42.2581596374512</c:v>
                </c:pt>
                <c:pt idx="46">
                  <c:v>43.315395355224602</c:v>
                </c:pt>
                <c:pt idx="47">
                  <c:v>44.214630126953097</c:v>
                </c:pt>
                <c:pt idx="48">
                  <c:v>46.295906066894503</c:v>
                </c:pt>
                <c:pt idx="49">
                  <c:v>47.029708862304702</c:v>
                </c:pt>
                <c:pt idx="50">
                  <c:v>49.4478759765625</c:v>
                </c:pt>
                <c:pt idx="51">
                  <c:v>49.453483581542997</c:v>
                </c:pt>
                <c:pt idx="52">
                  <c:v>51.190254211425803</c:v>
                </c:pt>
                <c:pt idx="53">
                  <c:v>51.48291015625</c:v>
                </c:pt>
                <c:pt idx="54">
                  <c:v>52.225261688232401</c:v>
                </c:pt>
                <c:pt idx="55">
                  <c:v>53.8769340515137</c:v>
                </c:pt>
                <c:pt idx="56">
                  <c:v>55.291057586669901</c:v>
                </c:pt>
                <c:pt idx="57">
                  <c:v>61.257366180419901</c:v>
                </c:pt>
                <c:pt idx="58">
                  <c:v>60.186355590820298</c:v>
                </c:pt>
                <c:pt idx="59">
                  <c:v>61.2208251953125</c:v>
                </c:pt>
                <c:pt idx="60">
                  <c:v>61.401847839355497</c:v>
                </c:pt>
                <c:pt idx="61">
                  <c:v>61.955886840820298</c:v>
                </c:pt>
                <c:pt idx="62">
                  <c:v>62.338874816894503</c:v>
                </c:pt>
                <c:pt idx="63">
                  <c:v>63.801773071289098</c:v>
                </c:pt>
                <c:pt idx="64">
                  <c:v>66.657806396484403</c:v>
                </c:pt>
                <c:pt idx="65">
                  <c:v>61.9088134765625</c:v>
                </c:pt>
                <c:pt idx="66">
                  <c:v>63.021450042724602</c:v>
                </c:pt>
                <c:pt idx="67">
                  <c:v>62.734169006347699</c:v>
                </c:pt>
                <c:pt idx="68">
                  <c:v>67.907768249511705</c:v>
                </c:pt>
                <c:pt idx="69">
                  <c:v>68.820213317871094</c:v>
                </c:pt>
                <c:pt idx="70">
                  <c:v>73.537651062011705</c:v>
                </c:pt>
                <c:pt idx="71">
                  <c:v>72.933746337890597</c:v>
                </c:pt>
                <c:pt idx="72">
                  <c:v>76.960655212402301</c:v>
                </c:pt>
                <c:pt idx="73">
                  <c:v>74.656936645507798</c:v>
                </c:pt>
                <c:pt idx="74">
                  <c:v>77.206375122070298</c:v>
                </c:pt>
                <c:pt idx="75">
                  <c:v>77.414199829101605</c:v>
                </c:pt>
                <c:pt idx="76">
                  <c:v>79.673805236816406</c:v>
                </c:pt>
                <c:pt idx="77">
                  <c:v>79.0653076171875</c:v>
                </c:pt>
                <c:pt idx="78">
                  <c:v>78.919883728027301</c:v>
                </c:pt>
                <c:pt idx="79">
                  <c:v>79.603546142578097</c:v>
                </c:pt>
                <c:pt idx="80">
                  <c:v>80.777633666992202</c:v>
                </c:pt>
                <c:pt idx="81">
                  <c:v>81.750083923339801</c:v>
                </c:pt>
                <c:pt idx="82">
                  <c:v>83.919502258300795</c:v>
                </c:pt>
                <c:pt idx="83">
                  <c:v>80.298294067382798</c:v>
                </c:pt>
                <c:pt idx="84">
                  <c:v>85.062126159667997</c:v>
                </c:pt>
                <c:pt idx="85">
                  <c:v>84.713424682617202</c:v>
                </c:pt>
                <c:pt idx="86">
                  <c:v>86.177505493164105</c:v>
                </c:pt>
                <c:pt idx="87">
                  <c:v>86.214515686035199</c:v>
                </c:pt>
                <c:pt idx="88">
                  <c:v>85.688858032226605</c:v>
                </c:pt>
                <c:pt idx="89">
                  <c:v>84.642898559570298</c:v>
                </c:pt>
                <c:pt idx="90">
                  <c:v>84.832160949707003</c:v>
                </c:pt>
                <c:pt idx="91">
                  <c:v>87.848190307617202</c:v>
                </c:pt>
                <c:pt idx="92">
                  <c:v>91.193107604980497</c:v>
                </c:pt>
                <c:pt idx="93">
                  <c:v>84.765945434570298</c:v>
                </c:pt>
                <c:pt idx="94">
                  <c:v>86.828826904296903</c:v>
                </c:pt>
                <c:pt idx="95">
                  <c:v>90.793243408203097</c:v>
                </c:pt>
                <c:pt idx="96">
                  <c:v>92.989181518554702</c:v>
                </c:pt>
                <c:pt idx="97">
                  <c:v>92.142707824707003</c:v>
                </c:pt>
                <c:pt idx="98">
                  <c:v>93.499458312988295</c:v>
                </c:pt>
                <c:pt idx="99">
                  <c:v>94.549880981445298</c:v>
                </c:pt>
                <c:pt idx="100">
                  <c:v>89.079032897949205</c:v>
                </c:pt>
                <c:pt idx="101">
                  <c:v>88.889190673828097</c:v>
                </c:pt>
                <c:pt idx="102">
                  <c:v>90.955650329589801</c:v>
                </c:pt>
                <c:pt idx="103">
                  <c:v>96.110748291015597</c:v>
                </c:pt>
                <c:pt idx="104">
                  <c:v>92.913055419921903</c:v>
                </c:pt>
                <c:pt idx="105">
                  <c:v>95.785972595214801</c:v>
                </c:pt>
                <c:pt idx="106">
                  <c:v>91.642601013183594</c:v>
                </c:pt>
                <c:pt idx="107">
                  <c:v>94.249412536621094</c:v>
                </c:pt>
                <c:pt idx="108">
                  <c:v>92.465110778808594</c:v>
                </c:pt>
                <c:pt idx="109">
                  <c:v>91.102294921875</c:v>
                </c:pt>
                <c:pt idx="110">
                  <c:v>93.101264953613295</c:v>
                </c:pt>
                <c:pt idx="111">
                  <c:v>92.591575622558594</c:v>
                </c:pt>
                <c:pt idx="112">
                  <c:v>93.176948547363295</c:v>
                </c:pt>
                <c:pt idx="113">
                  <c:v>93.868927001953097</c:v>
                </c:pt>
                <c:pt idx="114">
                  <c:v>95.835769653320298</c:v>
                </c:pt>
                <c:pt idx="115">
                  <c:v>92.053054809570298</c:v>
                </c:pt>
                <c:pt idx="116">
                  <c:v>91.870071411132798</c:v>
                </c:pt>
                <c:pt idx="117">
                  <c:v>94.071083068847699</c:v>
                </c:pt>
                <c:pt idx="118">
                  <c:v>96.154037475585895</c:v>
                </c:pt>
                <c:pt idx="119">
                  <c:v>94.748229980468807</c:v>
                </c:pt>
                <c:pt idx="120">
                  <c:v>91.7982177734375</c:v>
                </c:pt>
                <c:pt idx="121">
                  <c:v>92.763694763183594</c:v>
                </c:pt>
                <c:pt idx="122">
                  <c:v>94.430953979492202</c:v>
                </c:pt>
                <c:pt idx="123">
                  <c:v>89.341827392578097</c:v>
                </c:pt>
                <c:pt idx="124">
                  <c:v>91.111068725585895</c:v>
                </c:pt>
                <c:pt idx="125">
                  <c:v>92.904869079589801</c:v>
                </c:pt>
                <c:pt idx="126">
                  <c:v>94.955123901367202</c:v>
                </c:pt>
                <c:pt idx="127">
                  <c:v>93.020729064941406</c:v>
                </c:pt>
                <c:pt idx="128">
                  <c:v>90.449913024902301</c:v>
                </c:pt>
                <c:pt idx="129">
                  <c:v>94.371002197265597</c:v>
                </c:pt>
                <c:pt idx="130">
                  <c:v>96.043708801269503</c:v>
                </c:pt>
                <c:pt idx="131">
                  <c:v>90.527992248535199</c:v>
                </c:pt>
                <c:pt idx="132">
                  <c:v>93.123573303222699</c:v>
                </c:pt>
                <c:pt idx="133">
                  <c:v>90.399101257324205</c:v>
                </c:pt>
                <c:pt idx="134">
                  <c:v>91.560539245605497</c:v>
                </c:pt>
                <c:pt idx="135">
                  <c:v>87.390670776367202</c:v>
                </c:pt>
                <c:pt idx="136">
                  <c:v>85.405448913574205</c:v>
                </c:pt>
                <c:pt idx="137">
                  <c:v>90.305732727050795</c:v>
                </c:pt>
                <c:pt idx="138">
                  <c:v>87.895622253417997</c:v>
                </c:pt>
                <c:pt idx="139">
                  <c:v>87.744621276855497</c:v>
                </c:pt>
                <c:pt idx="140">
                  <c:v>85.735237121582003</c:v>
                </c:pt>
                <c:pt idx="141">
                  <c:v>87.752357482910199</c:v>
                </c:pt>
                <c:pt idx="142">
                  <c:v>81.723121643066406</c:v>
                </c:pt>
                <c:pt idx="143">
                  <c:v>85.074981689453097</c:v>
                </c:pt>
                <c:pt idx="144">
                  <c:v>84.734107971191406</c:v>
                </c:pt>
                <c:pt idx="145">
                  <c:v>85.982597351074205</c:v>
                </c:pt>
                <c:pt idx="146">
                  <c:v>85.322967529296903</c:v>
                </c:pt>
                <c:pt idx="147">
                  <c:v>82.222473144531307</c:v>
                </c:pt>
                <c:pt idx="148">
                  <c:v>79.606109619140597</c:v>
                </c:pt>
                <c:pt idx="149">
                  <c:v>73.603111267089801</c:v>
                </c:pt>
                <c:pt idx="150">
                  <c:v>77.0926513671875</c:v>
                </c:pt>
                <c:pt idx="151">
                  <c:v>79.407775878906307</c:v>
                </c:pt>
                <c:pt idx="152">
                  <c:v>77.718894958496094</c:v>
                </c:pt>
                <c:pt idx="153">
                  <c:v>78.979316711425795</c:v>
                </c:pt>
                <c:pt idx="154">
                  <c:v>77.2806396484375</c:v>
                </c:pt>
                <c:pt idx="155">
                  <c:v>74.388351440429702</c:v>
                </c:pt>
                <c:pt idx="156">
                  <c:v>74.092674255371094</c:v>
                </c:pt>
                <c:pt idx="157">
                  <c:v>71.242645263671903</c:v>
                </c:pt>
                <c:pt idx="158">
                  <c:v>71.813690185546903</c:v>
                </c:pt>
                <c:pt idx="159">
                  <c:v>70.495361328125</c:v>
                </c:pt>
                <c:pt idx="160">
                  <c:v>67.981468200683594</c:v>
                </c:pt>
                <c:pt idx="161">
                  <c:v>67.505210876464801</c:v>
                </c:pt>
                <c:pt idx="162">
                  <c:v>65.126007080078097</c:v>
                </c:pt>
                <c:pt idx="163">
                  <c:v>68.390968322753906</c:v>
                </c:pt>
                <c:pt idx="164">
                  <c:v>62.936527252197301</c:v>
                </c:pt>
                <c:pt idx="165">
                  <c:v>61.267322540283203</c:v>
                </c:pt>
                <c:pt idx="166">
                  <c:v>61.404781341552699</c:v>
                </c:pt>
                <c:pt idx="167">
                  <c:v>58.819972991943402</c:v>
                </c:pt>
                <c:pt idx="168">
                  <c:v>55.423877716064503</c:v>
                </c:pt>
                <c:pt idx="169">
                  <c:v>55.193244934082003</c:v>
                </c:pt>
                <c:pt idx="170">
                  <c:v>51.662933349609403</c:v>
                </c:pt>
                <c:pt idx="171">
                  <c:v>49.110874176025398</c:v>
                </c:pt>
                <c:pt idx="172">
                  <c:v>49.403202056884801</c:v>
                </c:pt>
                <c:pt idx="173">
                  <c:v>49.679500579833999</c:v>
                </c:pt>
                <c:pt idx="174">
                  <c:v>47.414875030517599</c:v>
                </c:pt>
                <c:pt idx="175">
                  <c:v>46.341732025146499</c:v>
                </c:pt>
                <c:pt idx="176">
                  <c:v>45.095924377441399</c:v>
                </c:pt>
                <c:pt idx="177">
                  <c:v>42.926811218261697</c:v>
                </c:pt>
                <c:pt idx="178">
                  <c:v>41.050308227539098</c:v>
                </c:pt>
                <c:pt idx="179">
                  <c:v>39.3217582702637</c:v>
                </c:pt>
                <c:pt idx="180">
                  <c:v>38.642684936523402</c:v>
                </c:pt>
                <c:pt idx="181">
                  <c:v>36.030067443847699</c:v>
                </c:pt>
                <c:pt idx="182">
                  <c:v>37.332508087158203</c:v>
                </c:pt>
                <c:pt idx="183">
                  <c:v>34.283378601074197</c:v>
                </c:pt>
                <c:pt idx="184">
                  <c:v>37.139923095703097</c:v>
                </c:pt>
                <c:pt idx="185">
                  <c:v>34.443572998046903</c:v>
                </c:pt>
                <c:pt idx="186">
                  <c:v>34.407150268554702</c:v>
                </c:pt>
                <c:pt idx="187">
                  <c:v>34.364814758300803</c:v>
                </c:pt>
                <c:pt idx="188">
                  <c:v>33.134078979492202</c:v>
                </c:pt>
                <c:pt idx="189">
                  <c:v>31.943569183349599</c:v>
                </c:pt>
                <c:pt idx="190">
                  <c:v>31.0431098937988</c:v>
                </c:pt>
                <c:pt idx="191">
                  <c:v>32.570854187011697</c:v>
                </c:pt>
                <c:pt idx="192">
                  <c:v>29.982112884521499</c:v>
                </c:pt>
                <c:pt idx="193">
                  <c:v>29.104566574096701</c:v>
                </c:pt>
                <c:pt idx="194">
                  <c:v>29.5048923492432</c:v>
                </c:pt>
                <c:pt idx="195">
                  <c:v>26.782718658447301</c:v>
                </c:pt>
                <c:pt idx="196">
                  <c:v>25.644855499267599</c:v>
                </c:pt>
                <c:pt idx="197">
                  <c:v>25.160305023193398</c:v>
                </c:pt>
                <c:pt idx="198">
                  <c:v>24.711408615112301</c:v>
                </c:pt>
                <c:pt idx="199">
                  <c:v>24.1978054046631</c:v>
                </c:pt>
                <c:pt idx="200">
                  <c:v>23.5858459472656</c:v>
                </c:pt>
                <c:pt idx="201">
                  <c:v>21.926799774169901</c:v>
                </c:pt>
                <c:pt idx="202">
                  <c:v>19.882217407226602</c:v>
                </c:pt>
                <c:pt idx="203">
                  <c:v>19.109888076782202</c:v>
                </c:pt>
                <c:pt idx="204">
                  <c:v>18.240777969360401</c:v>
                </c:pt>
                <c:pt idx="205">
                  <c:v>17.375644683837901</c:v>
                </c:pt>
                <c:pt idx="206">
                  <c:v>16.266677856445298</c:v>
                </c:pt>
                <c:pt idx="207">
                  <c:v>16.170848846435501</c:v>
                </c:pt>
                <c:pt idx="208">
                  <c:v>15.3143224716187</c:v>
                </c:pt>
                <c:pt idx="209">
                  <c:v>14.0760660171509</c:v>
                </c:pt>
                <c:pt idx="210">
                  <c:v>13.2227535247803</c:v>
                </c:pt>
                <c:pt idx="211">
                  <c:v>12.635271072387701</c:v>
                </c:pt>
                <c:pt idx="212">
                  <c:v>11.7747240066528</c:v>
                </c:pt>
                <c:pt idx="213">
                  <c:v>10.5383911132813</c:v>
                </c:pt>
                <c:pt idx="214">
                  <c:v>10.128454208374</c:v>
                </c:pt>
                <c:pt idx="215">
                  <c:v>9.5098724365234393</c:v>
                </c:pt>
                <c:pt idx="216">
                  <c:v>9.0383539199829102</c:v>
                </c:pt>
                <c:pt idx="217">
                  <c:v>8.8272552490234393</c:v>
                </c:pt>
                <c:pt idx="218">
                  <c:v>8.3594665527343803</c:v>
                </c:pt>
                <c:pt idx="219">
                  <c:v>7.8319230079650897</c:v>
                </c:pt>
                <c:pt idx="220">
                  <c:v>7.5501456260681197</c:v>
                </c:pt>
                <c:pt idx="221">
                  <c:v>6.8842034339904803</c:v>
                </c:pt>
                <c:pt idx="222">
                  <c:v>6.4368734359741202</c:v>
                </c:pt>
                <c:pt idx="223">
                  <c:v>6.1325345039367702</c:v>
                </c:pt>
                <c:pt idx="224">
                  <c:v>5.5750184059143102</c:v>
                </c:pt>
                <c:pt idx="225">
                  <c:v>5.5740714073181197</c:v>
                </c:pt>
                <c:pt idx="226">
                  <c:v>5.1118292808532697</c:v>
                </c:pt>
                <c:pt idx="227">
                  <c:v>3.8748948574066202</c:v>
                </c:pt>
                <c:pt idx="228">
                  <c:v>3.1923756599426301</c:v>
                </c:pt>
                <c:pt idx="229">
                  <c:v>1.5690983533859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ACC5-4DC4-8FFA-936D652CDFA9}"/>
            </c:ext>
          </c:extLst>
        </c:ser>
        <c:ser>
          <c:idx val="3"/>
          <c:order val="3"/>
          <c:tx>
            <c:v>1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Type_1_3__1___.2_thixotropy_rwd!$F$2:$F$231</c:f>
              <c:numCache>
                <c:formatCode>General</c:formatCode>
                <c:ptCount val="230"/>
                <c:pt idx="0">
                  <c:v>0.92490476369857799</c:v>
                </c:pt>
                <c:pt idx="1">
                  <c:v>1.92495369911194</c:v>
                </c:pt>
                <c:pt idx="2">
                  <c:v>2.92492651939392</c:v>
                </c:pt>
                <c:pt idx="3">
                  <c:v>3.9249544143676798</c:v>
                </c:pt>
                <c:pt idx="4">
                  <c:v>4.9248962402343803</c:v>
                </c:pt>
                <c:pt idx="5">
                  <c:v>5.9247632026672399</c:v>
                </c:pt>
                <c:pt idx="6">
                  <c:v>6.9247312545776403</c:v>
                </c:pt>
                <c:pt idx="7">
                  <c:v>7.9246501922607404</c:v>
                </c:pt>
                <c:pt idx="8">
                  <c:v>8.9275312423706108</c:v>
                </c:pt>
                <c:pt idx="9">
                  <c:v>9.9276075363159197</c:v>
                </c:pt>
                <c:pt idx="10">
                  <c:v>10.9249410629272</c:v>
                </c:pt>
                <c:pt idx="11">
                  <c:v>11.925031661987299</c:v>
                </c:pt>
                <c:pt idx="12">
                  <c:v>12.925139427185099</c:v>
                </c:pt>
                <c:pt idx="13">
                  <c:v>13.925220489501999</c:v>
                </c:pt>
                <c:pt idx="14">
                  <c:v>14.9253282546997</c:v>
                </c:pt>
                <c:pt idx="15">
                  <c:v>15.9253749847412</c:v>
                </c:pt>
                <c:pt idx="16">
                  <c:v>16.9251918792725</c:v>
                </c:pt>
                <c:pt idx="17">
                  <c:v>17.924968719482401</c:v>
                </c:pt>
                <c:pt idx="18">
                  <c:v>18.924720764160199</c:v>
                </c:pt>
                <c:pt idx="19">
                  <c:v>19.9244995117188</c:v>
                </c:pt>
                <c:pt idx="20">
                  <c:v>20.924221038818398</c:v>
                </c:pt>
                <c:pt idx="21">
                  <c:v>21.924057006835898</c:v>
                </c:pt>
                <c:pt idx="22">
                  <c:v>22.923768997192401</c:v>
                </c:pt>
                <c:pt idx="23">
                  <c:v>23.923446655273398</c:v>
                </c:pt>
                <c:pt idx="24">
                  <c:v>24.923297882080099</c:v>
                </c:pt>
                <c:pt idx="25">
                  <c:v>25.922979354858398</c:v>
                </c:pt>
                <c:pt idx="26">
                  <c:v>26.922700881958001</c:v>
                </c:pt>
                <c:pt idx="27">
                  <c:v>27.925256729126001</c:v>
                </c:pt>
                <c:pt idx="28">
                  <c:v>28.925024032592798</c:v>
                </c:pt>
                <c:pt idx="29">
                  <c:v>29.9247722625732</c:v>
                </c:pt>
                <c:pt idx="30">
                  <c:v>30.924522399902301</c:v>
                </c:pt>
                <c:pt idx="31">
                  <c:v>31.924242019653299</c:v>
                </c:pt>
                <c:pt idx="32">
                  <c:v>32.924041748046903</c:v>
                </c:pt>
                <c:pt idx="33">
                  <c:v>33.923999786377003</c:v>
                </c:pt>
                <c:pt idx="34">
                  <c:v>34.923782348632798</c:v>
                </c:pt>
                <c:pt idx="35">
                  <c:v>35.923305511474602</c:v>
                </c:pt>
                <c:pt idx="36">
                  <c:v>36.922931671142599</c:v>
                </c:pt>
                <c:pt idx="37">
                  <c:v>37.922981262207003</c:v>
                </c:pt>
                <c:pt idx="38">
                  <c:v>38.9224662780762</c:v>
                </c:pt>
                <c:pt idx="39">
                  <c:v>39.92236328125</c:v>
                </c:pt>
                <c:pt idx="40">
                  <c:v>40.922248840332003</c:v>
                </c:pt>
                <c:pt idx="41">
                  <c:v>41.922027587890597</c:v>
                </c:pt>
                <c:pt idx="42">
                  <c:v>42.921482086181598</c:v>
                </c:pt>
                <c:pt idx="43">
                  <c:v>43.921428680419901</c:v>
                </c:pt>
                <c:pt idx="44">
                  <c:v>44.921253204345703</c:v>
                </c:pt>
                <c:pt idx="45">
                  <c:v>45.920761108398402</c:v>
                </c:pt>
                <c:pt idx="46">
                  <c:v>46.9209175109863</c:v>
                </c:pt>
                <c:pt idx="47">
                  <c:v>47.920436859130902</c:v>
                </c:pt>
                <c:pt idx="48">
                  <c:v>48.920234680175803</c:v>
                </c:pt>
                <c:pt idx="49">
                  <c:v>49.920032501220703</c:v>
                </c:pt>
                <c:pt idx="50">
                  <c:v>50.919429779052699</c:v>
                </c:pt>
                <c:pt idx="51">
                  <c:v>51.919548034667997</c:v>
                </c:pt>
                <c:pt idx="52">
                  <c:v>52.919437408447301</c:v>
                </c:pt>
                <c:pt idx="53">
                  <c:v>53.918922424316399</c:v>
                </c:pt>
                <c:pt idx="54">
                  <c:v>54.918903350830099</c:v>
                </c:pt>
                <c:pt idx="55">
                  <c:v>55.9179878234863</c:v>
                </c:pt>
                <c:pt idx="56">
                  <c:v>56.9183540344238</c:v>
                </c:pt>
                <c:pt idx="57">
                  <c:v>57.917762756347699</c:v>
                </c:pt>
                <c:pt idx="58">
                  <c:v>58.917713165283203</c:v>
                </c:pt>
                <c:pt idx="59">
                  <c:v>59.917308807372997</c:v>
                </c:pt>
                <c:pt idx="60">
                  <c:v>60.917457580566399</c:v>
                </c:pt>
                <c:pt idx="61">
                  <c:v>61.916206359863303</c:v>
                </c:pt>
                <c:pt idx="62">
                  <c:v>62.916492462158203</c:v>
                </c:pt>
                <c:pt idx="63">
                  <c:v>63.916671752929702</c:v>
                </c:pt>
                <c:pt idx="64">
                  <c:v>64.916191101074205</c:v>
                </c:pt>
                <c:pt idx="65">
                  <c:v>65.916145324707003</c:v>
                </c:pt>
                <c:pt idx="66">
                  <c:v>66.915863037109403</c:v>
                </c:pt>
                <c:pt idx="67">
                  <c:v>67.915237426757798</c:v>
                </c:pt>
                <c:pt idx="68">
                  <c:v>68.915206909179702</c:v>
                </c:pt>
                <c:pt idx="69">
                  <c:v>69.915122985839801</c:v>
                </c:pt>
                <c:pt idx="70">
                  <c:v>70.914566040039105</c:v>
                </c:pt>
                <c:pt idx="71">
                  <c:v>71.914588928222699</c:v>
                </c:pt>
                <c:pt idx="72">
                  <c:v>72.913955688476605</c:v>
                </c:pt>
                <c:pt idx="73">
                  <c:v>73.914115905761705</c:v>
                </c:pt>
                <c:pt idx="74">
                  <c:v>74.913230895996094</c:v>
                </c:pt>
                <c:pt idx="75">
                  <c:v>75.913322448730497</c:v>
                </c:pt>
                <c:pt idx="76">
                  <c:v>76.912986755371094</c:v>
                </c:pt>
                <c:pt idx="77">
                  <c:v>77.912918090820298</c:v>
                </c:pt>
                <c:pt idx="78">
                  <c:v>78.912956237792997</c:v>
                </c:pt>
                <c:pt idx="79">
                  <c:v>79.912658691406307</c:v>
                </c:pt>
                <c:pt idx="80">
                  <c:v>80.912216186523395</c:v>
                </c:pt>
                <c:pt idx="81">
                  <c:v>81.911819458007798</c:v>
                </c:pt>
                <c:pt idx="82">
                  <c:v>82.91162109375</c:v>
                </c:pt>
                <c:pt idx="83">
                  <c:v>83.911407470703097</c:v>
                </c:pt>
                <c:pt idx="84">
                  <c:v>84.911689758300795</c:v>
                </c:pt>
                <c:pt idx="85">
                  <c:v>85.910484313964801</c:v>
                </c:pt>
                <c:pt idx="86">
                  <c:v>86.910995483398395</c:v>
                </c:pt>
                <c:pt idx="87">
                  <c:v>87.910232543945298</c:v>
                </c:pt>
                <c:pt idx="88">
                  <c:v>88.909797668457003</c:v>
                </c:pt>
                <c:pt idx="89">
                  <c:v>89.909736633300795</c:v>
                </c:pt>
                <c:pt idx="90">
                  <c:v>90.90966796875</c:v>
                </c:pt>
                <c:pt idx="91">
                  <c:v>91.909896850585895</c:v>
                </c:pt>
                <c:pt idx="92">
                  <c:v>92.908714294433594</c:v>
                </c:pt>
                <c:pt idx="93">
                  <c:v>93.908973693847699</c:v>
                </c:pt>
                <c:pt idx="94">
                  <c:v>94.909782409667997</c:v>
                </c:pt>
                <c:pt idx="95">
                  <c:v>95.908737182617202</c:v>
                </c:pt>
                <c:pt idx="96">
                  <c:v>96.909065246582003</c:v>
                </c:pt>
                <c:pt idx="97">
                  <c:v>97.90869140625</c:v>
                </c:pt>
                <c:pt idx="98">
                  <c:v>98.908515930175795</c:v>
                </c:pt>
                <c:pt idx="99">
                  <c:v>99.907569885253906</c:v>
                </c:pt>
                <c:pt idx="100">
                  <c:v>100.000701904297</c:v>
                </c:pt>
                <c:pt idx="101">
                  <c:v>99.999954223632798</c:v>
                </c:pt>
                <c:pt idx="102">
                  <c:v>100.000289916992</c:v>
                </c:pt>
                <c:pt idx="103">
                  <c:v>100.001029968262</c:v>
                </c:pt>
                <c:pt idx="104">
                  <c:v>99.998710632324205</c:v>
                </c:pt>
                <c:pt idx="105">
                  <c:v>100.002403259277</c:v>
                </c:pt>
                <c:pt idx="106">
                  <c:v>99.998847961425795</c:v>
                </c:pt>
                <c:pt idx="107">
                  <c:v>100.000434875488</c:v>
                </c:pt>
                <c:pt idx="108">
                  <c:v>100.00032043457</c:v>
                </c:pt>
                <c:pt idx="109">
                  <c:v>99.999092102050795</c:v>
                </c:pt>
                <c:pt idx="110">
                  <c:v>100.000816345215</c:v>
                </c:pt>
                <c:pt idx="111">
                  <c:v>100.000053405762</c:v>
                </c:pt>
                <c:pt idx="112">
                  <c:v>100.000045776367</c:v>
                </c:pt>
                <c:pt idx="113">
                  <c:v>99.999664306640597</c:v>
                </c:pt>
                <c:pt idx="114">
                  <c:v>99.999923706054702</c:v>
                </c:pt>
                <c:pt idx="115">
                  <c:v>99.998405456542997</c:v>
                </c:pt>
                <c:pt idx="116">
                  <c:v>99.999107360839801</c:v>
                </c:pt>
                <c:pt idx="117">
                  <c:v>100.00099182128901</c:v>
                </c:pt>
                <c:pt idx="118">
                  <c:v>99.999130249023395</c:v>
                </c:pt>
                <c:pt idx="119">
                  <c:v>99.999603271484403</c:v>
                </c:pt>
                <c:pt idx="120">
                  <c:v>99.999259948730497</c:v>
                </c:pt>
                <c:pt idx="121">
                  <c:v>100.00057983398401</c:v>
                </c:pt>
                <c:pt idx="122">
                  <c:v>100.000038146973</c:v>
                </c:pt>
                <c:pt idx="123">
                  <c:v>99.999137878417997</c:v>
                </c:pt>
                <c:pt idx="124">
                  <c:v>99.998809814453097</c:v>
                </c:pt>
                <c:pt idx="125">
                  <c:v>99.999671936035199</c:v>
                </c:pt>
                <c:pt idx="126">
                  <c:v>99.999748229980497</c:v>
                </c:pt>
                <c:pt idx="127">
                  <c:v>99.998954772949205</c:v>
                </c:pt>
                <c:pt idx="128">
                  <c:v>99.999794006347699</c:v>
                </c:pt>
                <c:pt idx="129">
                  <c:v>100.00025177002</c:v>
                </c:pt>
                <c:pt idx="130">
                  <c:v>99.075462341308594</c:v>
                </c:pt>
                <c:pt idx="131">
                  <c:v>98.073127746582003</c:v>
                </c:pt>
                <c:pt idx="132">
                  <c:v>97.073280334472699</c:v>
                </c:pt>
                <c:pt idx="133">
                  <c:v>96.073081970214801</c:v>
                </c:pt>
                <c:pt idx="134">
                  <c:v>95.076454162597699</c:v>
                </c:pt>
                <c:pt idx="135">
                  <c:v>94.076057434082003</c:v>
                </c:pt>
                <c:pt idx="136">
                  <c:v>93.073966979980497</c:v>
                </c:pt>
                <c:pt idx="137">
                  <c:v>92.074821472167997</c:v>
                </c:pt>
                <c:pt idx="138">
                  <c:v>91.074012756347699</c:v>
                </c:pt>
                <c:pt idx="139">
                  <c:v>90.077453613281307</c:v>
                </c:pt>
                <c:pt idx="140">
                  <c:v>89.077644348144503</c:v>
                </c:pt>
                <c:pt idx="141">
                  <c:v>88.075714111328097</c:v>
                </c:pt>
                <c:pt idx="142">
                  <c:v>87.075607299804702</c:v>
                </c:pt>
                <c:pt idx="143">
                  <c:v>86.078849792480497</c:v>
                </c:pt>
                <c:pt idx="144">
                  <c:v>85.079116821289105</c:v>
                </c:pt>
                <c:pt idx="145">
                  <c:v>84.079513549804702</c:v>
                </c:pt>
                <c:pt idx="146">
                  <c:v>83.076484680175795</c:v>
                </c:pt>
                <c:pt idx="147">
                  <c:v>82.079521179199205</c:v>
                </c:pt>
                <c:pt idx="148">
                  <c:v>81.079879760742202</c:v>
                </c:pt>
                <c:pt idx="149">
                  <c:v>80.079765319824205</c:v>
                </c:pt>
                <c:pt idx="150">
                  <c:v>79.079917907714801</c:v>
                </c:pt>
                <c:pt idx="151">
                  <c:v>78.079849243164105</c:v>
                </c:pt>
                <c:pt idx="152">
                  <c:v>77.080718994140597</c:v>
                </c:pt>
                <c:pt idx="153">
                  <c:v>76.081039428710895</c:v>
                </c:pt>
                <c:pt idx="154">
                  <c:v>75.080596923828097</c:v>
                </c:pt>
                <c:pt idx="155">
                  <c:v>74.082122802734403</c:v>
                </c:pt>
                <c:pt idx="156">
                  <c:v>73.082580566406307</c:v>
                </c:pt>
                <c:pt idx="157">
                  <c:v>72.081809997558594</c:v>
                </c:pt>
                <c:pt idx="158">
                  <c:v>71.082603454589801</c:v>
                </c:pt>
                <c:pt idx="159">
                  <c:v>70.079986572265597</c:v>
                </c:pt>
                <c:pt idx="160">
                  <c:v>69.079811096191406</c:v>
                </c:pt>
                <c:pt idx="161">
                  <c:v>68.079826354980497</c:v>
                </c:pt>
                <c:pt idx="162">
                  <c:v>67.080284118652301</c:v>
                </c:pt>
                <c:pt idx="163">
                  <c:v>66.080917358398395</c:v>
                </c:pt>
                <c:pt idx="164">
                  <c:v>65.080612182617202</c:v>
                </c:pt>
                <c:pt idx="165">
                  <c:v>64.081230163574205</c:v>
                </c:pt>
                <c:pt idx="166">
                  <c:v>63.080726623535199</c:v>
                </c:pt>
                <c:pt idx="167">
                  <c:v>62.081470489502003</c:v>
                </c:pt>
                <c:pt idx="168">
                  <c:v>61.081626892089801</c:v>
                </c:pt>
                <c:pt idx="169">
                  <c:v>60.0822944641113</c:v>
                </c:pt>
                <c:pt idx="170">
                  <c:v>59.082592010497997</c:v>
                </c:pt>
                <c:pt idx="171">
                  <c:v>58.082736968994098</c:v>
                </c:pt>
                <c:pt idx="172">
                  <c:v>57.082916259765597</c:v>
                </c:pt>
                <c:pt idx="173">
                  <c:v>56.082954406738303</c:v>
                </c:pt>
                <c:pt idx="174">
                  <c:v>55.083492279052699</c:v>
                </c:pt>
                <c:pt idx="175">
                  <c:v>54.083587646484403</c:v>
                </c:pt>
                <c:pt idx="176">
                  <c:v>53.084133148193402</c:v>
                </c:pt>
                <c:pt idx="177">
                  <c:v>52.0838432312012</c:v>
                </c:pt>
                <c:pt idx="178">
                  <c:v>51.084587097167997</c:v>
                </c:pt>
                <c:pt idx="179">
                  <c:v>50.084674835205099</c:v>
                </c:pt>
                <c:pt idx="180">
                  <c:v>49.084854125976598</c:v>
                </c:pt>
                <c:pt idx="181">
                  <c:v>48.085132598877003</c:v>
                </c:pt>
                <c:pt idx="182">
                  <c:v>47.085361480712898</c:v>
                </c:pt>
                <c:pt idx="183">
                  <c:v>46.0853080749512</c:v>
                </c:pt>
                <c:pt idx="184">
                  <c:v>45.0857124328613</c:v>
                </c:pt>
                <c:pt idx="185">
                  <c:v>44.086132049560497</c:v>
                </c:pt>
                <c:pt idx="186">
                  <c:v>43.086246490478501</c:v>
                </c:pt>
                <c:pt idx="187">
                  <c:v>42.086677551269503</c:v>
                </c:pt>
                <c:pt idx="188">
                  <c:v>41.086849212646499</c:v>
                </c:pt>
                <c:pt idx="189">
                  <c:v>40.087051391601598</c:v>
                </c:pt>
                <c:pt idx="190">
                  <c:v>39.0869750976563</c:v>
                </c:pt>
                <c:pt idx="191">
                  <c:v>38.087615966796903</c:v>
                </c:pt>
                <c:pt idx="192">
                  <c:v>37.087753295898402</c:v>
                </c:pt>
                <c:pt idx="193">
                  <c:v>36.087928771972699</c:v>
                </c:pt>
                <c:pt idx="194">
                  <c:v>35.088214874267599</c:v>
                </c:pt>
                <c:pt idx="195">
                  <c:v>34.088523864746101</c:v>
                </c:pt>
                <c:pt idx="196">
                  <c:v>33.088672637939503</c:v>
                </c:pt>
                <c:pt idx="197">
                  <c:v>32.088981628417997</c:v>
                </c:pt>
                <c:pt idx="198">
                  <c:v>31.0892734527588</c:v>
                </c:pt>
                <c:pt idx="199">
                  <c:v>30.0894660949707</c:v>
                </c:pt>
                <c:pt idx="200">
                  <c:v>29.089698791503899</c:v>
                </c:pt>
                <c:pt idx="201">
                  <c:v>28.0898838043213</c:v>
                </c:pt>
                <c:pt idx="202">
                  <c:v>27.090087890625</c:v>
                </c:pt>
                <c:pt idx="203">
                  <c:v>26.090345382690401</c:v>
                </c:pt>
                <c:pt idx="204">
                  <c:v>25.090591430664102</c:v>
                </c:pt>
                <c:pt idx="205">
                  <c:v>24.0909729003906</c:v>
                </c:pt>
                <c:pt idx="206">
                  <c:v>23.091102600097699</c:v>
                </c:pt>
                <c:pt idx="207">
                  <c:v>22.091363906860401</c:v>
                </c:pt>
                <c:pt idx="208">
                  <c:v>21.091535568237301</c:v>
                </c:pt>
                <c:pt idx="209">
                  <c:v>20.091871261596701</c:v>
                </c:pt>
                <c:pt idx="210">
                  <c:v>19.092016220092798</c:v>
                </c:pt>
                <c:pt idx="211">
                  <c:v>18.0923042297363</c:v>
                </c:pt>
                <c:pt idx="212">
                  <c:v>17.092573165893601</c:v>
                </c:pt>
                <c:pt idx="213">
                  <c:v>16.092802047729499</c:v>
                </c:pt>
                <c:pt idx="214">
                  <c:v>15.092675209045399</c:v>
                </c:pt>
                <c:pt idx="215">
                  <c:v>14.092612266540501</c:v>
                </c:pt>
                <c:pt idx="216">
                  <c:v>13.092521667480501</c:v>
                </c:pt>
                <c:pt idx="217">
                  <c:v>12.0924520492554</c:v>
                </c:pt>
                <c:pt idx="218">
                  <c:v>11.092327117919901</c:v>
                </c:pt>
                <c:pt idx="219">
                  <c:v>10.092267990112299</c:v>
                </c:pt>
                <c:pt idx="220">
                  <c:v>9.0921697616577095</c:v>
                </c:pt>
                <c:pt idx="221">
                  <c:v>8.0920572280883807</c:v>
                </c:pt>
                <c:pt idx="222">
                  <c:v>7.0921053886413601</c:v>
                </c:pt>
                <c:pt idx="223">
                  <c:v>6.0921726226806596</c:v>
                </c:pt>
                <c:pt idx="224">
                  <c:v>5.0922269821167001</c:v>
                </c:pt>
                <c:pt idx="225">
                  <c:v>4.0922865867614702</c:v>
                </c:pt>
                <c:pt idx="226">
                  <c:v>3.0923111438751198</c:v>
                </c:pt>
                <c:pt idx="227">
                  <c:v>2.0922796726226802</c:v>
                </c:pt>
                <c:pt idx="228">
                  <c:v>1.0922648906707799</c:v>
                </c:pt>
                <c:pt idx="229">
                  <c:v>9.2277839779853807E-2</c:v>
                </c:pt>
              </c:numCache>
            </c:numRef>
          </c:xVal>
          <c:yVal>
            <c:numRef>
              <c:f>Type_1_3__1___.2_thixotropy_rwd!$D$2:$D$231</c:f>
              <c:numCache>
                <c:formatCode>General</c:formatCode>
                <c:ptCount val="230"/>
                <c:pt idx="0">
                  <c:v>0.102034211158752</c:v>
                </c:pt>
                <c:pt idx="1">
                  <c:v>8.6470142006874098E-2</c:v>
                </c:pt>
                <c:pt idx="2">
                  <c:v>6.5066911280155196E-2</c:v>
                </c:pt>
                <c:pt idx="3">
                  <c:v>0.18006101250648501</c:v>
                </c:pt>
                <c:pt idx="4">
                  <c:v>0.24353800714016</c:v>
                </c:pt>
                <c:pt idx="5">
                  <c:v>0.22549454867839799</c:v>
                </c:pt>
                <c:pt idx="6">
                  <c:v>0.31169456243514998</c:v>
                </c:pt>
                <c:pt idx="7">
                  <c:v>0.27621582150459301</c:v>
                </c:pt>
                <c:pt idx="8">
                  <c:v>0.41019535064697299</c:v>
                </c:pt>
                <c:pt idx="9">
                  <c:v>0.34619811177253701</c:v>
                </c:pt>
                <c:pt idx="10">
                  <c:v>0.60416275262832597</c:v>
                </c:pt>
                <c:pt idx="11">
                  <c:v>0.60121333599090598</c:v>
                </c:pt>
                <c:pt idx="12">
                  <c:v>0.82992196083068803</c:v>
                </c:pt>
                <c:pt idx="13">
                  <c:v>1.0082162618637101</c:v>
                </c:pt>
                <c:pt idx="14">
                  <c:v>0.99474006891250599</c:v>
                </c:pt>
                <c:pt idx="15">
                  <c:v>1.1152720451355</c:v>
                </c:pt>
                <c:pt idx="16">
                  <c:v>1.1313842535018901</c:v>
                </c:pt>
                <c:pt idx="17">
                  <c:v>1.2142760753631601</c:v>
                </c:pt>
                <c:pt idx="18">
                  <c:v>1.3165079355239899</c:v>
                </c:pt>
                <c:pt idx="19">
                  <c:v>1.43670177459717</c:v>
                </c:pt>
                <c:pt idx="20">
                  <c:v>1.5680454969406099</c:v>
                </c:pt>
                <c:pt idx="21">
                  <c:v>1.93425452709198</c:v>
                </c:pt>
                <c:pt idx="22">
                  <c:v>1.8035290241241499</c:v>
                </c:pt>
                <c:pt idx="23">
                  <c:v>2.1867263317108199</c:v>
                </c:pt>
                <c:pt idx="24">
                  <c:v>2.3228785991668701</c:v>
                </c:pt>
                <c:pt idx="25">
                  <c:v>2.4933762550353999</c:v>
                </c:pt>
                <c:pt idx="26">
                  <c:v>2.6939241886138898</c:v>
                </c:pt>
                <c:pt idx="27">
                  <c:v>2.9042210578918501</c:v>
                </c:pt>
                <c:pt idx="28">
                  <c:v>3.1581721305847199</c:v>
                </c:pt>
                <c:pt idx="29">
                  <c:v>3.70698142051697</c:v>
                </c:pt>
                <c:pt idx="30">
                  <c:v>4.1599001884460396</c:v>
                </c:pt>
                <c:pt idx="31">
                  <c:v>4.3599581718444798</c:v>
                </c:pt>
                <c:pt idx="32">
                  <c:v>5.1551990509033203</c:v>
                </c:pt>
                <c:pt idx="33">
                  <c:v>5.6924557685852104</c:v>
                </c:pt>
                <c:pt idx="34">
                  <c:v>6.1472020149231001</c:v>
                </c:pt>
                <c:pt idx="35">
                  <c:v>6.4307012557983398</c:v>
                </c:pt>
                <c:pt idx="36">
                  <c:v>7.3522300720214799</c:v>
                </c:pt>
                <c:pt idx="37">
                  <c:v>7.5804243087768599</c:v>
                </c:pt>
                <c:pt idx="38">
                  <c:v>7.7812256813049299</c:v>
                </c:pt>
                <c:pt idx="39">
                  <c:v>8.0358753204345703</c:v>
                </c:pt>
                <c:pt idx="40">
                  <c:v>8.4587125778198207</c:v>
                </c:pt>
                <c:pt idx="41">
                  <c:v>8.34149169921875</c:v>
                </c:pt>
                <c:pt idx="42">
                  <c:v>8.4245567321777308</c:v>
                </c:pt>
                <c:pt idx="43">
                  <c:v>8.7719240188598597</c:v>
                </c:pt>
                <c:pt idx="44">
                  <c:v>8.72595310211182</c:v>
                </c:pt>
                <c:pt idx="45">
                  <c:v>9.3020868301391602</c:v>
                </c:pt>
                <c:pt idx="46">
                  <c:v>9.5024785995483398</c:v>
                </c:pt>
                <c:pt idx="47">
                  <c:v>9.1078319549560494</c:v>
                </c:pt>
                <c:pt idx="48">
                  <c:v>9.3372478485107404</c:v>
                </c:pt>
                <c:pt idx="49">
                  <c:v>9.7067661285400408</c:v>
                </c:pt>
                <c:pt idx="50">
                  <c:v>9.4357538223266602</c:v>
                </c:pt>
                <c:pt idx="51">
                  <c:v>10.6802577972412</c:v>
                </c:pt>
                <c:pt idx="52">
                  <c:v>11.2326650619507</c:v>
                </c:pt>
                <c:pt idx="53">
                  <c:v>10.2806692123413</c:v>
                </c:pt>
                <c:pt idx="54">
                  <c:v>10.943662643432599</c:v>
                </c:pt>
                <c:pt idx="55">
                  <c:v>10.7424669265747</c:v>
                </c:pt>
                <c:pt idx="56">
                  <c:v>10.907636642456101</c:v>
                </c:pt>
                <c:pt idx="57">
                  <c:v>12.0000104904175</c:v>
                </c:pt>
                <c:pt idx="58">
                  <c:v>13.5268669128418</c:v>
                </c:pt>
                <c:pt idx="59">
                  <c:v>12.7107543945313</c:v>
                </c:pt>
                <c:pt idx="60">
                  <c:v>12.636725425720201</c:v>
                </c:pt>
                <c:pt idx="61">
                  <c:v>13.555299758911101</c:v>
                </c:pt>
                <c:pt idx="62">
                  <c:v>12.9479818344116</c:v>
                </c:pt>
                <c:pt idx="63">
                  <c:v>15.4520168304443</c:v>
                </c:pt>
                <c:pt idx="64">
                  <c:v>15.6631574630737</c:v>
                </c:pt>
                <c:pt idx="65">
                  <c:v>18.7547702789307</c:v>
                </c:pt>
                <c:pt idx="66">
                  <c:v>17.426265716552699</c:v>
                </c:pt>
                <c:pt idx="67">
                  <c:v>17.7193279266357</c:v>
                </c:pt>
                <c:pt idx="68">
                  <c:v>19.582872390747099</c:v>
                </c:pt>
                <c:pt idx="69">
                  <c:v>19.279218673706101</c:v>
                </c:pt>
                <c:pt idx="70">
                  <c:v>20.2471027374268</c:v>
                </c:pt>
                <c:pt idx="71">
                  <c:v>19.3095893859863</c:v>
                </c:pt>
                <c:pt idx="72">
                  <c:v>21.508989334106399</c:v>
                </c:pt>
                <c:pt idx="73">
                  <c:v>21.095134735107401</c:v>
                </c:pt>
                <c:pt idx="74">
                  <c:v>21.1009616851807</c:v>
                </c:pt>
                <c:pt idx="75">
                  <c:v>21.6715412139893</c:v>
                </c:pt>
                <c:pt idx="76">
                  <c:v>21.57493019104</c:v>
                </c:pt>
                <c:pt idx="77">
                  <c:v>23.238639831543001</c:v>
                </c:pt>
                <c:pt idx="78">
                  <c:v>23.050056457519499</c:v>
                </c:pt>
                <c:pt idx="79">
                  <c:v>23.411909103393601</c:v>
                </c:pt>
                <c:pt idx="80">
                  <c:v>24.174995422363299</c:v>
                </c:pt>
                <c:pt idx="81">
                  <c:v>23.8094367980957</c:v>
                </c:pt>
                <c:pt idx="82">
                  <c:v>24.682336807251001</c:v>
                </c:pt>
                <c:pt idx="83">
                  <c:v>26.692304611206101</c:v>
                </c:pt>
                <c:pt idx="84">
                  <c:v>24.717588424682599</c:v>
                </c:pt>
                <c:pt idx="85">
                  <c:v>25.102870941162099</c:v>
                </c:pt>
                <c:pt idx="86">
                  <c:v>25.228258132934599</c:v>
                </c:pt>
                <c:pt idx="87">
                  <c:v>25.934196472168001</c:v>
                </c:pt>
                <c:pt idx="88">
                  <c:v>25.548414230346701</c:v>
                </c:pt>
                <c:pt idx="89">
                  <c:v>25.4342861175537</c:v>
                </c:pt>
                <c:pt idx="90">
                  <c:v>26.2215480804443</c:v>
                </c:pt>
                <c:pt idx="91">
                  <c:v>26.652000427246101</c:v>
                </c:pt>
                <c:pt idx="92">
                  <c:v>27.097223281860401</c:v>
                </c:pt>
                <c:pt idx="93">
                  <c:v>26.942874908447301</c:v>
                </c:pt>
                <c:pt idx="94">
                  <c:v>26.8842582702637</c:v>
                </c:pt>
                <c:pt idx="95">
                  <c:v>26.439735412597699</c:v>
                </c:pt>
                <c:pt idx="96">
                  <c:v>27.366518020629901</c:v>
                </c:pt>
                <c:pt idx="97">
                  <c:v>26.5214653015137</c:v>
                </c:pt>
                <c:pt idx="98">
                  <c:v>28.109582901001001</c:v>
                </c:pt>
                <c:pt idx="99">
                  <c:v>28.378704071044901</c:v>
                </c:pt>
                <c:pt idx="100">
                  <c:v>27.607528686523398</c:v>
                </c:pt>
                <c:pt idx="101">
                  <c:v>26.422256469726602</c:v>
                </c:pt>
                <c:pt idx="102">
                  <c:v>28.486457824706999</c:v>
                </c:pt>
                <c:pt idx="103">
                  <c:v>27.7452068328857</c:v>
                </c:pt>
                <c:pt idx="104">
                  <c:v>28.5226535797119</c:v>
                </c:pt>
                <c:pt idx="105">
                  <c:v>28.424192428588899</c:v>
                </c:pt>
                <c:pt idx="106">
                  <c:v>27.374597549438501</c:v>
                </c:pt>
                <c:pt idx="107">
                  <c:v>27.707561492919901</c:v>
                </c:pt>
                <c:pt idx="108">
                  <c:v>25.566276550293001</c:v>
                </c:pt>
                <c:pt idx="109">
                  <c:v>27.376031875610401</c:v>
                </c:pt>
                <c:pt idx="110">
                  <c:v>28.061559677123999</c:v>
                </c:pt>
                <c:pt idx="111">
                  <c:v>26.9082221984863</c:v>
                </c:pt>
                <c:pt idx="112">
                  <c:v>27.598165512085</c:v>
                </c:pt>
                <c:pt idx="113">
                  <c:v>26.04518699646</c:v>
                </c:pt>
                <c:pt idx="114">
                  <c:v>27.427614212036101</c:v>
                </c:pt>
                <c:pt idx="115">
                  <c:v>27.976747512817401</c:v>
                </c:pt>
                <c:pt idx="116">
                  <c:v>27.711931228637699</c:v>
                </c:pt>
                <c:pt idx="117">
                  <c:v>30.110395431518601</c:v>
                </c:pt>
                <c:pt idx="118">
                  <c:v>27.908531188964801</c:v>
                </c:pt>
                <c:pt idx="119">
                  <c:v>27.419317245483398</c:v>
                </c:pt>
                <c:pt idx="120">
                  <c:v>27.510105133056602</c:v>
                </c:pt>
                <c:pt idx="121">
                  <c:v>30.119001388549801</c:v>
                </c:pt>
                <c:pt idx="122">
                  <c:v>27.4144191741943</c:v>
                </c:pt>
                <c:pt idx="123">
                  <c:v>27.693935394287099</c:v>
                </c:pt>
                <c:pt idx="124">
                  <c:v>26.831138610839801</c:v>
                </c:pt>
                <c:pt idx="125">
                  <c:v>28.3136596679688</c:v>
                </c:pt>
                <c:pt idx="126">
                  <c:v>26.852308273315401</c:v>
                </c:pt>
                <c:pt idx="127">
                  <c:v>27.4177055358887</c:v>
                </c:pt>
                <c:pt idx="128">
                  <c:v>28.404182434081999</c:v>
                </c:pt>
                <c:pt idx="129">
                  <c:v>29.773178100585898</c:v>
                </c:pt>
                <c:pt idx="130">
                  <c:v>28.506593704223601</c:v>
                </c:pt>
                <c:pt idx="131">
                  <c:v>27.8182983398438</c:v>
                </c:pt>
                <c:pt idx="132">
                  <c:v>27.8643894195557</c:v>
                </c:pt>
                <c:pt idx="133">
                  <c:v>27.168418884277301</c:v>
                </c:pt>
                <c:pt idx="134">
                  <c:v>26.935037612915</c:v>
                </c:pt>
                <c:pt idx="135">
                  <c:v>25.867801666259801</c:v>
                </c:pt>
                <c:pt idx="136">
                  <c:v>26.8400478363037</c:v>
                </c:pt>
                <c:pt idx="137">
                  <c:v>26.349925994873001</c:v>
                </c:pt>
                <c:pt idx="138">
                  <c:v>25.3045330047607</c:v>
                </c:pt>
                <c:pt idx="139">
                  <c:v>25.251335144043001</c:v>
                </c:pt>
                <c:pt idx="140">
                  <c:v>25.648746490478501</c:v>
                </c:pt>
                <c:pt idx="141">
                  <c:v>24.715511322021499</c:v>
                </c:pt>
                <c:pt idx="142">
                  <c:v>24.937074661254901</c:v>
                </c:pt>
                <c:pt idx="143">
                  <c:v>25.2132472991943</c:v>
                </c:pt>
                <c:pt idx="144">
                  <c:v>24.902511596679702</c:v>
                </c:pt>
                <c:pt idx="145">
                  <c:v>25.1862392425537</c:v>
                </c:pt>
                <c:pt idx="146">
                  <c:v>23.855556488037099</c:v>
                </c:pt>
                <c:pt idx="147">
                  <c:v>23.818414688110401</c:v>
                </c:pt>
                <c:pt idx="148">
                  <c:v>23.634973526001001</c:v>
                </c:pt>
                <c:pt idx="149">
                  <c:v>22.537946701049801</c:v>
                </c:pt>
                <c:pt idx="150">
                  <c:v>22.0031623840332</c:v>
                </c:pt>
                <c:pt idx="151">
                  <c:v>21.899635314941399</c:v>
                </c:pt>
                <c:pt idx="152">
                  <c:v>22.080461502075199</c:v>
                </c:pt>
                <c:pt idx="153">
                  <c:v>21.893510818481399</c:v>
                </c:pt>
                <c:pt idx="154">
                  <c:v>20.8249912261963</c:v>
                </c:pt>
                <c:pt idx="155">
                  <c:v>20.782579421997099</c:v>
                </c:pt>
                <c:pt idx="156">
                  <c:v>21.057449340820298</c:v>
                </c:pt>
                <c:pt idx="157">
                  <c:v>19.6853847503662</c:v>
                </c:pt>
                <c:pt idx="158">
                  <c:v>19.962194442748999</c:v>
                </c:pt>
                <c:pt idx="159">
                  <c:v>19.321262359619102</c:v>
                </c:pt>
                <c:pt idx="160">
                  <c:v>19.4167671203613</c:v>
                </c:pt>
                <c:pt idx="161">
                  <c:v>17.591253280639599</c:v>
                </c:pt>
                <c:pt idx="162">
                  <c:v>18.143795013427699</c:v>
                </c:pt>
                <c:pt idx="163">
                  <c:v>17.487596511840799</c:v>
                </c:pt>
                <c:pt idx="164">
                  <c:v>16.879041671752901</c:v>
                </c:pt>
                <c:pt idx="165">
                  <c:v>15.6103715896606</c:v>
                </c:pt>
                <c:pt idx="166">
                  <c:v>14.3198051452637</c:v>
                </c:pt>
                <c:pt idx="167">
                  <c:v>14.5650825500488</c:v>
                </c:pt>
                <c:pt idx="168">
                  <c:v>13.725549697876</c:v>
                </c:pt>
                <c:pt idx="169">
                  <c:v>13.287234306335399</c:v>
                </c:pt>
                <c:pt idx="170">
                  <c:v>13.0336809158325</c:v>
                </c:pt>
                <c:pt idx="171">
                  <c:v>12.7521667480469</c:v>
                </c:pt>
                <c:pt idx="172">
                  <c:v>12.3240404129028</c:v>
                </c:pt>
                <c:pt idx="173">
                  <c:v>12.642834663391101</c:v>
                </c:pt>
                <c:pt idx="174">
                  <c:v>12.2799577713013</c:v>
                </c:pt>
                <c:pt idx="175">
                  <c:v>12.0757303237915</c:v>
                </c:pt>
                <c:pt idx="176">
                  <c:v>11.635857582092299</c:v>
                </c:pt>
                <c:pt idx="177">
                  <c:v>11.920235633850099</c:v>
                </c:pt>
                <c:pt idx="178">
                  <c:v>11.2793426513672</c:v>
                </c:pt>
                <c:pt idx="179">
                  <c:v>10.7099361419678</c:v>
                </c:pt>
                <c:pt idx="180">
                  <c:v>11.0460014343262</c:v>
                </c:pt>
                <c:pt idx="181">
                  <c:v>8.4061746597290004</c:v>
                </c:pt>
                <c:pt idx="182">
                  <c:v>8.4934873580932599</c:v>
                </c:pt>
                <c:pt idx="183">
                  <c:v>8.0815105438232404</c:v>
                </c:pt>
                <c:pt idx="184">
                  <c:v>8.3954105377197301</c:v>
                </c:pt>
                <c:pt idx="185">
                  <c:v>8.1543607711791992</c:v>
                </c:pt>
                <c:pt idx="186">
                  <c:v>8.5217342376709002</c:v>
                </c:pt>
                <c:pt idx="187">
                  <c:v>8.3110980987548793</c:v>
                </c:pt>
                <c:pt idx="188">
                  <c:v>7.9733462333679199</c:v>
                </c:pt>
                <c:pt idx="189">
                  <c:v>7.8408532142639196</c:v>
                </c:pt>
                <c:pt idx="190">
                  <c:v>7.7361316680908203</c:v>
                </c:pt>
                <c:pt idx="191">
                  <c:v>7.0224285125732404</c:v>
                </c:pt>
                <c:pt idx="192">
                  <c:v>6.90157127380371</c:v>
                </c:pt>
                <c:pt idx="193">
                  <c:v>6.83644342422485</c:v>
                </c:pt>
                <c:pt idx="194">
                  <c:v>5.7364139556884801</c:v>
                </c:pt>
                <c:pt idx="195">
                  <c:v>5.6865315437316903</c:v>
                </c:pt>
                <c:pt idx="196">
                  <c:v>4.9561953544616699</c:v>
                </c:pt>
                <c:pt idx="197">
                  <c:v>4.80517530441284</c:v>
                </c:pt>
                <c:pt idx="198">
                  <c:v>4.1579823493957502</c:v>
                </c:pt>
                <c:pt idx="199">
                  <c:v>3.87154269218445</c:v>
                </c:pt>
                <c:pt idx="200">
                  <c:v>3.2099535465240501</c:v>
                </c:pt>
                <c:pt idx="201">
                  <c:v>2.9395475387573202</c:v>
                </c:pt>
                <c:pt idx="202">
                  <c:v>2.5235023498535201</c:v>
                </c:pt>
                <c:pt idx="203">
                  <c:v>2.3028595447540301</c:v>
                </c:pt>
                <c:pt idx="204">
                  <c:v>2.08218622207642</c:v>
                </c:pt>
                <c:pt idx="205">
                  <c:v>1.8661792278289799</c:v>
                </c:pt>
                <c:pt idx="206">
                  <c:v>1.6975677013397199</c:v>
                </c:pt>
                <c:pt idx="207">
                  <c:v>1.5276597738266</c:v>
                </c:pt>
                <c:pt idx="208">
                  <c:v>1.4030798673629801</c:v>
                </c:pt>
                <c:pt idx="209">
                  <c:v>1.2301900386810301</c:v>
                </c:pt>
                <c:pt idx="210">
                  <c:v>1.1682587862014799</c:v>
                </c:pt>
                <c:pt idx="211">
                  <c:v>0.99817085266113303</c:v>
                </c:pt>
                <c:pt idx="212">
                  <c:v>0.73938125371932995</c:v>
                </c:pt>
                <c:pt idx="213">
                  <c:v>0.71392786502838101</c:v>
                </c:pt>
                <c:pt idx="214">
                  <c:v>0.668739974498749</c:v>
                </c:pt>
                <c:pt idx="215">
                  <c:v>0.64269894361496005</c:v>
                </c:pt>
                <c:pt idx="216">
                  <c:v>0.45731931924819902</c:v>
                </c:pt>
                <c:pt idx="217">
                  <c:v>0.36508080363273598</c:v>
                </c:pt>
                <c:pt idx="218">
                  <c:v>0.269492387771606</c:v>
                </c:pt>
                <c:pt idx="219">
                  <c:v>0.22000584006309501</c:v>
                </c:pt>
                <c:pt idx="220">
                  <c:v>0.13458761572837799</c:v>
                </c:pt>
                <c:pt idx="221">
                  <c:v>0.13499775528907801</c:v>
                </c:pt>
                <c:pt idx="222">
                  <c:v>2.7581566944718399E-2</c:v>
                </c:pt>
                <c:pt idx="223">
                  <c:v>6.2052991241216701E-2</c:v>
                </c:pt>
                <c:pt idx="224">
                  <c:v>3.9338176138699098E-3</c:v>
                </c:pt>
                <c:pt idx="225">
                  <c:v>3.84726817719638E-3</c:v>
                </c:pt>
                <c:pt idx="226">
                  <c:v>1.17406866047531E-3</c:v>
                </c:pt>
                <c:pt idx="227">
                  <c:v>9.2235738411545806E-3</c:v>
                </c:pt>
                <c:pt idx="228">
                  <c:v>0</c:v>
                </c:pt>
                <c:pt idx="229">
                  <c:v>2.5022884830832499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ACC5-4DC4-8FFA-936D652CDFA9}"/>
            </c:ext>
          </c:extLst>
        </c:ser>
        <c:ser>
          <c:idx val="4"/>
          <c:order val="4"/>
          <c:tx>
            <c:v>1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Type_4_6__1___._2_thixotropy_rw!$F$2:$F$231</c:f>
              <c:numCache>
                <c:formatCode>General</c:formatCode>
                <c:ptCount val="230"/>
                <c:pt idx="0">
                  <c:v>0.92626893520355202</c:v>
                </c:pt>
                <c:pt idx="1">
                  <c:v>1.92630386352539</c:v>
                </c:pt>
                <c:pt idx="2">
                  <c:v>2.9263260364532502</c:v>
                </c:pt>
                <c:pt idx="3">
                  <c:v>3.9263260364532502</c:v>
                </c:pt>
                <c:pt idx="4">
                  <c:v>4.9262723922729501</c:v>
                </c:pt>
                <c:pt idx="5">
                  <c:v>5.9289836883544904</c:v>
                </c:pt>
                <c:pt idx="6">
                  <c:v>6.9289107322692898</c:v>
                </c:pt>
                <c:pt idx="7">
                  <c:v>7.9288258552551296</c:v>
                </c:pt>
                <c:pt idx="8">
                  <c:v>8.9288921356201207</c:v>
                </c:pt>
                <c:pt idx="9">
                  <c:v>9.9262228012084996</c:v>
                </c:pt>
                <c:pt idx="10">
                  <c:v>10.9263353347778</c:v>
                </c:pt>
                <c:pt idx="11">
                  <c:v>11.926438331604</c:v>
                </c:pt>
                <c:pt idx="12">
                  <c:v>12.9265432357788</c:v>
                </c:pt>
                <c:pt idx="13">
                  <c:v>13.9266004562378</c:v>
                </c:pt>
                <c:pt idx="14">
                  <c:v>14.926714897155801</c:v>
                </c:pt>
                <c:pt idx="15">
                  <c:v>15.9267387390137</c:v>
                </c:pt>
                <c:pt idx="16">
                  <c:v>16.926578521728501</c:v>
                </c:pt>
                <c:pt idx="17">
                  <c:v>17.926345825195298</c:v>
                </c:pt>
                <c:pt idx="18">
                  <c:v>18.9261474609375</c:v>
                </c:pt>
                <c:pt idx="19">
                  <c:v>19.925796508789102</c:v>
                </c:pt>
                <c:pt idx="20">
                  <c:v>20.925657272338899</c:v>
                </c:pt>
                <c:pt idx="21">
                  <c:v>21.925378799438501</c:v>
                </c:pt>
                <c:pt idx="22">
                  <c:v>22.925144195556602</c:v>
                </c:pt>
                <c:pt idx="23">
                  <c:v>23.924888610839801</c:v>
                </c:pt>
                <c:pt idx="24">
                  <c:v>24.9246425628662</c:v>
                </c:pt>
                <c:pt idx="25">
                  <c:v>25.924333572387699</c:v>
                </c:pt>
                <c:pt idx="26">
                  <c:v>26.924066543579102</c:v>
                </c:pt>
                <c:pt idx="27">
                  <c:v>27.923885345458999</c:v>
                </c:pt>
                <c:pt idx="28">
                  <c:v>28.923652648925799</c:v>
                </c:pt>
                <c:pt idx="29">
                  <c:v>29.9233798980713</c:v>
                </c:pt>
                <c:pt idx="30">
                  <c:v>30.923093795776399</c:v>
                </c:pt>
                <c:pt idx="31">
                  <c:v>31.922967910766602</c:v>
                </c:pt>
                <c:pt idx="32">
                  <c:v>32.922771453857401</c:v>
                </c:pt>
                <c:pt idx="33">
                  <c:v>33.922534942627003</c:v>
                </c:pt>
                <c:pt idx="34">
                  <c:v>34.9225044250488</c:v>
                </c:pt>
                <c:pt idx="35">
                  <c:v>35.9218559265137</c:v>
                </c:pt>
                <c:pt idx="36">
                  <c:v>36.9217338562012</c:v>
                </c:pt>
                <c:pt idx="37">
                  <c:v>37.921531677246101</c:v>
                </c:pt>
                <c:pt idx="38">
                  <c:v>38.921318054199197</c:v>
                </c:pt>
                <c:pt idx="39">
                  <c:v>39.921298980712898</c:v>
                </c:pt>
                <c:pt idx="40">
                  <c:v>40.920730590820298</c:v>
                </c:pt>
                <c:pt idx="41">
                  <c:v>41.923580169677699</c:v>
                </c:pt>
                <c:pt idx="42">
                  <c:v>42.923274993896499</c:v>
                </c:pt>
                <c:pt idx="43">
                  <c:v>43.922767639160199</c:v>
                </c:pt>
                <c:pt idx="44">
                  <c:v>44.922660827636697</c:v>
                </c:pt>
                <c:pt idx="45">
                  <c:v>45.922172546386697</c:v>
                </c:pt>
                <c:pt idx="46">
                  <c:v>46.921989440917997</c:v>
                </c:pt>
                <c:pt idx="47">
                  <c:v>47.921955108642599</c:v>
                </c:pt>
                <c:pt idx="48">
                  <c:v>48.921459197997997</c:v>
                </c:pt>
                <c:pt idx="49">
                  <c:v>49.921432495117202</c:v>
                </c:pt>
                <c:pt idx="50">
                  <c:v>50.920974731445298</c:v>
                </c:pt>
                <c:pt idx="51">
                  <c:v>51.920944213867202</c:v>
                </c:pt>
                <c:pt idx="52">
                  <c:v>52.9206352233887</c:v>
                </c:pt>
                <c:pt idx="53">
                  <c:v>53.92041015625</c:v>
                </c:pt>
                <c:pt idx="54">
                  <c:v>54.920108795166001</c:v>
                </c:pt>
                <c:pt idx="55">
                  <c:v>55.9198188781738</c:v>
                </c:pt>
                <c:pt idx="56">
                  <c:v>56.919479370117202</c:v>
                </c:pt>
                <c:pt idx="57">
                  <c:v>57.919563293457003</c:v>
                </c:pt>
                <c:pt idx="58">
                  <c:v>58.918827056884801</c:v>
                </c:pt>
                <c:pt idx="59">
                  <c:v>59.9188041687012</c:v>
                </c:pt>
                <c:pt idx="60">
                  <c:v>60.918498992919901</c:v>
                </c:pt>
                <c:pt idx="61">
                  <c:v>61.918636322021499</c:v>
                </c:pt>
                <c:pt idx="62">
                  <c:v>62.917766571044901</c:v>
                </c:pt>
                <c:pt idx="63">
                  <c:v>63.917881011962898</c:v>
                </c:pt>
                <c:pt idx="64">
                  <c:v>64.917785644531307</c:v>
                </c:pt>
                <c:pt idx="65">
                  <c:v>65.917686462402301</c:v>
                </c:pt>
                <c:pt idx="66">
                  <c:v>66.917259216308594</c:v>
                </c:pt>
                <c:pt idx="67">
                  <c:v>67.916755676269503</c:v>
                </c:pt>
                <c:pt idx="68">
                  <c:v>68.916877746582003</c:v>
                </c:pt>
                <c:pt idx="69">
                  <c:v>69.916168212890597</c:v>
                </c:pt>
                <c:pt idx="70">
                  <c:v>70.916961669921903</c:v>
                </c:pt>
                <c:pt idx="71">
                  <c:v>71.915626525878906</c:v>
                </c:pt>
                <c:pt idx="72">
                  <c:v>72.915756225585895</c:v>
                </c:pt>
                <c:pt idx="73">
                  <c:v>73.915847778320298</c:v>
                </c:pt>
                <c:pt idx="74">
                  <c:v>74.914619445800795</c:v>
                </c:pt>
                <c:pt idx="75">
                  <c:v>75.915168762207003</c:v>
                </c:pt>
                <c:pt idx="76">
                  <c:v>76.914871215820298</c:v>
                </c:pt>
                <c:pt idx="77">
                  <c:v>77.914489746093807</c:v>
                </c:pt>
                <c:pt idx="78">
                  <c:v>78.9149169921875</c:v>
                </c:pt>
                <c:pt idx="79">
                  <c:v>79.913276672363295</c:v>
                </c:pt>
                <c:pt idx="80">
                  <c:v>80.913566589355497</c:v>
                </c:pt>
                <c:pt idx="81">
                  <c:v>81.9127197265625</c:v>
                </c:pt>
                <c:pt idx="82">
                  <c:v>82.912857055664105</c:v>
                </c:pt>
                <c:pt idx="83">
                  <c:v>83.912895202636705</c:v>
                </c:pt>
                <c:pt idx="84">
                  <c:v>84.912513732910199</c:v>
                </c:pt>
                <c:pt idx="85">
                  <c:v>85.9114990234375</c:v>
                </c:pt>
                <c:pt idx="86">
                  <c:v>86.913093566894503</c:v>
                </c:pt>
                <c:pt idx="87">
                  <c:v>87.911354064941406</c:v>
                </c:pt>
                <c:pt idx="88">
                  <c:v>88.912826538085895</c:v>
                </c:pt>
                <c:pt idx="89">
                  <c:v>89.9111328125</c:v>
                </c:pt>
                <c:pt idx="90">
                  <c:v>90.911193847656307</c:v>
                </c:pt>
                <c:pt idx="91">
                  <c:v>91.909370422363295</c:v>
                </c:pt>
                <c:pt idx="92">
                  <c:v>92.911392211914105</c:v>
                </c:pt>
                <c:pt idx="93">
                  <c:v>93.912338256835895</c:v>
                </c:pt>
                <c:pt idx="94">
                  <c:v>94.908874511718807</c:v>
                </c:pt>
                <c:pt idx="95">
                  <c:v>95.911018371582003</c:v>
                </c:pt>
                <c:pt idx="96">
                  <c:v>96.908073425292997</c:v>
                </c:pt>
                <c:pt idx="97">
                  <c:v>97.909896850585895</c:v>
                </c:pt>
                <c:pt idx="98">
                  <c:v>98.910110473632798</c:v>
                </c:pt>
                <c:pt idx="99">
                  <c:v>99.907936096191406</c:v>
                </c:pt>
                <c:pt idx="100">
                  <c:v>100.00155639648401</c:v>
                </c:pt>
                <c:pt idx="101">
                  <c:v>100.003860473633</c:v>
                </c:pt>
                <c:pt idx="102">
                  <c:v>100.00033569335901</c:v>
                </c:pt>
                <c:pt idx="103">
                  <c:v>99.997627258300795</c:v>
                </c:pt>
                <c:pt idx="104">
                  <c:v>99.9971923828125</c:v>
                </c:pt>
                <c:pt idx="105">
                  <c:v>99.999099731445298</c:v>
                </c:pt>
                <c:pt idx="106">
                  <c:v>99.998870849609403</c:v>
                </c:pt>
                <c:pt idx="107">
                  <c:v>99.998497009277301</c:v>
                </c:pt>
                <c:pt idx="108">
                  <c:v>99.999320983886705</c:v>
                </c:pt>
                <c:pt idx="109">
                  <c:v>100.00042724609401</c:v>
                </c:pt>
                <c:pt idx="110">
                  <c:v>99.997711181640597</c:v>
                </c:pt>
                <c:pt idx="111">
                  <c:v>99.998611450195298</c:v>
                </c:pt>
                <c:pt idx="112">
                  <c:v>99.999450683593807</c:v>
                </c:pt>
                <c:pt idx="113">
                  <c:v>99.999107360839801</c:v>
                </c:pt>
                <c:pt idx="114">
                  <c:v>99.999603271484403</c:v>
                </c:pt>
                <c:pt idx="115">
                  <c:v>100.000244140625</c:v>
                </c:pt>
                <c:pt idx="116">
                  <c:v>99.999458312988295</c:v>
                </c:pt>
                <c:pt idx="117">
                  <c:v>100.00063323974599</c:v>
                </c:pt>
                <c:pt idx="118">
                  <c:v>100.00057983398401</c:v>
                </c:pt>
                <c:pt idx="119">
                  <c:v>100.00022125244099</c:v>
                </c:pt>
                <c:pt idx="120">
                  <c:v>99.998466491699205</c:v>
                </c:pt>
                <c:pt idx="121">
                  <c:v>99.996772766113295</c:v>
                </c:pt>
                <c:pt idx="122">
                  <c:v>99.999107360839801</c:v>
                </c:pt>
                <c:pt idx="123">
                  <c:v>100.001792907715</c:v>
                </c:pt>
                <c:pt idx="124">
                  <c:v>100.001304626465</c:v>
                </c:pt>
                <c:pt idx="125">
                  <c:v>100.00234985351599</c:v>
                </c:pt>
                <c:pt idx="126">
                  <c:v>100.00178527832</c:v>
                </c:pt>
                <c:pt idx="127">
                  <c:v>99.999900817871094</c:v>
                </c:pt>
                <c:pt idx="128">
                  <c:v>99.997627258300795</c:v>
                </c:pt>
                <c:pt idx="129">
                  <c:v>99.999076843261705</c:v>
                </c:pt>
                <c:pt idx="130">
                  <c:v>99.075309753417997</c:v>
                </c:pt>
                <c:pt idx="131">
                  <c:v>98.070663452148395</c:v>
                </c:pt>
                <c:pt idx="132">
                  <c:v>97.077011108398395</c:v>
                </c:pt>
                <c:pt idx="133">
                  <c:v>96.069519042968807</c:v>
                </c:pt>
                <c:pt idx="134">
                  <c:v>95.075546264648395</c:v>
                </c:pt>
                <c:pt idx="135">
                  <c:v>94.074890136718807</c:v>
                </c:pt>
                <c:pt idx="136">
                  <c:v>93.074790954589801</c:v>
                </c:pt>
                <c:pt idx="137">
                  <c:v>92.077011108398395</c:v>
                </c:pt>
                <c:pt idx="138">
                  <c:v>91.073410034179702</c:v>
                </c:pt>
                <c:pt idx="139">
                  <c:v>90.076461791992202</c:v>
                </c:pt>
                <c:pt idx="140">
                  <c:v>89.076469421386705</c:v>
                </c:pt>
                <c:pt idx="141">
                  <c:v>88.078201293945298</c:v>
                </c:pt>
                <c:pt idx="142">
                  <c:v>87.077049255371094</c:v>
                </c:pt>
                <c:pt idx="143">
                  <c:v>86.076210021972699</c:v>
                </c:pt>
                <c:pt idx="144">
                  <c:v>85.077835083007798</c:v>
                </c:pt>
                <c:pt idx="145">
                  <c:v>84.077835083007798</c:v>
                </c:pt>
                <c:pt idx="146">
                  <c:v>83.077865600585895</c:v>
                </c:pt>
                <c:pt idx="147">
                  <c:v>82.078018188476605</c:v>
                </c:pt>
                <c:pt idx="148">
                  <c:v>81.0782470703125</c:v>
                </c:pt>
                <c:pt idx="149">
                  <c:v>80.078903198242202</c:v>
                </c:pt>
                <c:pt idx="150">
                  <c:v>79.078109741210895</c:v>
                </c:pt>
                <c:pt idx="151">
                  <c:v>78.078880310058594</c:v>
                </c:pt>
                <c:pt idx="152">
                  <c:v>77.079216003417997</c:v>
                </c:pt>
                <c:pt idx="153">
                  <c:v>76.079994201660199</c:v>
                </c:pt>
                <c:pt idx="154">
                  <c:v>75.079650878906307</c:v>
                </c:pt>
                <c:pt idx="155">
                  <c:v>74.079437255859403</c:v>
                </c:pt>
                <c:pt idx="156">
                  <c:v>73.080078125</c:v>
                </c:pt>
                <c:pt idx="157">
                  <c:v>72.080337524414105</c:v>
                </c:pt>
                <c:pt idx="158">
                  <c:v>71.080528259277301</c:v>
                </c:pt>
                <c:pt idx="159">
                  <c:v>70.081306457519503</c:v>
                </c:pt>
                <c:pt idx="160">
                  <c:v>69.081527709960895</c:v>
                </c:pt>
                <c:pt idx="161">
                  <c:v>68.081306457519503</c:v>
                </c:pt>
                <c:pt idx="162">
                  <c:v>67.082214355468807</c:v>
                </c:pt>
                <c:pt idx="163">
                  <c:v>66.082534790039105</c:v>
                </c:pt>
                <c:pt idx="164">
                  <c:v>65.082527160644503</c:v>
                </c:pt>
                <c:pt idx="165">
                  <c:v>64.082229614257798</c:v>
                </c:pt>
                <c:pt idx="166">
                  <c:v>63.082550048828097</c:v>
                </c:pt>
                <c:pt idx="167">
                  <c:v>62.0828857421875</c:v>
                </c:pt>
                <c:pt idx="168">
                  <c:v>61.083183288574197</c:v>
                </c:pt>
                <c:pt idx="169">
                  <c:v>60.083442687988303</c:v>
                </c:pt>
                <c:pt idx="170">
                  <c:v>59.083389282226598</c:v>
                </c:pt>
                <c:pt idx="171">
                  <c:v>58.081504821777301</c:v>
                </c:pt>
                <c:pt idx="172">
                  <c:v>57.083915710449197</c:v>
                </c:pt>
                <c:pt idx="173">
                  <c:v>56.081501007080099</c:v>
                </c:pt>
                <c:pt idx="174">
                  <c:v>55.084934234619098</c:v>
                </c:pt>
                <c:pt idx="175">
                  <c:v>54.081993103027301</c:v>
                </c:pt>
                <c:pt idx="176">
                  <c:v>53.082595825195298</c:v>
                </c:pt>
                <c:pt idx="177">
                  <c:v>52.0827026367188</c:v>
                </c:pt>
                <c:pt idx="178">
                  <c:v>51.082832336425803</c:v>
                </c:pt>
                <c:pt idx="179">
                  <c:v>50.082859039306598</c:v>
                </c:pt>
                <c:pt idx="180">
                  <c:v>49.083538055419901</c:v>
                </c:pt>
                <c:pt idx="181">
                  <c:v>48.083660125732401</c:v>
                </c:pt>
                <c:pt idx="182">
                  <c:v>47.0840034484863</c:v>
                </c:pt>
                <c:pt idx="183">
                  <c:v>46.084133148193402</c:v>
                </c:pt>
                <c:pt idx="184">
                  <c:v>45.084465026855497</c:v>
                </c:pt>
                <c:pt idx="185">
                  <c:v>44.084659576416001</c:v>
                </c:pt>
                <c:pt idx="186">
                  <c:v>43.0848197937012</c:v>
                </c:pt>
                <c:pt idx="187">
                  <c:v>42.085243225097699</c:v>
                </c:pt>
                <c:pt idx="188">
                  <c:v>41.085079193115199</c:v>
                </c:pt>
                <c:pt idx="189">
                  <c:v>40.085494995117202</c:v>
                </c:pt>
                <c:pt idx="190">
                  <c:v>39.085865020752003</c:v>
                </c:pt>
                <c:pt idx="191">
                  <c:v>38.085830688476598</c:v>
                </c:pt>
                <c:pt idx="192">
                  <c:v>37.0863037109375</c:v>
                </c:pt>
                <c:pt idx="193">
                  <c:v>36.086711883544901</c:v>
                </c:pt>
                <c:pt idx="194">
                  <c:v>35.086738586425803</c:v>
                </c:pt>
                <c:pt idx="195">
                  <c:v>34.087062835693402</c:v>
                </c:pt>
                <c:pt idx="196">
                  <c:v>33.0871772766113</c:v>
                </c:pt>
                <c:pt idx="197">
                  <c:v>32.087566375732401</c:v>
                </c:pt>
                <c:pt idx="198">
                  <c:v>31.087863922119102</c:v>
                </c:pt>
                <c:pt idx="199">
                  <c:v>30.087984085083001</c:v>
                </c:pt>
                <c:pt idx="200">
                  <c:v>29.088253021240199</c:v>
                </c:pt>
                <c:pt idx="201">
                  <c:v>28.088516235351602</c:v>
                </c:pt>
                <c:pt idx="202">
                  <c:v>27.088752746581999</c:v>
                </c:pt>
                <c:pt idx="203">
                  <c:v>26.089031219482401</c:v>
                </c:pt>
                <c:pt idx="204">
                  <c:v>25.0891933441162</c:v>
                </c:pt>
                <c:pt idx="205">
                  <c:v>24.0894660949707</c:v>
                </c:pt>
                <c:pt idx="206">
                  <c:v>23.0896911621094</c:v>
                </c:pt>
                <c:pt idx="207">
                  <c:v>22.0899562835693</c:v>
                </c:pt>
                <c:pt idx="208">
                  <c:v>21.090110778808601</c:v>
                </c:pt>
                <c:pt idx="209">
                  <c:v>20.0904750823975</c:v>
                </c:pt>
                <c:pt idx="210">
                  <c:v>19.090631484985401</c:v>
                </c:pt>
                <c:pt idx="211">
                  <c:v>18.090913772583001</c:v>
                </c:pt>
                <c:pt idx="212">
                  <c:v>17.091190338134801</c:v>
                </c:pt>
                <c:pt idx="213">
                  <c:v>16.091350555419901</c:v>
                </c:pt>
                <c:pt idx="214">
                  <c:v>15.091340065002401</c:v>
                </c:pt>
                <c:pt idx="215">
                  <c:v>14.0912475585938</c:v>
                </c:pt>
                <c:pt idx="216">
                  <c:v>13.0911045074463</c:v>
                </c:pt>
                <c:pt idx="217">
                  <c:v>12.091001510620099</c:v>
                </c:pt>
                <c:pt idx="218">
                  <c:v>11.090938568115201</c:v>
                </c:pt>
                <c:pt idx="219">
                  <c:v>10.0907936096191</c:v>
                </c:pt>
                <c:pt idx="220">
                  <c:v>9.0907239913940394</c:v>
                </c:pt>
                <c:pt idx="221">
                  <c:v>8.0906438827514595</c:v>
                </c:pt>
                <c:pt idx="222">
                  <c:v>7.0906696319580096</c:v>
                </c:pt>
                <c:pt idx="223">
                  <c:v>6.0907416343689</c:v>
                </c:pt>
                <c:pt idx="224">
                  <c:v>5.0908346176147496</c:v>
                </c:pt>
                <c:pt idx="225">
                  <c:v>4.0909299850463903</c:v>
                </c:pt>
                <c:pt idx="226">
                  <c:v>3.0909454822540301</c:v>
                </c:pt>
                <c:pt idx="227">
                  <c:v>2.0909590721130402</c:v>
                </c:pt>
                <c:pt idx="228">
                  <c:v>1.0908886194229099</c:v>
                </c:pt>
                <c:pt idx="229">
                  <c:v>9.0864457190036801E-2</c:v>
                </c:pt>
              </c:numCache>
            </c:numRef>
          </c:xVal>
          <c:yVal>
            <c:numRef>
              <c:f>Type_4_6__1___._2_thixotropy_rw!$D$2:$D$231</c:f>
              <c:numCache>
                <c:formatCode>General</c:formatCode>
                <c:ptCount val="230"/>
                <c:pt idx="0">
                  <c:v>4.3630108237266499E-2</c:v>
                </c:pt>
                <c:pt idx="1">
                  <c:v>3.7829305976629299E-2</c:v>
                </c:pt>
                <c:pt idx="2">
                  <c:v>9.8820552229881304E-3</c:v>
                </c:pt>
                <c:pt idx="3">
                  <c:v>8.5936561226844801E-2</c:v>
                </c:pt>
                <c:pt idx="4">
                  <c:v>0.23891393840312999</c:v>
                </c:pt>
                <c:pt idx="5">
                  <c:v>0.34359985589981101</c:v>
                </c:pt>
                <c:pt idx="6">
                  <c:v>0.25960972905159002</c:v>
                </c:pt>
                <c:pt idx="7">
                  <c:v>0.49117335677146901</c:v>
                </c:pt>
                <c:pt idx="8">
                  <c:v>0.43437400460243197</c:v>
                </c:pt>
                <c:pt idx="9">
                  <c:v>0.52472233772277799</c:v>
                </c:pt>
                <c:pt idx="10">
                  <c:v>0.50586652755737305</c:v>
                </c:pt>
                <c:pt idx="11">
                  <c:v>0.57011342048644997</c:v>
                </c:pt>
                <c:pt idx="12">
                  <c:v>0.77838432788848899</c:v>
                </c:pt>
                <c:pt idx="13">
                  <c:v>0.88430392742157005</c:v>
                </c:pt>
                <c:pt idx="14">
                  <c:v>1.0899641513824501</c:v>
                </c:pt>
                <c:pt idx="15">
                  <c:v>1.2128309011459399</c:v>
                </c:pt>
                <c:pt idx="16">
                  <c:v>1.1013418436050399</c:v>
                </c:pt>
                <c:pt idx="17">
                  <c:v>1.344367146492</c:v>
                </c:pt>
                <c:pt idx="18">
                  <c:v>1.41345322132111</c:v>
                </c:pt>
                <c:pt idx="19">
                  <c:v>1.5589514970779399</c:v>
                </c:pt>
                <c:pt idx="20">
                  <c:v>1.7045263051986701</c:v>
                </c:pt>
                <c:pt idx="21">
                  <c:v>1.86451363563538</c:v>
                </c:pt>
                <c:pt idx="22">
                  <c:v>2.1610901355743399</c:v>
                </c:pt>
                <c:pt idx="23">
                  <c:v>2.3523409366607702</c:v>
                </c:pt>
                <c:pt idx="24">
                  <c:v>2.6589615345001198</c:v>
                </c:pt>
                <c:pt idx="25">
                  <c:v>2.72984075546265</c:v>
                </c:pt>
                <c:pt idx="26">
                  <c:v>2.7599718570709202</c:v>
                </c:pt>
                <c:pt idx="27">
                  <c:v>3.27265548706055</c:v>
                </c:pt>
                <c:pt idx="28">
                  <c:v>3.3524227142334002</c:v>
                </c:pt>
                <c:pt idx="29">
                  <c:v>3.7862620353698699</c:v>
                </c:pt>
                <c:pt idx="30">
                  <c:v>3.8533005714416499</c:v>
                </c:pt>
                <c:pt idx="31">
                  <c:v>4.42541408538818</c:v>
                </c:pt>
                <c:pt idx="32">
                  <c:v>4.8800110816955602</c:v>
                </c:pt>
                <c:pt idx="33">
                  <c:v>5.6473464965820304</c:v>
                </c:pt>
                <c:pt idx="34">
                  <c:v>6.3153872489929199</c:v>
                </c:pt>
                <c:pt idx="35">
                  <c:v>5.9969506263732901</c:v>
                </c:pt>
                <c:pt idx="36">
                  <c:v>6.8518977165222203</c:v>
                </c:pt>
                <c:pt idx="37">
                  <c:v>6.7464566230773899</c:v>
                </c:pt>
                <c:pt idx="38">
                  <c:v>8.1102190017700195</c:v>
                </c:pt>
                <c:pt idx="39">
                  <c:v>7.2914481163024902</c:v>
                </c:pt>
                <c:pt idx="40">
                  <c:v>7.4480042457580602</c:v>
                </c:pt>
                <c:pt idx="41">
                  <c:v>7.8970642089843803</c:v>
                </c:pt>
                <c:pt idx="42">
                  <c:v>7.6083316802978498</c:v>
                </c:pt>
                <c:pt idx="43">
                  <c:v>7.4347028732299796</c:v>
                </c:pt>
                <c:pt idx="44">
                  <c:v>8.4588851928710902</c:v>
                </c:pt>
                <c:pt idx="45">
                  <c:v>8.1207580566406303</c:v>
                </c:pt>
                <c:pt idx="46">
                  <c:v>8.8890571594238299</c:v>
                </c:pt>
                <c:pt idx="47">
                  <c:v>8.9341917037963903</c:v>
                </c:pt>
                <c:pt idx="48">
                  <c:v>8.9622097015380895</c:v>
                </c:pt>
                <c:pt idx="49">
                  <c:v>9.1054944992065394</c:v>
                </c:pt>
                <c:pt idx="50">
                  <c:v>8.6628913879394496</c:v>
                </c:pt>
                <c:pt idx="51">
                  <c:v>10.0211696624756</c:v>
                </c:pt>
                <c:pt idx="52">
                  <c:v>10.0824890136719</c:v>
                </c:pt>
                <c:pt idx="53">
                  <c:v>10.417060852050801</c:v>
                </c:pt>
                <c:pt idx="54">
                  <c:v>11.655317306518601</c:v>
                </c:pt>
                <c:pt idx="55">
                  <c:v>10.6605224609375</c:v>
                </c:pt>
                <c:pt idx="56">
                  <c:v>11.3263101577759</c:v>
                </c:pt>
                <c:pt idx="57">
                  <c:v>12.687191963195801</c:v>
                </c:pt>
                <c:pt idx="58">
                  <c:v>12.334489822387701</c:v>
                </c:pt>
                <c:pt idx="59">
                  <c:v>13.8570289611816</c:v>
                </c:pt>
                <c:pt idx="60">
                  <c:v>12.7521648406982</c:v>
                </c:pt>
                <c:pt idx="61">
                  <c:v>14.758405685424799</c:v>
                </c:pt>
                <c:pt idx="62">
                  <c:v>14.333830833435099</c:v>
                </c:pt>
                <c:pt idx="63">
                  <c:v>15.5648288726807</c:v>
                </c:pt>
                <c:pt idx="64">
                  <c:v>15.914989471435501</c:v>
                </c:pt>
                <c:pt idx="65">
                  <c:v>17.106462478637699</c:v>
                </c:pt>
                <c:pt idx="66">
                  <c:v>18.280021667480501</c:v>
                </c:pt>
                <c:pt idx="67">
                  <c:v>18.916139602661101</c:v>
                </c:pt>
                <c:pt idx="68">
                  <c:v>20.002952575683601</c:v>
                </c:pt>
                <c:pt idx="69">
                  <c:v>19.71457862854</c:v>
                </c:pt>
                <c:pt idx="70">
                  <c:v>20.7210998535156</c:v>
                </c:pt>
                <c:pt idx="71">
                  <c:v>20.665767669677699</c:v>
                </c:pt>
                <c:pt idx="72">
                  <c:v>21.604469299316399</c:v>
                </c:pt>
                <c:pt idx="73">
                  <c:v>20.527408599853501</c:v>
                </c:pt>
                <c:pt idx="74">
                  <c:v>20.585748672485401</c:v>
                </c:pt>
                <c:pt idx="75">
                  <c:v>22.074424743652301</c:v>
                </c:pt>
                <c:pt idx="76">
                  <c:v>23.203367233276399</c:v>
                </c:pt>
                <c:pt idx="77">
                  <c:v>23.0885524749756</c:v>
                </c:pt>
                <c:pt idx="78">
                  <c:v>28.098505020141602</c:v>
                </c:pt>
                <c:pt idx="79">
                  <c:v>27.8318576812744</c:v>
                </c:pt>
                <c:pt idx="80">
                  <c:v>27.939533233642599</c:v>
                </c:pt>
                <c:pt idx="81">
                  <c:v>27.725162506103501</c:v>
                </c:pt>
                <c:pt idx="82">
                  <c:v>28.224433898925799</c:v>
                </c:pt>
                <c:pt idx="83">
                  <c:v>27.590330123901399</c:v>
                </c:pt>
                <c:pt idx="84">
                  <c:v>28.605426788330099</c:v>
                </c:pt>
                <c:pt idx="85">
                  <c:v>29.339941024780298</c:v>
                </c:pt>
                <c:pt idx="86">
                  <c:v>28.606489181518601</c:v>
                </c:pt>
                <c:pt idx="87">
                  <c:v>28.3015460968018</c:v>
                </c:pt>
                <c:pt idx="88">
                  <c:v>28.682249069213899</c:v>
                </c:pt>
                <c:pt idx="89">
                  <c:v>26.825954437255898</c:v>
                </c:pt>
                <c:pt idx="90">
                  <c:v>30.365566253662099</c:v>
                </c:pt>
                <c:pt idx="91">
                  <c:v>29.559242248535199</c:v>
                </c:pt>
                <c:pt idx="92">
                  <c:v>31.7869968414307</c:v>
                </c:pt>
                <c:pt idx="93">
                  <c:v>28.965246200561499</c:v>
                </c:pt>
                <c:pt idx="94">
                  <c:v>31.857803344726602</c:v>
                </c:pt>
                <c:pt idx="95">
                  <c:v>29.823616027831999</c:v>
                </c:pt>
                <c:pt idx="96">
                  <c:v>33.203380584716797</c:v>
                </c:pt>
                <c:pt idx="97">
                  <c:v>30.628860473632798</c:v>
                </c:pt>
                <c:pt idx="98">
                  <c:v>31.759687423706101</c:v>
                </c:pt>
                <c:pt idx="99">
                  <c:v>32.235271453857401</c:v>
                </c:pt>
                <c:pt idx="100">
                  <c:v>33.620597839355497</c:v>
                </c:pt>
                <c:pt idx="101">
                  <c:v>31.543287277221701</c:v>
                </c:pt>
                <c:pt idx="102">
                  <c:v>27.253370285034201</c:v>
                </c:pt>
                <c:pt idx="103">
                  <c:v>29.692102432251001</c:v>
                </c:pt>
                <c:pt idx="104">
                  <c:v>32.709716796875</c:v>
                </c:pt>
                <c:pt idx="105">
                  <c:v>33.953392028808601</c:v>
                </c:pt>
                <c:pt idx="106">
                  <c:v>31.873296737670898</c:v>
                </c:pt>
                <c:pt idx="107">
                  <c:v>31.5616550445557</c:v>
                </c:pt>
                <c:pt idx="108">
                  <c:v>32.137645721435497</c:v>
                </c:pt>
                <c:pt idx="109">
                  <c:v>33.317619323730497</c:v>
                </c:pt>
                <c:pt idx="110">
                  <c:v>33.476413726806598</c:v>
                </c:pt>
                <c:pt idx="111">
                  <c:v>33.347789764404297</c:v>
                </c:pt>
                <c:pt idx="112">
                  <c:v>32.892753601074197</c:v>
                </c:pt>
                <c:pt idx="113">
                  <c:v>31.954139709472699</c:v>
                </c:pt>
                <c:pt idx="114">
                  <c:v>32.504001617431598</c:v>
                </c:pt>
                <c:pt idx="115">
                  <c:v>33.606292724609403</c:v>
                </c:pt>
                <c:pt idx="116">
                  <c:v>31.419582366943398</c:v>
                </c:pt>
                <c:pt idx="117">
                  <c:v>33.4174995422363</c:v>
                </c:pt>
                <c:pt idx="118">
                  <c:v>30.9144382476807</c:v>
                </c:pt>
                <c:pt idx="119">
                  <c:v>30.829715728759801</c:v>
                </c:pt>
                <c:pt idx="120">
                  <c:v>30.651380538940401</c:v>
                </c:pt>
                <c:pt idx="121">
                  <c:v>35.309066772460902</c:v>
                </c:pt>
                <c:pt idx="122">
                  <c:v>34.522182464599602</c:v>
                </c:pt>
                <c:pt idx="123">
                  <c:v>34.742870330810497</c:v>
                </c:pt>
                <c:pt idx="124">
                  <c:v>33.6827201843262</c:v>
                </c:pt>
                <c:pt idx="125">
                  <c:v>32.732414245605497</c:v>
                </c:pt>
                <c:pt idx="126">
                  <c:v>30.8369750976563</c:v>
                </c:pt>
                <c:pt idx="127">
                  <c:v>29.591819763183601</c:v>
                </c:pt>
                <c:pt idx="128">
                  <c:v>30.4652423858643</c:v>
                </c:pt>
                <c:pt idx="129">
                  <c:v>31.429716110229499</c:v>
                </c:pt>
                <c:pt idx="130">
                  <c:v>31.971818923950199</c:v>
                </c:pt>
                <c:pt idx="131">
                  <c:v>31.746213912963899</c:v>
                </c:pt>
                <c:pt idx="132">
                  <c:v>28.403053283691399</c:v>
                </c:pt>
                <c:pt idx="133">
                  <c:v>32.265861511230497</c:v>
                </c:pt>
                <c:pt idx="134">
                  <c:v>26.954013824462901</c:v>
                </c:pt>
                <c:pt idx="135">
                  <c:v>31.873994827270501</c:v>
                </c:pt>
                <c:pt idx="136">
                  <c:v>26.0102424621582</c:v>
                </c:pt>
                <c:pt idx="137">
                  <c:v>29.8302917480469</c:v>
                </c:pt>
                <c:pt idx="138">
                  <c:v>26.119319915771499</c:v>
                </c:pt>
                <c:pt idx="139">
                  <c:v>26.921859741210898</c:v>
                </c:pt>
                <c:pt idx="140">
                  <c:v>25.9656982421875</c:v>
                </c:pt>
                <c:pt idx="141">
                  <c:v>27.3577556610107</c:v>
                </c:pt>
                <c:pt idx="142">
                  <c:v>26.554374694824201</c:v>
                </c:pt>
                <c:pt idx="143">
                  <c:v>26.0872898101807</c:v>
                </c:pt>
                <c:pt idx="144">
                  <c:v>25.0494174957275</c:v>
                </c:pt>
                <c:pt idx="145">
                  <c:v>25.563959121704102</c:v>
                </c:pt>
                <c:pt idx="146">
                  <c:v>25.1692600250244</c:v>
                </c:pt>
                <c:pt idx="147">
                  <c:v>25.288480758666999</c:v>
                </c:pt>
                <c:pt idx="148">
                  <c:v>25.178480148315401</c:v>
                </c:pt>
                <c:pt idx="149">
                  <c:v>24.523992538452099</c:v>
                </c:pt>
                <c:pt idx="150">
                  <c:v>23.167650222778299</c:v>
                </c:pt>
                <c:pt idx="151">
                  <c:v>23.443641662597699</c:v>
                </c:pt>
                <c:pt idx="152">
                  <c:v>23.247676849365199</c:v>
                </c:pt>
                <c:pt idx="153">
                  <c:v>23.2411918640137</c:v>
                </c:pt>
                <c:pt idx="154">
                  <c:v>21.863731384277301</c:v>
                </c:pt>
                <c:pt idx="155">
                  <c:v>21.274581909179702</c:v>
                </c:pt>
                <c:pt idx="156">
                  <c:v>21.007247924804702</c:v>
                </c:pt>
                <c:pt idx="157">
                  <c:v>19.755458831787099</c:v>
                </c:pt>
                <c:pt idx="158">
                  <c:v>20.0725288391113</c:v>
                </c:pt>
                <c:pt idx="159">
                  <c:v>19.231727600097699</c:v>
                </c:pt>
                <c:pt idx="160">
                  <c:v>18.4811611175537</c:v>
                </c:pt>
                <c:pt idx="161">
                  <c:v>17.894260406494102</c:v>
                </c:pt>
                <c:pt idx="162">
                  <c:v>17.5683288574219</c:v>
                </c:pt>
                <c:pt idx="163">
                  <c:v>16.094753265380898</c:v>
                </c:pt>
                <c:pt idx="164">
                  <c:v>15.0521049499512</c:v>
                </c:pt>
                <c:pt idx="165">
                  <c:v>12.771582603454601</c:v>
                </c:pt>
                <c:pt idx="166">
                  <c:v>14.3796138763428</c:v>
                </c:pt>
                <c:pt idx="167">
                  <c:v>11.910255432128899</c:v>
                </c:pt>
                <c:pt idx="168">
                  <c:v>12.839241027831999</c:v>
                </c:pt>
                <c:pt idx="169">
                  <c:v>12.109113693237299</c:v>
                </c:pt>
                <c:pt idx="170">
                  <c:v>11.2090559005737</c:v>
                </c:pt>
                <c:pt idx="171">
                  <c:v>12.349209785461399</c:v>
                </c:pt>
                <c:pt idx="172">
                  <c:v>10.2784328460693</c:v>
                </c:pt>
                <c:pt idx="173">
                  <c:v>10.140631675720201</c:v>
                </c:pt>
                <c:pt idx="174">
                  <c:v>9.6062555313110405</c:v>
                </c:pt>
                <c:pt idx="175">
                  <c:v>10.4518394470215</c:v>
                </c:pt>
                <c:pt idx="176">
                  <c:v>9.1740684509277308</c:v>
                </c:pt>
                <c:pt idx="177">
                  <c:v>9.5105085372924805</c:v>
                </c:pt>
                <c:pt idx="178">
                  <c:v>8.58630275726318</c:v>
                </c:pt>
                <c:pt idx="179">
                  <c:v>9.0800437927246094</c:v>
                </c:pt>
                <c:pt idx="180">
                  <c:v>8.1326322555541992</c:v>
                </c:pt>
                <c:pt idx="181">
                  <c:v>7.8998770713806197</c:v>
                </c:pt>
                <c:pt idx="182">
                  <c:v>7.3673777580261204</c:v>
                </c:pt>
                <c:pt idx="183">
                  <c:v>7.8751087188720703</c:v>
                </c:pt>
                <c:pt idx="184">
                  <c:v>7.3566417694091797</c:v>
                </c:pt>
                <c:pt idx="185">
                  <c:v>7.62127780914307</c:v>
                </c:pt>
                <c:pt idx="186">
                  <c:v>7.1052732467651403</c:v>
                </c:pt>
                <c:pt idx="187">
                  <c:v>7.3359618186950701</c:v>
                </c:pt>
                <c:pt idx="188">
                  <c:v>7.54549312591553</c:v>
                </c:pt>
                <c:pt idx="189">
                  <c:v>6.2514152526855504</c:v>
                </c:pt>
                <c:pt idx="190">
                  <c:v>6.7852048873901403</c:v>
                </c:pt>
                <c:pt idx="191">
                  <c:v>6.8506603240966797</c:v>
                </c:pt>
                <c:pt idx="192">
                  <c:v>6.2750725746154803</c:v>
                </c:pt>
                <c:pt idx="193">
                  <c:v>6.0237259864807102</c:v>
                </c:pt>
                <c:pt idx="194">
                  <c:v>5.6464262008667001</c:v>
                </c:pt>
                <c:pt idx="195">
                  <c:v>5.7002043724060103</c:v>
                </c:pt>
                <c:pt idx="196">
                  <c:v>5.4117660522460902</c:v>
                </c:pt>
                <c:pt idx="197">
                  <c:v>4.7272706031799299</c:v>
                </c:pt>
                <c:pt idx="198">
                  <c:v>3.8621902465820299</c:v>
                </c:pt>
                <c:pt idx="199">
                  <c:v>3.3620562553405802</c:v>
                </c:pt>
                <c:pt idx="200">
                  <c:v>3.0237021446228001</c:v>
                </c:pt>
                <c:pt idx="201">
                  <c:v>3.1025576591491699</c:v>
                </c:pt>
                <c:pt idx="202">
                  <c:v>2.5851566791534402</c:v>
                </c:pt>
                <c:pt idx="203">
                  <c:v>2.4264161586761501</c:v>
                </c:pt>
                <c:pt idx="204">
                  <c:v>2.0527510643005402</c:v>
                </c:pt>
                <c:pt idx="205">
                  <c:v>2.0599737167358398</c:v>
                </c:pt>
                <c:pt idx="206">
                  <c:v>1.7783945798873899</c:v>
                </c:pt>
                <c:pt idx="207">
                  <c:v>1.7703652381896999</c:v>
                </c:pt>
                <c:pt idx="208">
                  <c:v>1.49573194980621</c:v>
                </c:pt>
                <c:pt idx="209">
                  <c:v>1.22960245609283</c:v>
                </c:pt>
                <c:pt idx="210">
                  <c:v>1.3546395301818801</c:v>
                </c:pt>
                <c:pt idx="211">
                  <c:v>1.1176674365997299</c:v>
                </c:pt>
                <c:pt idx="212">
                  <c:v>1.0283637046814</c:v>
                </c:pt>
                <c:pt idx="213">
                  <c:v>0.93725186586380005</c:v>
                </c:pt>
                <c:pt idx="214">
                  <c:v>0.734005987644196</c:v>
                </c:pt>
                <c:pt idx="215">
                  <c:v>0.66787904500961304</c:v>
                </c:pt>
                <c:pt idx="216">
                  <c:v>0.58326518535614003</c:v>
                </c:pt>
                <c:pt idx="217">
                  <c:v>0.449953943490982</c:v>
                </c:pt>
                <c:pt idx="218">
                  <c:v>0.40269923210143999</c:v>
                </c:pt>
                <c:pt idx="219">
                  <c:v>0.33787089586257901</c:v>
                </c:pt>
                <c:pt idx="220">
                  <c:v>0.23005592823028601</c:v>
                </c:pt>
                <c:pt idx="221">
                  <c:v>0.20615193247795099</c:v>
                </c:pt>
                <c:pt idx="222">
                  <c:v>3.5563524812459897E-2</c:v>
                </c:pt>
                <c:pt idx="223">
                  <c:v>6.0135748237371403E-2</c:v>
                </c:pt>
                <c:pt idx="224">
                  <c:v>9.5596807077526994E-3</c:v>
                </c:pt>
                <c:pt idx="225">
                  <c:v>1.23124988749623E-2</c:v>
                </c:pt>
                <c:pt idx="226">
                  <c:v>7.0192860439419703E-3</c:v>
                </c:pt>
                <c:pt idx="227">
                  <c:v>3.7738073617219897E-2</c:v>
                </c:pt>
                <c:pt idx="228">
                  <c:v>5.3444545716047301E-2</c:v>
                </c:pt>
                <c:pt idx="229">
                  <c:v>1.6886333469301499E-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ACC5-4DC4-8FFA-936D652CDFA9}"/>
            </c:ext>
          </c:extLst>
        </c:ser>
        <c:ser>
          <c:idx val="5"/>
          <c:order val="5"/>
          <c:tx>
            <c:v>5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_27_01_bss_1_3_thixotropy_5_1_r!$F$2:$F$231</c:f>
              <c:numCache>
                <c:formatCode>General</c:formatCode>
                <c:ptCount val="230"/>
                <c:pt idx="0">
                  <c:v>0.92746990919113204</c:v>
                </c:pt>
                <c:pt idx="1">
                  <c:v>1.9263508319854701</c:v>
                </c:pt>
                <c:pt idx="2">
                  <c:v>2.9294867515564</c:v>
                </c:pt>
                <c:pt idx="3">
                  <c:v>3.9254999160766602</c:v>
                </c:pt>
                <c:pt idx="4">
                  <c:v>4.9271521568298304</c:v>
                </c:pt>
                <c:pt idx="5">
                  <c:v>5.9281988143920898</c:v>
                </c:pt>
                <c:pt idx="6">
                  <c:v>6.9261608123779297</c:v>
                </c:pt>
                <c:pt idx="7">
                  <c:v>7.9247994422912598</c:v>
                </c:pt>
                <c:pt idx="8">
                  <c:v>8.9291582107543892</c:v>
                </c:pt>
                <c:pt idx="9">
                  <c:v>9.9269618988037092</c:v>
                </c:pt>
                <c:pt idx="10">
                  <c:v>10.9275369644165</c:v>
                </c:pt>
                <c:pt idx="11">
                  <c:v>11.9258527755737</c:v>
                </c:pt>
                <c:pt idx="12">
                  <c:v>12.9248647689819</c:v>
                </c:pt>
                <c:pt idx="13">
                  <c:v>13.927141189575201</c:v>
                </c:pt>
                <c:pt idx="14">
                  <c:v>14.9267492294312</c:v>
                </c:pt>
                <c:pt idx="15">
                  <c:v>15.929573059081999</c:v>
                </c:pt>
                <c:pt idx="16">
                  <c:v>16.929315567016602</c:v>
                </c:pt>
                <c:pt idx="17">
                  <c:v>17.928138732910199</c:v>
                </c:pt>
                <c:pt idx="18">
                  <c:v>18.929069519043001</c:v>
                </c:pt>
                <c:pt idx="19">
                  <c:v>19.928846359252901</c:v>
                </c:pt>
                <c:pt idx="20">
                  <c:v>20.928342819213899</c:v>
                </c:pt>
                <c:pt idx="21">
                  <c:v>21.927986145019499</c:v>
                </c:pt>
                <c:pt idx="22">
                  <c:v>22.927978515625</c:v>
                </c:pt>
                <c:pt idx="23">
                  <c:v>23.9278678894043</c:v>
                </c:pt>
                <c:pt idx="24">
                  <c:v>24.927385330200199</c:v>
                </c:pt>
                <c:pt idx="25">
                  <c:v>25.927171707153299</c:v>
                </c:pt>
                <c:pt idx="26">
                  <c:v>26.926836013793899</c:v>
                </c:pt>
                <c:pt idx="27">
                  <c:v>27.9267063140869</c:v>
                </c:pt>
                <c:pt idx="28">
                  <c:v>28.926446914672901</c:v>
                </c:pt>
                <c:pt idx="29">
                  <c:v>29.9261074066162</c:v>
                </c:pt>
                <c:pt idx="30">
                  <c:v>30.925786972045898</c:v>
                </c:pt>
                <c:pt idx="31">
                  <c:v>31.9256896972656</c:v>
                </c:pt>
                <c:pt idx="32">
                  <c:v>32.925548553466797</c:v>
                </c:pt>
                <c:pt idx="33">
                  <c:v>33.925224304199197</c:v>
                </c:pt>
                <c:pt idx="34">
                  <c:v>34.924922943115199</c:v>
                </c:pt>
                <c:pt idx="35">
                  <c:v>35.924758911132798</c:v>
                </c:pt>
                <c:pt idx="36">
                  <c:v>36.924514770507798</c:v>
                </c:pt>
                <c:pt idx="37">
                  <c:v>37.923812866210902</c:v>
                </c:pt>
                <c:pt idx="38">
                  <c:v>38.924076080322301</c:v>
                </c:pt>
                <c:pt idx="39">
                  <c:v>39.923618316650398</c:v>
                </c:pt>
                <c:pt idx="40">
                  <c:v>40.923313140869098</c:v>
                </c:pt>
                <c:pt idx="41">
                  <c:v>41.923255920410199</c:v>
                </c:pt>
                <c:pt idx="42">
                  <c:v>42.922985076904297</c:v>
                </c:pt>
                <c:pt idx="43">
                  <c:v>43.922679901122997</c:v>
                </c:pt>
                <c:pt idx="44">
                  <c:v>44.922519683837898</c:v>
                </c:pt>
                <c:pt idx="45">
                  <c:v>45.921962738037102</c:v>
                </c:pt>
                <c:pt idx="46">
                  <c:v>46.921974182128899</c:v>
                </c:pt>
                <c:pt idx="47">
                  <c:v>47.921848297119098</c:v>
                </c:pt>
                <c:pt idx="48">
                  <c:v>48.921581268310497</c:v>
                </c:pt>
                <c:pt idx="49">
                  <c:v>49.921382904052699</c:v>
                </c:pt>
                <c:pt idx="50">
                  <c:v>50.9210205078125</c:v>
                </c:pt>
                <c:pt idx="51">
                  <c:v>51.920719146728501</c:v>
                </c:pt>
                <c:pt idx="52">
                  <c:v>52.920608520507798</c:v>
                </c:pt>
                <c:pt idx="53">
                  <c:v>53.920452117919901</c:v>
                </c:pt>
                <c:pt idx="54">
                  <c:v>54.920120239257798</c:v>
                </c:pt>
                <c:pt idx="55">
                  <c:v>55.920120239257798</c:v>
                </c:pt>
                <c:pt idx="56">
                  <c:v>56.919620513916001</c:v>
                </c:pt>
                <c:pt idx="57">
                  <c:v>57.919296264648402</c:v>
                </c:pt>
                <c:pt idx="58">
                  <c:v>58.9191703796387</c:v>
                </c:pt>
                <c:pt idx="59">
                  <c:v>59.918872833252003</c:v>
                </c:pt>
                <c:pt idx="60">
                  <c:v>60.918567657470703</c:v>
                </c:pt>
                <c:pt idx="61">
                  <c:v>61.918384552002003</c:v>
                </c:pt>
                <c:pt idx="62">
                  <c:v>62.918167114257798</c:v>
                </c:pt>
                <c:pt idx="63">
                  <c:v>63.917877197265597</c:v>
                </c:pt>
                <c:pt idx="64">
                  <c:v>64.917755126953097</c:v>
                </c:pt>
                <c:pt idx="65">
                  <c:v>65.917419433593807</c:v>
                </c:pt>
                <c:pt idx="66">
                  <c:v>66.917121887207003</c:v>
                </c:pt>
                <c:pt idx="67">
                  <c:v>67.916976928710895</c:v>
                </c:pt>
                <c:pt idx="68">
                  <c:v>68.916755676269503</c:v>
                </c:pt>
                <c:pt idx="69">
                  <c:v>69.916564941406307</c:v>
                </c:pt>
                <c:pt idx="70">
                  <c:v>70.915954589843807</c:v>
                </c:pt>
                <c:pt idx="71">
                  <c:v>71.915885925292997</c:v>
                </c:pt>
                <c:pt idx="72">
                  <c:v>72.915954589843807</c:v>
                </c:pt>
                <c:pt idx="73">
                  <c:v>73.915519714355497</c:v>
                </c:pt>
                <c:pt idx="74">
                  <c:v>74.915328979492202</c:v>
                </c:pt>
                <c:pt idx="75">
                  <c:v>75.914932250976605</c:v>
                </c:pt>
                <c:pt idx="76">
                  <c:v>76.914642333984403</c:v>
                </c:pt>
                <c:pt idx="77">
                  <c:v>77.914482116699205</c:v>
                </c:pt>
                <c:pt idx="78">
                  <c:v>78.914199829101605</c:v>
                </c:pt>
                <c:pt idx="79">
                  <c:v>79.914016723632798</c:v>
                </c:pt>
                <c:pt idx="80">
                  <c:v>80.913711547851605</c:v>
                </c:pt>
                <c:pt idx="81">
                  <c:v>81.913436889648395</c:v>
                </c:pt>
                <c:pt idx="82">
                  <c:v>82.913307189941406</c:v>
                </c:pt>
                <c:pt idx="83">
                  <c:v>83.913040161132798</c:v>
                </c:pt>
                <c:pt idx="84">
                  <c:v>84.912704467773395</c:v>
                </c:pt>
                <c:pt idx="85">
                  <c:v>85.912490844726605</c:v>
                </c:pt>
                <c:pt idx="86">
                  <c:v>86.912300109863295</c:v>
                </c:pt>
                <c:pt idx="87">
                  <c:v>87.911956787109403</c:v>
                </c:pt>
                <c:pt idx="88">
                  <c:v>88.911720275878906</c:v>
                </c:pt>
                <c:pt idx="89">
                  <c:v>89.911590576171903</c:v>
                </c:pt>
                <c:pt idx="90">
                  <c:v>90.911033630371094</c:v>
                </c:pt>
                <c:pt idx="91">
                  <c:v>91.911392211914105</c:v>
                </c:pt>
                <c:pt idx="92">
                  <c:v>92.910713195800795</c:v>
                </c:pt>
                <c:pt idx="93">
                  <c:v>93.910774230957003</c:v>
                </c:pt>
                <c:pt idx="94">
                  <c:v>94.910606384277301</c:v>
                </c:pt>
                <c:pt idx="95">
                  <c:v>95.9100341796875</c:v>
                </c:pt>
                <c:pt idx="96">
                  <c:v>96.909957885742202</c:v>
                </c:pt>
                <c:pt idx="97">
                  <c:v>97.909599304199205</c:v>
                </c:pt>
                <c:pt idx="98">
                  <c:v>98.909469604492202</c:v>
                </c:pt>
                <c:pt idx="99">
                  <c:v>99.909149169921903</c:v>
                </c:pt>
                <c:pt idx="100">
                  <c:v>9.9998235702514595</c:v>
                </c:pt>
                <c:pt idx="101">
                  <c:v>10.0002136230469</c:v>
                </c:pt>
                <c:pt idx="102">
                  <c:v>10.0000553131104</c:v>
                </c:pt>
                <c:pt idx="103">
                  <c:v>9.9998998641967791</c:v>
                </c:pt>
                <c:pt idx="104">
                  <c:v>9.9998989105224592</c:v>
                </c:pt>
                <c:pt idx="105">
                  <c:v>9.9999074935913104</c:v>
                </c:pt>
                <c:pt idx="106">
                  <c:v>10.000013351440399</c:v>
                </c:pt>
                <c:pt idx="107">
                  <c:v>9.9998493194580096</c:v>
                </c:pt>
                <c:pt idx="108">
                  <c:v>10.0000953674316</c:v>
                </c:pt>
                <c:pt idx="109">
                  <c:v>10.000080108642599</c:v>
                </c:pt>
                <c:pt idx="110">
                  <c:v>9.9999790191650408</c:v>
                </c:pt>
                <c:pt idx="111">
                  <c:v>10.0000057220459</c:v>
                </c:pt>
                <c:pt idx="112">
                  <c:v>9.99993991851807</c:v>
                </c:pt>
                <c:pt idx="113">
                  <c:v>10.0002098083496</c:v>
                </c:pt>
                <c:pt idx="114">
                  <c:v>10.000036239624</c:v>
                </c:pt>
                <c:pt idx="115">
                  <c:v>9.9998569488525408</c:v>
                </c:pt>
                <c:pt idx="116">
                  <c:v>9.9999561309814506</c:v>
                </c:pt>
                <c:pt idx="117">
                  <c:v>9.9996814727783203</c:v>
                </c:pt>
                <c:pt idx="118">
                  <c:v>9.9998846054077095</c:v>
                </c:pt>
                <c:pt idx="119">
                  <c:v>10.0004940032959</c:v>
                </c:pt>
                <c:pt idx="120">
                  <c:v>9.9999217987060494</c:v>
                </c:pt>
                <c:pt idx="121">
                  <c:v>10.000313758850099</c:v>
                </c:pt>
                <c:pt idx="122">
                  <c:v>10.0003757476807</c:v>
                </c:pt>
                <c:pt idx="123">
                  <c:v>9.9995050430297905</c:v>
                </c:pt>
                <c:pt idx="124">
                  <c:v>9.9999094009399396</c:v>
                </c:pt>
                <c:pt idx="125">
                  <c:v>10.000500679016101</c:v>
                </c:pt>
                <c:pt idx="126">
                  <c:v>10.000328063964799</c:v>
                </c:pt>
                <c:pt idx="127">
                  <c:v>9.9997653961181605</c:v>
                </c:pt>
                <c:pt idx="128">
                  <c:v>10.0007619857788</c:v>
                </c:pt>
                <c:pt idx="129">
                  <c:v>9.9990234375</c:v>
                </c:pt>
                <c:pt idx="130">
                  <c:v>99.074867248535199</c:v>
                </c:pt>
                <c:pt idx="131">
                  <c:v>98.072578430175795</c:v>
                </c:pt>
                <c:pt idx="132">
                  <c:v>97.073051452636705</c:v>
                </c:pt>
                <c:pt idx="133">
                  <c:v>96.0731201171875</c:v>
                </c:pt>
                <c:pt idx="134">
                  <c:v>95.076057434082003</c:v>
                </c:pt>
                <c:pt idx="135">
                  <c:v>94.076972961425795</c:v>
                </c:pt>
                <c:pt idx="136">
                  <c:v>93.074447631835895</c:v>
                </c:pt>
                <c:pt idx="137">
                  <c:v>92.0750732421875</c:v>
                </c:pt>
                <c:pt idx="138">
                  <c:v>91.074562072753906</c:v>
                </c:pt>
                <c:pt idx="139">
                  <c:v>90.078018188476605</c:v>
                </c:pt>
                <c:pt idx="140">
                  <c:v>89.078697204589801</c:v>
                </c:pt>
                <c:pt idx="141">
                  <c:v>88.075027465820298</c:v>
                </c:pt>
                <c:pt idx="142">
                  <c:v>87.074714660644503</c:v>
                </c:pt>
                <c:pt idx="143">
                  <c:v>86.078292846679702</c:v>
                </c:pt>
                <c:pt idx="144">
                  <c:v>85.078483581542997</c:v>
                </c:pt>
                <c:pt idx="145">
                  <c:v>84.079132080078097</c:v>
                </c:pt>
                <c:pt idx="146">
                  <c:v>83.076843261718807</c:v>
                </c:pt>
                <c:pt idx="147">
                  <c:v>82.079277038574205</c:v>
                </c:pt>
                <c:pt idx="148">
                  <c:v>81.076095581054702</c:v>
                </c:pt>
                <c:pt idx="149">
                  <c:v>80.077354431152301</c:v>
                </c:pt>
                <c:pt idx="150">
                  <c:v>79.077590942382798</c:v>
                </c:pt>
                <c:pt idx="151">
                  <c:v>78.077598571777301</c:v>
                </c:pt>
                <c:pt idx="152">
                  <c:v>77.078056335449205</c:v>
                </c:pt>
                <c:pt idx="153">
                  <c:v>76.077659606933594</c:v>
                </c:pt>
                <c:pt idx="154">
                  <c:v>75.078338623046903</c:v>
                </c:pt>
                <c:pt idx="155">
                  <c:v>74.079093933105497</c:v>
                </c:pt>
                <c:pt idx="156">
                  <c:v>73.07470703125</c:v>
                </c:pt>
                <c:pt idx="157">
                  <c:v>72.079795837402301</c:v>
                </c:pt>
                <c:pt idx="158">
                  <c:v>71.079750061035199</c:v>
                </c:pt>
                <c:pt idx="159">
                  <c:v>70.079742431640597</c:v>
                </c:pt>
                <c:pt idx="160">
                  <c:v>69.079978942871094</c:v>
                </c:pt>
                <c:pt idx="161">
                  <c:v>68.080215454101605</c:v>
                </c:pt>
                <c:pt idx="162">
                  <c:v>67.080322265625</c:v>
                </c:pt>
                <c:pt idx="163">
                  <c:v>66.080650329589801</c:v>
                </c:pt>
                <c:pt idx="164">
                  <c:v>65.080894470214801</c:v>
                </c:pt>
                <c:pt idx="165">
                  <c:v>64.081130981445298</c:v>
                </c:pt>
                <c:pt idx="166">
                  <c:v>63.081325531005902</c:v>
                </c:pt>
                <c:pt idx="167">
                  <c:v>62.081703186035199</c:v>
                </c:pt>
                <c:pt idx="168">
                  <c:v>61.082004547119098</c:v>
                </c:pt>
                <c:pt idx="169">
                  <c:v>60.082073211669901</c:v>
                </c:pt>
                <c:pt idx="170">
                  <c:v>59.082374572753899</c:v>
                </c:pt>
                <c:pt idx="171">
                  <c:v>58.082557678222699</c:v>
                </c:pt>
                <c:pt idx="172">
                  <c:v>57.082790374755902</c:v>
                </c:pt>
                <c:pt idx="173">
                  <c:v>56.083118438720703</c:v>
                </c:pt>
                <c:pt idx="174">
                  <c:v>55.083263397216797</c:v>
                </c:pt>
                <c:pt idx="175">
                  <c:v>54.0837211608887</c:v>
                </c:pt>
                <c:pt idx="176">
                  <c:v>53.083770751953097</c:v>
                </c:pt>
                <c:pt idx="177">
                  <c:v>52.084220886230497</c:v>
                </c:pt>
                <c:pt idx="178">
                  <c:v>51.084255218505902</c:v>
                </c:pt>
                <c:pt idx="179">
                  <c:v>50.0845756530762</c:v>
                </c:pt>
                <c:pt idx="180">
                  <c:v>49.0848197937012</c:v>
                </c:pt>
                <c:pt idx="181">
                  <c:v>48.084716796875</c:v>
                </c:pt>
                <c:pt idx="182">
                  <c:v>47.085056304931598</c:v>
                </c:pt>
                <c:pt idx="183">
                  <c:v>46.085147857666001</c:v>
                </c:pt>
                <c:pt idx="184">
                  <c:v>45.085891723632798</c:v>
                </c:pt>
                <c:pt idx="185">
                  <c:v>44.086032867431598</c:v>
                </c:pt>
                <c:pt idx="186">
                  <c:v>43.085762023925803</c:v>
                </c:pt>
                <c:pt idx="187">
                  <c:v>42.086582183837898</c:v>
                </c:pt>
                <c:pt idx="188">
                  <c:v>41.086864471435497</c:v>
                </c:pt>
                <c:pt idx="189">
                  <c:v>40.087043762207003</c:v>
                </c:pt>
                <c:pt idx="190">
                  <c:v>39.0871772766113</c:v>
                </c:pt>
                <c:pt idx="191">
                  <c:v>38.087356567382798</c:v>
                </c:pt>
                <c:pt idx="192">
                  <c:v>37.0879936218262</c:v>
                </c:pt>
                <c:pt idx="193">
                  <c:v>36.088138580322301</c:v>
                </c:pt>
                <c:pt idx="194">
                  <c:v>35.088283538818402</c:v>
                </c:pt>
                <c:pt idx="195">
                  <c:v>34.088504791259801</c:v>
                </c:pt>
                <c:pt idx="196">
                  <c:v>33.088722229003899</c:v>
                </c:pt>
                <c:pt idx="197">
                  <c:v>32.088737487792997</c:v>
                </c:pt>
                <c:pt idx="198">
                  <c:v>31.089210510253899</c:v>
                </c:pt>
                <c:pt idx="199">
                  <c:v>30.089490890502901</c:v>
                </c:pt>
                <c:pt idx="200">
                  <c:v>29.089912414550799</c:v>
                </c:pt>
                <c:pt idx="201">
                  <c:v>28.089931488037099</c:v>
                </c:pt>
                <c:pt idx="202">
                  <c:v>27.0901699066162</c:v>
                </c:pt>
                <c:pt idx="203">
                  <c:v>26.0903835296631</c:v>
                </c:pt>
                <c:pt idx="204">
                  <c:v>25.090610504150401</c:v>
                </c:pt>
                <c:pt idx="205">
                  <c:v>24.090980529785199</c:v>
                </c:pt>
                <c:pt idx="206">
                  <c:v>23.0911159515381</c:v>
                </c:pt>
                <c:pt idx="207">
                  <c:v>22.091373443603501</c:v>
                </c:pt>
                <c:pt idx="208">
                  <c:v>21.091596603393601</c:v>
                </c:pt>
                <c:pt idx="209">
                  <c:v>20.091789245605501</c:v>
                </c:pt>
                <c:pt idx="210">
                  <c:v>19.092149734497099</c:v>
                </c:pt>
                <c:pt idx="211">
                  <c:v>18.092290878295898</c:v>
                </c:pt>
                <c:pt idx="212">
                  <c:v>17.092571258544901</c:v>
                </c:pt>
                <c:pt idx="213">
                  <c:v>16.092891693115199</c:v>
                </c:pt>
                <c:pt idx="214">
                  <c:v>15.092775344848601</c:v>
                </c:pt>
                <c:pt idx="215">
                  <c:v>14.092614173889199</c:v>
                </c:pt>
                <c:pt idx="216">
                  <c:v>13.0926570892334</c:v>
                </c:pt>
                <c:pt idx="217">
                  <c:v>12.092460632324199</c:v>
                </c:pt>
                <c:pt idx="218">
                  <c:v>11.0924644470215</c:v>
                </c:pt>
                <c:pt idx="219">
                  <c:v>10.0923051834106</c:v>
                </c:pt>
                <c:pt idx="220">
                  <c:v>9.0921173095703107</c:v>
                </c:pt>
                <c:pt idx="221">
                  <c:v>8.0919857025146502</c:v>
                </c:pt>
                <c:pt idx="222">
                  <c:v>7.0920114517211896</c:v>
                </c:pt>
                <c:pt idx="223">
                  <c:v>6.09216213226318</c:v>
                </c:pt>
                <c:pt idx="224">
                  <c:v>5.0921382904052699</c:v>
                </c:pt>
                <c:pt idx="225">
                  <c:v>4.0923447608947798</c:v>
                </c:pt>
                <c:pt idx="226">
                  <c:v>3.09224605560303</c:v>
                </c:pt>
                <c:pt idx="227">
                  <c:v>2.0923087596893302</c:v>
                </c:pt>
                <c:pt idx="228">
                  <c:v>1.09219741821289</c:v>
                </c:pt>
                <c:pt idx="229">
                  <c:v>9.2362508177757305E-2</c:v>
                </c:pt>
              </c:numCache>
            </c:numRef>
          </c:xVal>
          <c:yVal>
            <c:numRef>
              <c:f>_27_01_bss_1_3_thixotropy_5_1_r!$D$2:$D$231</c:f>
              <c:numCache>
                <c:formatCode>General</c:formatCode>
                <c:ptCount val="230"/>
                <c:pt idx="0">
                  <c:v>2633.76538085938</c:v>
                </c:pt>
                <c:pt idx="1">
                  <c:v>1693.02429199219</c:v>
                </c:pt>
                <c:pt idx="2">
                  <c:v>1227.8583984375</c:v>
                </c:pt>
                <c:pt idx="3">
                  <c:v>1027.61877441406</c:v>
                </c:pt>
                <c:pt idx="4">
                  <c:v>973.681640625</c:v>
                </c:pt>
                <c:pt idx="5">
                  <c:v>940.70538330078102</c:v>
                </c:pt>
                <c:pt idx="6">
                  <c:v>940.24914550781295</c:v>
                </c:pt>
                <c:pt idx="7">
                  <c:v>817.96661376953102</c:v>
                </c:pt>
                <c:pt idx="8">
                  <c:v>654.68084716796898</c:v>
                </c:pt>
                <c:pt idx="9">
                  <c:v>439.97540283203102</c:v>
                </c:pt>
                <c:pt idx="10">
                  <c:v>329.78924560546898</c:v>
                </c:pt>
                <c:pt idx="11">
                  <c:v>275.94610595703102</c:v>
                </c:pt>
                <c:pt idx="12">
                  <c:v>300.29086303710898</c:v>
                </c:pt>
                <c:pt idx="13">
                  <c:v>281.79690551757801</c:v>
                </c:pt>
                <c:pt idx="14">
                  <c:v>261.57360839843801</c:v>
                </c:pt>
                <c:pt idx="15">
                  <c:v>234.98208618164099</c:v>
                </c:pt>
                <c:pt idx="16">
                  <c:v>215.54087829589801</c:v>
                </c:pt>
                <c:pt idx="17">
                  <c:v>212.05113220214801</c:v>
                </c:pt>
                <c:pt idx="18">
                  <c:v>219.69422912597699</c:v>
                </c:pt>
                <c:pt idx="19">
                  <c:v>195.58985900878901</c:v>
                </c:pt>
                <c:pt idx="20">
                  <c:v>181.75172424316401</c:v>
                </c:pt>
                <c:pt idx="21">
                  <c:v>187.55522155761699</c:v>
                </c:pt>
                <c:pt idx="22">
                  <c:v>176.63552856445301</c:v>
                </c:pt>
                <c:pt idx="23">
                  <c:v>157.24450683593801</c:v>
                </c:pt>
                <c:pt idx="24">
                  <c:v>144.605392456055</c:v>
                </c:pt>
                <c:pt idx="25">
                  <c:v>133.92639160156301</c:v>
                </c:pt>
                <c:pt idx="26">
                  <c:v>139.08030700683599</c:v>
                </c:pt>
                <c:pt idx="27">
                  <c:v>115.30754852294901</c:v>
                </c:pt>
                <c:pt idx="28">
                  <c:v>107.001106262207</c:v>
                </c:pt>
                <c:pt idx="29">
                  <c:v>103.454582214355</c:v>
                </c:pt>
                <c:pt idx="30">
                  <c:v>106.960655212402</c:v>
                </c:pt>
                <c:pt idx="31">
                  <c:v>86.0830078125</c:v>
                </c:pt>
                <c:pt idx="32">
                  <c:v>81.150970458984403</c:v>
                </c:pt>
                <c:pt idx="33">
                  <c:v>86.501190185546903</c:v>
                </c:pt>
                <c:pt idx="34">
                  <c:v>87.951644897460895</c:v>
                </c:pt>
                <c:pt idx="35">
                  <c:v>80.940124511718807</c:v>
                </c:pt>
                <c:pt idx="36">
                  <c:v>79.12890625</c:v>
                </c:pt>
                <c:pt idx="37">
                  <c:v>136.00112915039099</c:v>
                </c:pt>
                <c:pt idx="38">
                  <c:v>123.28997039794901</c:v>
                </c:pt>
                <c:pt idx="39">
                  <c:v>113.632781982422</c:v>
                </c:pt>
                <c:pt idx="40">
                  <c:v>104.114608764648</c:v>
                </c:pt>
                <c:pt idx="41">
                  <c:v>88.328811645507798</c:v>
                </c:pt>
                <c:pt idx="42">
                  <c:v>84.748558044433594</c:v>
                </c:pt>
                <c:pt idx="43">
                  <c:v>83.050773620605497</c:v>
                </c:pt>
                <c:pt idx="44">
                  <c:v>84.454627990722699</c:v>
                </c:pt>
                <c:pt idx="45">
                  <c:v>94.726524353027301</c:v>
                </c:pt>
                <c:pt idx="46">
                  <c:v>80.462585449218807</c:v>
                </c:pt>
                <c:pt idx="47">
                  <c:v>90.035591125488295</c:v>
                </c:pt>
                <c:pt idx="48">
                  <c:v>84.4200439453125</c:v>
                </c:pt>
                <c:pt idx="49">
                  <c:v>65.071678161621094</c:v>
                </c:pt>
                <c:pt idx="50">
                  <c:v>59.708709716796903</c:v>
                </c:pt>
                <c:pt idx="51">
                  <c:v>68.352394104003906</c:v>
                </c:pt>
                <c:pt idx="52">
                  <c:v>65.027877807617202</c:v>
                </c:pt>
                <c:pt idx="53">
                  <c:v>66.237838745117202</c:v>
                </c:pt>
                <c:pt idx="54">
                  <c:v>65.187782287597699</c:v>
                </c:pt>
                <c:pt idx="55">
                  <c:v>63.916469573974602</c:v>
                </c:pt>
                <c:pt idx="56">
                  <c:v>67.281410217285199</c:v>
                </c:pt>
                <c:pt idx="57">
                  <c:v>87.677619934082003</c:v>
                </c:pt>
                <c:pt idx="58">
                  <c:v>102.65972900390599</c:v>
                </c:pt>
                <c:pt idx="59">
                  <c:v>90.531082153320298</c:v>
                </c:pt>
                <c:pt idx="60">
                  <c:v>102.85500335693401</c:v>
                </c:pt>
                <c:pt idx="61">
                  <c:v>106.778114318848</c:v>
                </c:pt>
                <c:pt idx="62">
                  <c:v>102.983016967773</c:v>
                </c:pt>
                <c:pt idx="63">
                  <c:v>106.05816650390599</c:v>
                </c:pt>
                <c:pt idx="64">
                  <c:v>86.224258422851605</c:v>
                </c:pt>
                <c:pt idx="65">
                  <c:v>73.383590698242202</c:v>
                </c:pt>
                <c:pt idx="66">
                  <c:v>66.853874206542997</c:v>
                </c:pt>
                <c:pt idx="67">
                  <c:v>64.761604309082003</c:v>
                </c:pt>
                <c:pt idx="68">
                  <c:v>67.862815856933594</c:v>
                </c:pt>
                <c:pt idx="69">
                  <c:v>58.084354400634801</c:v>
                </c:pt>
                <c:pt idx="70">
                  <c:v>61.242752075195298</c:v>
                </c:pt>
                <c:pt idx="71">
                  <c:v>75.052513122558594</c:v>
                </c:pt>
                <c:pt idx="72">
                  <c:v>69.573844909667997</c:v>
                </c:pt>
                <c:pt idx="73">
                  <c:v>62.830493927002003</c:v>
                </c:pt>
                <c:pt idx="74">
                  <c:v>71.051719665527301</c:v>
                </c:pt>
                <c:pt idx="75">
                  <c:v>56.046558380127003</c:v>
                </c:pt>
                <c:pt idx="76">
                  <c:v>55.914993286132798</c:v>
                </c:pt>
                <c:pt idx="77">
                  <c:v>55.244144439697301</c:v>
                </c:pt>
                <c:pt idx="78">
                  <c:v>50.663379669189503</c:v>
                </c:pt>
                <c:pt idx="79">
                  <c:v>47.284248352050803</c:v>
                </c:pt>
                <c:pt idx="80">
                  <c:v>51.449466705322301</c:v>
                </c:pt>
                <c:pt idx="81">
                  <c:v>50.698623657226598</c:v>
                </c:pt>
                <c:pt idx="82">
                  <c:v>49.537776947021499</c:v>
                </c:pt>
                <c:pt idx="83">
                  <c:v>47.448799133300803</c:v>
                </c:pt>
                <c:pt idx="84">
                  <c:v>47.3089408874512</c:v>
                </c:pt>
                <c:pt idx="85">
                  <c:v>49.630458831787102</c:v>
                </c:pt>
                <c:pt idx="86">
                  <c:v>47.159194946289098</c:v>
                </c:pt>
                <c:pt idx="87">
                  <c:v>51.509685516357401</c:v>
                </c:pt>
                <c:pt idx="88">
                  <c:v>51.3727416992188</c:v>
                </c:pt>
                <c:pt idx="89">
                  <c:v>59.039196014404297</c:v>
                </c:pt>
                <c:pt idx="90">
                  <c:v>79.519515991210895</c:v>
                </c:pt>
                <c:pt idx="91">
                  <c:v>81.708274841308594</c:v>
                </c:pt>
                <c:pt idx="92">
                  <c:v>80.065330505371094</c:v>
                </c:pt>
                <c:pt idx="93">
                  <c:v>120.183868408203</c:v>
                </c:pt>
                <c:pt idx="94">
                  <c:v>81.588218688964801</c:v>
                </c:pt>
                <c:pt idx="95">
                  <c:v>52.622707366943402</c:v>
                </c:pt>
                <c:pt idx="96">
                  <c:v>48.580249786377003</c:v>
                </c:pt>
                <c:pt idx="97">
                  <c:v>43.408584594726598</c:v>
                </c:pt>
                <c:pt idx="98">
                  <c:v>44.800983428955099</c:v>
                </c:pt>
                <c:pt idx="99">
                  <c:v>45.189044952392599</c:v>
                </c:pt>
                <c:pt idx="100">
                  <c:v>32.526847839355497</c:v>
                </c:pt>
                <c:pt idx="101">
                  <c:v>34.045722961425803</c:v>
                </c:pt>
                <c:pt idx="102">
                  <c:v>32.9662895202637</c:v>
                </c:pt>
                <c:pt idx="103">
                  <c:v>33.274669647216797</c:v>
                </c:pt>
                <c:pt idx="104">
                  <c:v>34.885799407958999</c:v>
                </c:pt>
                <c:pt idx="105">
                  <c:v>33.1958618164063</c:v>
                </c:pt>
                <c:pt idx="106">
                  <c:v>33.811214447021499</c:v>
                </c:pt>
                <c:pt idx="107">
                  <c:v>32.486541748046903</c:v>
                </c:pt>
                <c:pt idx="108">
                  <c:v>33.997745513916001</c:v>
                </c:pt>
                <c:pt idx="109">
                  <c:v>35.224941253662102</c:v>
                </c:pt>
                <c:pt idx="110">
                  <c:v>33.472400665283203</c:v>
                </c:pt>
                <c:pt idx="111">
                  <c:v>35.500255584716797</c:v>
                </c:pt>
                <c:pt idx="112">
                  <c:v>38.5465698242188</c:v>
                </c:pt>
                <c:pt idx="113">
                  <c:v>36.194709777832003</c:v>
                </c:pt>
                <c:pt idx="114">
                  <c:v>39.49609375</c:v>
                </c:pt>
                <c:pt idx="115">
                  <c:v>42.995944976806598</c:v>
                </c:pt>
                <c:pt idx="116">
                  <c:v>39.362545013427699</c:v>
                </c:pt>
                <c:pt idx="117">
                  <c:v>41.927410125732401</c:v>
                </c:pt>
                <c:pt idx="118">
                  <c:v>46.891292572021499</c:v>
                </c:pt>
                <c:pt idx="119">
                  <c:v>63.251045227050803</c:v>
                </c:pt>
                <c:pt idx="120">
                  <c:v>85.293395996093807</c:v>
                </c:pt>
                <c:pt idx="121">
                  <c:v>112.504524230957</c:v>
                </c:pt>
                <c:pt idx="122">
                  <c:v>117.32985687255901</c:v>
                </c:pt>
                <c:pt idx="123">
                  <c:v>113.55264282226599</c:v>
                </c:pt>
                <c:pt idx="124">
                  <c:v>104.793998718262</c:v>
                </c:pt>
                <c:pt idx="125">
                  <c:v>120.73184204101599</c:v>
                </c:pt>
                <c:pt idx="126">
                  <c:v>111.55746459960901</c:v>
                </c:pt>
                <c:pt idx="127">
                  <c:v>107.685844421387</c:v>
                </c:pt>
                <c:pt idx="128">
                  <c:v>109.54662322998</c:v>
                </c:pt>
                <c:pt idx="129">
                  <c:v>107.18642425537099</c:v>
                </c:pt>
                <c:pt idx="130">
                  <c:v>256.83099365234398</c:v>
                </c:pt>
                <c:pt idx="131">
                  <c:v>288.47467041015602</c:v>
                </c:pt>
                <c:pt idx="132">
                  <c:v>246.73759460449199</c:v>
                </c:pt>
                <c:pt idx="133">
                  <c:v>192.30247497558599</c:v>
                </c:pt>
                <c:pt idx="134">
                  <c:v>243.74263000488301</c:v>
                </c:pt>
                <c:pt idx="135">
                  <c:v>231.62936401367199</c:v>
                </c:pt>
                <c:pt idx="136">
                  <c:v>290.90658569335898</c:v>
                </c:pt>
                <c:pt idx="137">
                  <c:v>242.63038635253901</c:v>
                </c:pt>
                <c:pt idx="138">
                  <c:v>189.35498046875</c:v>
                </c:pt>
                <c:pt idx="139">
                  <c:v>267.78042602539102</c:v>
                </c:pt>
                <c:pt idx="140">
                  <c:v>279.92303466796898</c:v>
                </c:pt>
                <c:pt idx="141">
                  <c:v>312.97589111328102</c:v>
                </c:pt>
                <c:pt idx="142">
                  <c:v>259.38571166992199</c:v>
                </c:pt>
                <c:pt idx="143">
                  <c:v>221.04794311523401</c:v>
                </c:pt>
                <c:pt idx="144">
                  <c:v>198.83132934570301</c:v>
                </c:pt>
                <c:pt idx="145">
                  <c:v>178.443771362305</c:v>
                </c:pt>
                <c:pt idx="146">
                  <c:v>266.73043823242199</c:v>
                </c:pt>
                <c:pt idx="147">
                  <c:v>194.0517578125</c:v>
                </c:pt>
                <c:pt idx="148">
                  <c:v>166.57374572753901</c:v>
                </c:pt>
                <c:pt idx="149">
                  <c:v>145.72653198242199</c:v>
                </c:pt>
                <c:pt idx="150">
                  <c:v>111.07733154296901</c:v>
                </c:pt>
                <c:pt idx="151">
                  <c:v>80.327293395996094</c:v>
                </c:pt>
                <c:pt idx="152">
                  <c:v>75.157936096191406</c:v>
                </c:pt>
                <c:pt idx="153">
                  <c:v>78.278327941894503</c:v>
                </c:pt>
                <c:pt idx="154">
                  <c:v>105.42087554931599</c:v>
                </c:pt>
                <c:pt idx="155">
                  <c:v>95.045722961425795</c:v>
                </c:pt>
                <c:pt idx="156">
                  <c:v>589.61437988281295</c:v>
                </c:pt>
                <c:pt idx="157">
                  <c:v>180.12208557128901</c:v>
                </c:pt>
                <c:pt idx="158">
                  <c:v>94.898895263671903</c:v>
                </c:pt>
                <c:pt idx="159">
                  <c:v>43.085525512695298</c:v>
                </c:pt>
                <c:pt idx="160">
                  <c:v>34.705394744872997</c:v>
                </c:pt>
                <c:pt idx="161">
                  <c:v>35.173038482666001</c:v>
                </c:pt>
                <c:pt idx="162">
                  <c:v>33.585189819335902</c:v>
                </c:pt>
                <c:pt idx="163">
                  <c:v>41.974632263183601</c:v>
                </c:pt>
                <c:pt idx="164">
                  <c:v>44.319995880127003</c:v>
                </c:pt>
                <c:pt idx="165">
                  <c:v>26.996150970458999</c:v>
                </c:pt>
                <c:pt idx="166">
                  <c:v>31.7728481292725</c:v>
                </c:pt>
                <c:pt idx="167">
                  <c:v>37.121219635009801</c:v>
                </c:pt>
                <c:pt idx="168">
                  <c:v>39.010044097900398</c:v>
                </c:pt>
                <c:pt idx="169">
                  <c:v>22.624805450439499</c:v>
                </c:pt>
                <c:pt idx="170">
                  <c:v>21.361679077148398</c:v>
                </c:pt>
                <c:pt idx="171">
                  <c:v>20.401758193969702</c:v>
                </c:pt>
                <c:pt idx="172">
                  <c:v>20.961269378662099</c:v>
                </c:pt>
                <c:pt idx="173">
                  <c:v>39.458003997802699</c:v>
                </c:pt>
                <c:pt idx="174">
                  <c:v>36.942276000976598</c:v>
                </c:pt>
                <c:pt idx="175">
                  <c:v>45.436058044433601</c:v>
                </c:pt>
                <c:pt idx="176">
                  <c:v>35.015178680419901</c:v>
                </c:pt>
                <c:pt idx="177">
                  <c:v>40.177154541015597</c:v>
                </c:pt>
                <c:pt idx="178">
                  <c:v>29.799131393432599</c:v>
                </c:pt>
                <c:pt idx="179">
                  <c:v>33.621231079101598</c:v>
                </c:pt>
                <c:pt idx="180">
                  <c:v>22.4769287109375</c:v>
                </c:pt>
                <c:pt idx="181">
                  <c:v>45.585418701171903</c:v>
                </c:pt>
                <c:pt idx="182">
                  <c:v>42.637439727783203</c:v>
                </c:pt>
                <c:pt idx="183">
                  <c:v>37.688602447509801</c:v>
                </c:pt>
                <c:pt idx="184">
                  <c:v>34.7779350280762</c:v>
                </c:pt>
                <c:pt idx="185">
                  <c:v>21.628883361816399</c:v>
                </c:pt>
                <c:pt idx="186">
                  <c:v>41.852272033691399</c:v>
                </c:pt>
                <c:pt idx="187">
                  <c:v>127.494674682617</c:v>
                </c:pt>
                <c:pt idx="188">
                  <c:v>60.964382171630902</c:v>
                </c:pt>
                <c:pt idx="189">
                  <c:v>53.627063751220703</c:v>
                </c:pt>
                <c:pt idx="190">
                  <c:v>57.162971496582003</c:v>
                </c:pt>
                <c:pt idx="191">
                  <c:v>58.287067413330099</c:v>
                </c:pt>
                <c:pt idx="192">
                  <c:v>77.081092834472699</c:v>
                </c:pt>
                <c:pt idx="193">
                  <c:v>58.426177978515597</c:v>
                </c:pt>
                <c:pt idx="194">
                  <c:v>69.269721984863295</c:v>
                </c:pt>
                <c:pt idx="195">
                  <c:v>71.646041870117202</c:v>
                </c:pt>
                <c:pt idx="196">
                  <c:v>97.792793273925795</c:v>
                </c:pt>
                <c:pt idx="197">
                  <c:v>63.877040863037102</c:v>
                </c:pt>
                <c:pt idx="198">
                  <c:v>56.822357177734403</c:v>
                </c:pt>
                <c:pt idx="199">
                  <c:v>52.675167083740199</c:v>
                </c:pt>
                <c:pt idx="200">
                  <c:v>47.986343383789098</c:v>
                </c:pt>
                <c:pt idx="201">
                  <c:v>52.870429992675803</c:v>
                </c:pt>
                <c:pt idx="202">
                  <c:v>40.028335571289098</c:v>
                </c:pt>
                <c:pt idx="203">
                  <c:v>41.280532836914098</c:v>
                </c:pt>
                <c:pt idx="204">
                  <c:v>45.815731048583999</c:v>
                </c:pt>
                <c:pt idx="205">
                  <c:v>45.485237121582003</c:v>
                </c:pt>
                <c:pt idx="206">
                  <c:v>45.514690399169901</c:v>
                </c:pt>
                <c:pt idx="207">
                  <c:v>37.821926116943402</c:v>
                </c:pt>
                <c:pt idx="208">
                  <c:v>39.025569915771499</c:v>
                </c:pt>
                <c:pt idx="209">
                  <c:v>40.916847229003899</c:v>
                </c:pt>
                <c:pt idx="210">
                  <c:v>44.492385864257798</c:v>
                </c:pt>
                <c:pt idx="211">
                  <c:v>49.918212890625</c:v>
                </c:pt>
                <c:pt idx="212">
                  <c:v>42.467174530029297</c:v>
                </c:pt>
                <c:pt idx="213">
                  <c:v>30.3412170410156</c:v>
                </c:pt>
                <c:pt idx="214">
                  <c:v>26.216127395629901</c:v>
                </c:pt>
                <c:pt idx="215">
                  <c:v>25.8738403320313</c:v>
                </c:pt>
                <c:pt idx="216">
                  <c:v>21.674901962280298</c:v>
                </c:pt>
                <c:pt idx="217">
                  <c:v>21.3658962249756</c:v>
                </c:pt>
                <c:pt idx="218">
                  <c:v>23.588912963867202</c:v>
                </c:pt>
                <c:pt idx="219">
                  <c:v>23.257532119751001</c:v>
                </c:pt>
                <c:pt idx="220">
                  <c:v>21.624414443969702</c:v>
                </c:pt>
                <c:pt idx="221">
                  <c:v>18.9609489440918</c:v>
                </c:pt>
                <c:pt idx="222">
                  <c:v>18.1888027191162</c:v>
                </c:pt>
                <c:pt idx="223">
                  <c:v>16.929742813110401</c:v>
                </c:pt>
                <c:pt idx="224">
                  <c:v>19.484937667846701</c:v>
                </c:pt>
                <c:pt idx="225">
                  <c:v>17.772649765014599</c:v>
                </c:pt>
                <c:pt idx="226">
                  <c:v>15.099149703979499</c:v>
                </c:pt>
                <c:pt idx="227">
                  <c:v>19.7468452453613</c:v>
                </c:pt>
                <c:pt idx="228">
                  <c:v>16.0358772277832</c:v>
                </c:pt>
                <c:pt idx="229">
                  <c:v>11.1567411422728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ACC5-4DC4-8FFA-936D652CDFA9}"/>
            </c:ext>
          </c:extLst>
        </c:ser>
        <c:ser>
          <c:idx val="6"/>
          <c:order val="6"/>
          <c:tx>
            <c:v>5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>
                  <a:lumMod val="60000"/>
                </a:schemeClr>
              </a:solidFill>
              <a:ln w="9525">
                <a:solidFill>
                  <a:schemeClr val="accent1">
                    <a:lumMod val="60000"/>
                  </a:schemeClr>
                </a:solidFill>
              </a:ln>
              <a:effectLst/>
            </c:spPr>
          </c:marker>
          <c:xVal>
            <c:numRef>
              <c:f>Type_4_6__5___._1_thixotropy_rw!$F$2:$F$231</c:f>
              <c:numCache>
                <c:formatCode>General</c:formatCode>
                <c:ptCount val="230"/>
                <c:pt idx="0">
                  <c:v>0.92629134654998802</c:v>
                </c:pt>
                <c:pt idx="1">
                  <c:v>1.9262136220932</c:v>
                </c:pt>
                <c:pt idx="2">
                  <c:v>2.9263513088226301</c:v>
                </c:pt>
                <c:pt idx="3">
                  <c:v>3.9263162612914999</c:v>
                </c:pt>
                <c:pt idx="4">
                  <c:v>4.9263024330139196</c:v>
                </c:pt>
                <c:pt idx="5">
                  <c:v>5.9261674880981401</c:v>
                </c:pt>
                <c:pt idx="6">
                  <c:v>6.9288129806518599</c:v>
                </c:pt>
                <c:pt idx="7">
                  <c:v>7.9287843704223597</c:v>
                </c:pt>
                <c:pt idx="8">
                  <c:v>8.9289026260375994</c:v>
                </c:pt>
                <c:pt idx="9">
                  <c:v>9.9289960861206108</c:v>
                </c:pt>
                <c:pt idx="10">
                  <c:v>10.926317214965801</c:v>
                </c:pt>
                <c:pt idx="11">
                  <c:v>11.926307678222701</c:v>
                </c:pt>
                <c:pt idx="12">
                  <c:v>12.9264888763428</c:v>
                </c:pt>
                <c:pt idx="13">
                  <c:v>13.926652908325201</c:v>
                </c:pt>
                <c:pt idx="14">
                  <c:v>14.926682472229</c:v>
                </c:pt>
                <c:pt idx="15">
                  <c:v>15.926659584045399</c:v>
                </c:pt>
                <c:pt idx="16">
                  <c:v>16.926557540893601</c:v>
                </c:pt>
                <c:pt idx="17">
                  <c:v>17.92626953125</c:v>
                </c:pt>
                <c:pt idx="18">
                  <c:v>18.9263095855713</c:v>
                </c:pt>
                <c:pt idx="19">
                  <c:v>19.9258117675781</c:v>
                </c:pt>
                <c:pt idx="20">
                  <c:v>20.925514221191399</c:v>
                </c:pt>
                <c:pt idx="21">
                  <c:v>21.9253826141357</c:v>
                </c:pt>
                <c:pt idx="22">
                  <c:v>22.925296783447301</c:v>
                </c:pt>
                <c:pt idx="23">
                  <c:v>23.924812316894499</c:v>
                </c:pt>
                <c:pt idx="24">
                  <c:v>24.924860000610401</c:v>
                </c:pt>
                <c:pt idx="25">
                  <c:v>25.924299240112301</c:v>
                </c:pt>
                <c:pt idx="26">
                  <c:v>26.924360275268601</c:v>
                </c:pt>
                <c:pt idx="27">
                  <c:v>27.924074172973601</c:v>
                </c:pt>
                <c:pt idx="28">
                  <c:v>28.923866271972699</c:v>
                </c:pt>
                <c:pt idx="29">
                  <c:v>29.923406600952099</c:v>
                </c:pt>
                <c:pt idx="30">
                  <c:v>30.92333984375</c:v>
                </c:pt>
                <c:pt idx="31">
                  <c:v>31.922878265380898</c:v>
                </c:pt>
                <c:pt idx="32">
                  <c:v>32.9254150390625</c:v>
                </c:pt>
                <c:pt idx="33">
                  <c:v>33.925327301025398</c:v>
                </c:pt>
                <c:pt idx="34">
                  <c:v>34.924873352050803</c:v>
                </c:pt>
                <c:pt idx="35">
                  <c:v>35.924903869628899</c:v>
                </c:pt>
                <c:pt idx="36">
                  <c:v>36.924449920654297</c:v>
                </c:pt>
                <c:pt idx="37">
                  <c:v>37.9239311218262</c:v>
                </c:pt>
                <c:pt idx="38">
                  <c:v>38.923957824707003</c:v>
                </c:pt>
                <c:pt idx="39">
                  <c:v>39.9239311218262</c:v>
                </c:pt>
                <c:pt idx="40">
                  <c:v>40.923614501953097</c:v>
                </c:pt>
                <c:pt idx="41">
                  <c:v>41.923286437988303</c:v>
                </c:pt>
                <c:pt idx="42">
                  <c:v>42.923126220703097</c:v>
                </c:pt>
                <c:pt idx="43">
                  <c:v>43.922607421875</c:v>
                </c:pt>
                <c:pt idx="44">
                  <c:v>44.922683715820298</c:v>
                </c:pt>
                <c:pt idx="45">
                  <c:v>45.922389984130902</c:v>
                </c:pt>
                <c:pt idx="46">
                  <c:v>46.921710968017599</c:v>
                </c:pt>
                <c:pt idx="47">
                  <c:v>47.921333312988303</c:v>
                </c:pt>
                <c:pt idx="48">
                  <c:v>48.921558380127003</c:v>
                </c:pt>
                <c:pt idx="49">
                  <c:v>49.921222686767599</c:v>
                </c:pt>
                <c:pt idx="50">
                  <c:v>50.921222686767599</c:v>
                </c:pt>
                <c:pt idx="51">
                  <c:v>51.920925140380902</c:v>
                </c:pt>
                <c:pt idx="52">
                  <c:v>52.919872283935497</c:v>
                </c:pt>
                <c:pt idx="53">
                  <c:v>53.920047760009801</c:v>
                </c:pt>
                <c:pt idx="54">
                  <c:v>54.9195365905762</c:v>
                </c:pt>
                <c:pt idx="55">
                  <c:v>55.919712066650398</c:v>
                </c:pt>
                <c:pt idx="56">
                  <c:v>56.918998718261697</c:v>
                </c:pt>
                <c:pt idx="57">
                  <c:v>57.9191284179688</c:v>
                </c:pt>
                <c:pt idx="58">
                  <c:v>58.919239044189503</c:v>
                </c:pt>
                <c:pt idx="59">
                  <c:v>59.918506622314503</c:v>
                </c:pt>
                <c:pt idx="60">
                  <c:v>60.919197082519503</c:v>
                </c:pt>
                <c:pt idx="61">
                  <c:v>61.917617797851598</c:v>
                </c:pt>
                <c:pt idx="62">
                  <c:v>62.918319702148402</c:v>
                </c:pt>
                <c:pt idx="63">
                  <c:v>63.918041229247997</c:v>
                </c:pt>
                <c:pt idx="64">
                  <c:v>64.917640686035199</c:v>
                </c:pt>
                <c:pt idx="65">
                  <c:v>65.917991638183594</c:v>
                </c:pt>
                <c:pt idx="66">
                  <c:v>66.915924072265597</c:v>
                </c:pt>
                <c:pt idx="67">
                  <c:v>67.916511535644503</c:v>
                </c:pt>
                <c:pt idx="68">
                  <c:v>68.916534423828097</c:v>
                </c:pt>
                <c:pt idx="69">
                  <c:v>69.916053771972699</c:v>
                </c:pt>
                <c:pt idx="70">
                  <c:v>70.916122436523395</c:v>
                </c:pt>
                <c:pt idx="71">
                  <c:v>71.916168212890597</c:v>
                </c:pt>
                <c:pt idx="72">
                  <c:v>72.915290832519503</c:v>
                </c:pt>
                <c:pt idx="73">
                  <c:v>73.915267944335895</c:v>
                </c:pt>
                <c:pt idx="74">
                  <c:v>74.914649963378906</c:v>
                </c:pt>
                <c:pt idx="75">
                  <c:v>75.914886474609403</c:v>
                </c:pt>
                <c:pt idx="76">
                  <c:v>76.915229797363295</c:v>
                </c:pt>
                <c:pt idx="77">
                  <c:v>77.913658142089801</c:v>
                </c:pt>
                <c:pt idx="78">
                  <c:v>78.913673400878906</c:v>
                </c:pt>
                <c:pt idx="79">
                  <c:v>79.914039611816406</c:v>
                </c:pt>
                <c:pt idx="80">
                  <c:v>80.914070129394503</c:v>
                </c:pt>
                <c:pt idx="81">
                  <c:v>81.913734436035199</c:v>
                </c:pt>
                <c:pt idx="82">
                  <c:v>82.913192749023395</c:v>
                </c:pt>
                <c:pt idx="83">
                  <c:v>83.912132263183594</c:v>
                </c:pt>
                <c:pt idx="84">
                  <c:v>84.913581848144503</c:v>
                </c:pt>
                <c:pt idx="85">
                  <c:v>85.913764953613295</c:v>
                </c:pt>
                <c:pt idx="86">
                  <c:v>86.912422180175795</c:v>
                </c:pt>
                <c:pt idx="87">
                  <c:v>87.911506652832003</c:v>
                </c:pt>
                <c:pt idx="88">
                  <c:v>88.912223815917997</c:v>
                </c:pt>
                <c:pt idx="89">
                  <c:v>89.911453247070298</c:v>
                </c:pt>
                <c:pt idx="90">
                  <c:v>90.91162109375</c:v>
                </c:pt>
                <c:pt idx="91">
                  <c:v>91.909706115722699</c:v>
                </c:pt>
                <c:pt idx="92">
                  <c:v>92.910331726074205</c:v>
                </c:pt>
                <c:pt idx="93">
                  <c:v>93.910476684570298</c:v>
                </c:pt>
                <c:pt idx="94">
                  <c:v>94.9105224609375</c:v>
                </c:pt>
                <c:pt idx="95">
                  <c:v>95.910362243652301</c:v>
                </c:pt>
                <c:pt idx="96">
                  <c:v>96.910705566406307</c:v>
                </c:pt>
                <c:pt idx="97">
                  <c:v>97.908119201660199</c:v>
                </c:pt>
                <c:pt idx="98">
                  <c:v>98.909606933593807</c:v>
                </c:pt>
                <c:pt idx="99">
                  <c:v>99.908966064453097</c:v>
                </c:pt>
                <c:pt idx="100">
                  <c:v>100.000541687012</c:v>
                </c:pt>
                <c:pt idx="101">
                  <c:v>99.999496459960895</c:v>
                </c:pt>
                <c:pt idx="102">
                  <c:v>100.00067138671901</c:v>
                </c:pt>
                <c:pt idx="103">
                  <c:v>100.00050354003901</c:v>
                </c:pt>
                <c:pt idx="104">
                  <c:v>99.998336791992202</c:v>
                </c:pt>
                <c:pt idx="105">
                  <c:v>100.001792907715</c:v>
                </c:pt>
                <c:pt idx="106">
                  <c:v>99.999565124511705</c:v>
                </c:pt>
                <c:pt idx="107">
                  <c:v>99.999603271484403</c:v>
                </c:pt>
                <c:pt idx="108">
                  <c:v>100.00067138671901</c:v>
                </c:pt>
                <c:pt idx="109">
                  <c:v>100.00114440918</c:v>
                </c:pt>
                <c:pt idx="110">
                  <c:v>100.00017547607401</c:v>
                </c:pt>
                <c:pt idx="111">
                  <c:v>100.001815795898</c:v>
                </c:pt>
                <c:pt idx="112">
                  <c:v>100.000038146973</c:v>
                </c:pt>
                <c:pt idx="113">
                  <c:v>100.000106811523</c:v>
                </c:pt>
                <c:pt idx="114">
                  <c:v>100.00066375732401</c:v>
                </c:pt>
                <c:pt idx="115">
                  <c:v>100.000450134277</c:v>
                </c:pt>
                <c:pt idx="116">
                  <c:v>100.000274658203</c:v>
                </c:pt>
                <c:pt idx="117">
                  <c:v>100.00065612793</c:v>
                </c:pt>
                <c:pt idx="118">
                  <c:v>99.999900817871094</c:v>
                </c:pt>
                <c:pt idx="119">
                  <c:v>100.00006866455099</c:v>
                </c:pt>
                <c:pt idx="120">
                  <c:v>99.999275207519503</c:v>
                </c:pt>
                <c:pt idx="121">
                  <c:v>99.999641418457003</c:v>
                </c:pt>
                <c:pt idx="122">
                  <c:v>99.999908447265597</c:v>
                </c:pt>
                <c:pt idx="123">
                  <c:v>99.999412536621094</c:v>
                </c:pt>
                <c:pt idx="124">
                  <c:v>100.001754760742</c:v>
                </c:pt>
                <c:pt idx="125">
                  <c:v>100.00178527832</c:v>
                </c:pt>
                <c:pt idx="126">
                  <c:v>99.999038696289105</c:v>
                </c:pt>
                <c:pt idx="127">
                  <c:v>100.000381469727</c:v>
                </c:pt>
                <c:pt idx="128">
                  <c:v>100.00090789794901</c:v>
                </c:pt>
                <c:pt idx="129">
                  <c:v>99.999008178710895</c:v>
                </c:pt>
                <c:pt idx="130">
                  <c:v>99.075477600097699</c:v>
                </c:pt>
                <c:pt idx="131">
                  <c:v>98.075401306152301</c:v>
                </c:pt>
                <c:pt idx="132">
                  <c:v>97.073066711425795</c:v>
                </c:pt>
                <c:pt idx="133">
                  <c:v>96.072769165039105</c:v>
                </c:pt>
                <c:pt idx="134">
                  <c:v>95.076950073242202</c:v>
                </c:pt>
                <c:pt idx="135">
                  <c:v>94.076477050781307</c:v>
                </c:pt>
                <c:pt idx="136">
                  <c:v>93.076126098632798</c:v>
                </c:pt>
                <c:pt idx="137">
                  <c:v>92.074089050292997</c:v>
                </c:pt>
                <c:pt idx="138">
                  <c:v>91.074546813964801</c:v>
                </c:pt>
                <c:pt idx="139">
                  <c:v>90.078392028808594</c:v>
                </c:pt>
                <c:pt idx="140">
                  <c:v>89.077224731445298</c:v>
                </c:pt>
                <c:pt idx="141">
                  <c:v>88.0780029296875</c:v>
                </c:pt>
                <c:pt idx="142">
                  <c:v>87.074989318847699</c:v>
                </c:pt>
                <c:pt idx="143">
                  <c:v>86.078193664550795</c:v>
                </c:pt>
                <c:pt idx="144">
                  <c:v>85.078414916992202</c:v>
                </c:pt>
                <c:pt idx="145">
                  <c:v>84.078598022460895</c:v>
                </c:pt>
                <c:pt idx="146">
                  <c:v>83.079254150390597</c:v>
                </c:pt>
                <c:pt idx="147">
                  <c:v>82.080184936523395</c:v>
                </c:pt>
                <c:pt idx="148">
                  <c:v>81.079017639160199</c:v>
                </c:pt>
                <c:pt idx="149">
                  <c:v>80.080215454101605</c:v>
                </c:pt>
                <c:pt idx="150">
                  <c:v>79.079772949218807</c:v>
                </c:pt>
                <c:pt idx="151">
                  <c:v>78.080596923828097</c:v>
                </c:pt>
                <c:pt idx="152">
                  <c:v>77.080772399902301</c:v>
                </c:pt>
                <c:pt idx="153">
                  <c:v>76.080772399902301</c:v>
                </c:pt>
                <c:pt idx="154">
                  <c:v>75.082420349121094</c:v>
                </c:pt>
                <c:pt idx="155">
                  <c:v>74.080879211425795</c:v>
                </c:pt>
                <c:pt idx="156">
                  <c:v>73.081443786621094</c:v>
                </c:pt>
                <c:pt idx="157">
                  <c:v>72.081581115722699</c:v>
                </c:pt>
                <c:pt idx="158">
                  <c:v>71.0821533203125</c:v>
                </c:pt>
                <c:pt idx="159">
                  <c:v>70.080986022949205</c:v>
                </c:pt>
                <c:pt idx="160">
                  <c:v>69.082145690917997</c:v>
                </c:pt>
                <c:pt idx="161">
                  <c:v>68.082382202148395</c:v>
                </c:pt>
                <c:pt idx="162">
                  <c:v>67.082107543945298</c:v>
                </c:pt>
                <c:pt idx="163">
                  <c:v>66.083541870117202</c:v>
                </c:pt>
                <c:pt idx="164">
                  <c:v>65.080764770507798</c:v>
                </c:pt>
                <c:pt idx="165">
                  <c:v>64.080474853515597</c:v>
                </c:pt>
                <c:pt idx="166">
                  <c:v>63.081413269042997</c:v>
                </c:pt>
                <c:pt idx="167">
                  <c:v>62.082130432128899</c:v>
                </c:pt>
                <c:pt idx="168">
                  <c:v>61.082611083984403</c:v>
                </c:pt>
                <c:pt idx="169">
                  <c:v>60.082103729247997</c:v>
                </c:pt>
                <c:pt idx="170">
                  <c:v>59.082046508789098</c:v>
                </c:pt>
                <c:pt idx="171">
                  <c:v>58.082832336425803</c:v>
                </c:pt>
                <c:pt idx="172">
                  <c:v>57.082614898681598</c:v>
                </c:pt>
                <c:pt idx="173">
                  <c:v>56.082748413085902</c:v>
                </c:pt>
                <c:pt idx="174">
                  <c:v>55.083328247070298</c:v>
                </c:pt>
                <c:pt idx="175">
                  <c:v>54.083995819091797</c:v>
                </c:pt>
                <c:pt idx="176">
                  <c:v>53.083511352539098</c:v>
                </c:pt>
                <c:pt idx="177">
                  <c:v>52.084312438964801</c:v>
                </c:pt>
                <c:pt idx="178">
                  <c:v>51.084445953369098</c:v>
                </c:pt>
                <c:pt idx="179">
                  <c:v>50.084568023681598</c:v>
                </c:pt>
                <c:pt idx="180">
                  <c:v>49.085437774658203</c:v>
                </c:pt>
                <c:pt idx="181">
                  <c:v>48.084903717041001</c:v>
                </c:pt>
                <c:pt idx="182">
                  <c:v>47.085109710693402</c:v>
                </c:pt>
                <c:pt idx="183">
                  <c:v>46.085670471191399</c:v>
                </c:pt>
                <c:pt idx="184">
                  <c:v>45.085433959960902</c:v>
                </c:pt>
                <c:pt idx="185">
                  <c:v>44.086441040039098</c:v>
                </c:pt>
                <c:pt idx="186">
                  <c:v>43.086357116699197</c:v>
                </c:pt>
                <c:pt idx="187">
                  <c:v>42.086524963378899</c:v>
                </c:pt>
                <c:pt idx="188">
                  <c:v>41.087013244628899</c:v>
                </c:pt>
                <c:pt idx="189">
                  <c:v>40.087150573730497</c:v>
                </c:pt>
                <c:pt idx="190">
                  <c:v>39.087059020996101</c:v>
                </c:pt>
                <c:pt idx="191">
                  <c:v>38.087043762207003</c:v>
                </c:pt>
                <c:pt idx="192">
                  <c:v>37.087398529052699</c:v>
                </c:pt>
                <c:pt idx="193">
                  <c:v>36.087917327880902</c:v>
                </c:pt>
                <c:pt idx="194">
                  <c:v>35.088909149169901</c:v>
                </c:pt>
                <c:pt idx="195">
                  <c:v>34.088150024414098</c:v>
                </c:pt>
                <c:pt idx="196">
                  <c:v>33.088264465332003</c:v>
                </c:pt>
                <c:pt idx="197">
                  <c:v>32.088760375976598</c:v>
                </c:pt>
                <c:pt idx="198">
                  <c:v>31.089097976684599</c:v>
                </c:pt>
                <c:pt idx="199">
                  <c:v>30.089378356933601</c:v>
                </c:pt>
                <c:pt idx="200">
                  <c:v>29.089584350585898</c:v>
                </c:pt>
                <c:pt idx="201">
                  <c:v>28.0898551940918</c:v>
                </c:pt>
                <c:pt idx="202">
                  <c:v>27.090019226074201</c:v>
                </c:pt>
                <c:pt idx="203">
                  <c:v>26.090192794799801</c:v>
                </c:pt>
                <c:pt idx="204">
                  <c:v>25.090635299682599</c:v>
                </c:pt>
                <c:pt idx="205">
                  <c:v>24.090934753418001</c:v>
                </c:pt>
                <c:pt idx="206">
                  <c:v>23.091041564941399</c:v>
                </c:pt>
                <c:pt idx="207">
                  <c:v>22.0912780761719</c:v>
                </c:pt>
                <c:pt idx="208">
                  <c:v>21.091773986816399</c:v>
                </c:pt>
                <c:pt idx="209">
                  <c:v>20.0918292999268</c:v>
                </c:pt>
                <c:pt idx="210">
                  <c:v>19.09202003479</c:v>
                </c:pt>
                <c:pt idx="211">
                  <c:v>18.0923957824707</c:v>
                </c:pt>
                <c:pt idx="212">
                  <c:v>17.092563629150401</c:v>
                </c:pt>
                <c:pt idx="213">
                  <c:v>16.092937469482401</c:v>
                </c:pt>
                <c:pt idx="214">
                  <c:v>15.0927076339722</c:v>
                </c:pt>
                <c:pt idx="215">
                  <c:v>14.0926160812378</c:v>
                </c:pt>
                <c:pt idx="216">
                  <c:v>13.092587471008301</c:v>
                </c:pt>
                <c:pt idx="217">
                  <c:v>12.092405319213899</c:v>
                </c:pt>
                <c:pt idx="218">
                  <c:v>11.092358589172401</c:v>
                </c:pt>
                <c:pt idx="219">
                  <c:v>10.0922136306763</c:v>
                </c:pt>
                <c:pt idx="220">
                  <c:v>9.0921154022216797</c:v>
                </c:pt>
                <c:pt idx="221">
                  <c:v>8.0920581817627006</c:v>
                </c:pt>
                <c:pt idx="222">
                  <c:v>7.0920848846435502</c:v>
                </c:pt>
                <c:pt idx="223">
                  <c:v>6.0921506881713903</c:v>
                </c:pt>
                <c:pt idx="224">
                  <c:v>5.0922384262084996</c:v>
                </c:pt>
                <c:pt idx="225">
                  <c:v>4.0923190116882298</c:v>
                </c:pt>
                <c:pt idx="226">
                  <c:v>3.0922644138336199</c:v>
                </c:pt>
                <c:pt idx="227">
                  <c:v>2.0922944545745898</c:v>
                </c:pt>
                <c:pt idx="228">
                  <c:v>1.0922557115554801</c:v>
                </c:pt>
                <c:pt idx="229">
                  <c:v>9.2282697558403001E-2</c:v>
                </c:pt>
              </c:numCache>
            </c:numRef>
          </c:xVal>
          <c:yVal>
            <c:numRef>
              <c:f>Type_4_6__5___._1_thixotropy_rw!$D$2:$D$231</c:f>
              <c:numCache>
                <c:formatCode>General</c:formatCode>
                <c:ptCount val="230"/>
                <c:pt idx="0">
                  <c:v>4.1078987121581996</c:v>
                </c:pt>
                <c:pt idx="1">
                  <c:v>1.9773827791214</c:v>
                </c:pt>
                <c:pt idx="2">
                  <c:v>1.15112328529358</c:v>
                </c:pt>
                <c:pt idx="3">
                  <c:v>0.82450389862060502</c:v>
                </c:pt>
                <c:pt idx="4">
                  <c:v>1.18997442722321</c:v>
                </c:pt>
                <c:pt idx="5">
                  <c:v>1.16651964187622</c:v>
                </c:pt>
                <c:pt idx="6">
                  <c:v>1.2314268350601201</c:v>
                </c:pt>
                <c:pt idx="7">
                  <c:v>1.35079574584961</c:v>
                </c:pt>
                <c:pt idx="8">
                  <c:v>1.54523193836212</c:v>
                </c:pt>
                <c:pt idx="9">
                  <c:v>1.78161644935608</c:v>
                </c:pt>
                <c:pt idx="10">
                  <c:v>2.2646937370300302</c:v>
                </c:pt>
                <c:pt idx="11">
                  <c:v>2.5439910888671902</c:v>
                </c:pt>
                <c:pt idx="12">
                  <c:v>2.6246318817138699</c:v>
                </c:pt>
                <c:pt idx="13">
                  <c:v>2.3370299339294398</c:v>
                </c:pt>
                <c:pt idx="14">
                  <c:v>2.5359156131744398</c:v>
                </c:pt>
                <c:pt idx="15">
                  <c:v>2.82979440689087</c:v>
                </c:pt>
                <c:pt idx="16">
                  <c:v>3.5314600467681898</c:v>
                </c:pt>
                <c:pt idx="17">
                  <c:v>4.4853768348693803</c:v>
                </c:pt>
                <c:pt idx="18">
                  <c:v>5.10154008865356</c:v>
                </c:pt>
                <c:pt idx="19">
                  <c:v>5.0387163162231401</c:v>
                </c:pt>
                <c:pt idx="20">
                  <c:v>4.8491239547729501</c:v>
                </c:pt>
                <c:pt idx="21">
                  <c:v>5.2138986587524396</c:v>
                </c:pt>
                <c:pt idx="22">
                  <c:v>4.3543658256530797</c:v>
                </c:pt>
                <c:pt idx="23">
                  <c:v>5.1746850013732901</c:v>
                </c:pt>
                <c:pt idx="24">
                  <c:v>5.7103042602539098</c:v>
                </c:pt>
                <c:pt idx="25">
                  <c:v>5.4017353057861301</c:v>
                </c:pt>
                <c:pt idx="26">
                  <c:v>6.5002298355102504</c:v>
                </c:pt>
                <c:pt idx="27">
                  <c:v>5.9835691452026403</c:v>
                </c:pt>
                <c:pt idx="28">
                  <c:v>6.4805221557617196</c:v>
                </c:pt>
                <c:pt idx="29">
                  <c:v>7.0831732749939</c:v>
                </c:pt>
                <c:pt idx="30">
                  <c:v>8.1575298309326207</c:v>
                </c:pt>
                <c:pt idx="31">
                  <c:v>7.75064897537231</c:v>
                </c:pt>
                <c:pt idx="32">
                  <c:v>9.1396398544311506</c:v>
                </c:pt>
                <c:pt idx="33">
                  <c:v>8.9738273620605504</c:v>
                </c:pt>
                <c:pt idx="34">
                  <c:v>8.9986858367919904</c:v>
                </c:pt>
                <c:pt idx="35">
                  <c:v>10.1198329925537</c:v>
                </c:pt>
                <c:pt idx="36">
                  <c:v>10.155779838561999</c:v>
                </c:pt>
                <c:pt idx="37">
                  <c:v>11.416017532348601</c:v>
                </c:pt>
                <c:pt idx="38">
                  <c:v>12.264406204223601</c:v>
                </c:pt>
                <c:pt idx="39">
                  <c:v>13.241385459899901</c:v>
                </c:pt>
                <c:pt idx="40">
                  <c:v>12.216555595397899</c:v>
                </c:pt>
                <c:pt idx="41">
                  <c:v>14.1427145004272</c:v>
                </c:pt>
                <c:pt idx="42">
                  <c:v>13.890513420105</c:v>
                </c:pt>
                <c:pt idx="43">
                  <c:v>14.063362121581999</c:v>
                </c:pt>
                <c:pt idx="44">
                  <c:v>14.770793914794901</c:v>
                </c:pt>
                <c:pt idx="45">
                  <c:v>15.461368560791</c:v>
                </c:pt>
                <c:pt idx="46">
                  <c:v>14.822471618652299</c:v>
                </c:pt>
                <c:pt idx="47">
                  <c:v>16.467109680175799</c:v>
                </c:pt>
                <c:pt idx="48">
                  <c:v>16.138786315918001</c:v>
                </c:pt>
                <c:pt idx="49">
                  <c:v>16.062648773193398</c:v>
                </c:pt>
                <c:pt idx="50">
                  <c:v>17.124311447143601</c:v>
                </c:pt>
                <c:pt idx="51">
                  <c:v>17.2963752746582</c:v>
                </c:pt>
                <c:pt idx="52">
                  <c:v>20.620063781738299</c:v>
                </c:pt>
                <c:pt idx="53">
                  <c:v>21.748836517333999</c:v>
                </c:pt>
                <c:pt idx="54">
                  <c:v>19.847633361816399</c:v>
                </c:pt>
                <c:pt idx="55">
                  <c:v>21.108909606933601</c:v>
                </c:pt>
                <c:pt idx="56">
                  <c:v>22.182460784912099</c:v>
                </c:pt>
                <c:pt idx="57">
                  <c:v>23.1258850097656</c:v>
                </c:pt>
                <c:pt idx="58">
                  <c:v>25.925565719604499</c:v>
                </c:pt>
                <c:pt idx="59">
                  <c:v>25.373262405395501</c:v>
                </c:pt>
                <c:pt idx="60">
                  <c:v>26.738201141357401</c:v>
                </c:pt>
                <c:pt idx="61">
                  <c:v>26.640199661254901</c:v>
                </c:pt>
                <c:pt idx="62">
                  <c:v>27.970075607299801</c:v>
                </c:pt>
                <c:pt idx="63">
                  <c:v>27.743085861206101</c:v>
                </c:pt>
                <c:pt idx="64">
                  <c:v>30.438280105590799</c:v>
                </c:pt>
                <c:pt idx="65">
                  <c:v>29.460222244262699</c:v>
                </c:pt>
                <c:pt idx="66">
                  <c:v>31.138807296752901</c:v>
                </c:pt>
                <c:pt idx="67">
                  <c:v>32.769649505615199</c:v>
                </c:pt>
                <c:pt idx="68">
                  <c:v>34.395313262939503</c:v>
                </c:pt>
                <c:pt idx="69">
                  <c:v>37.331809997558601</c:v>
                </c:pt>
                <c:pt idx="70">
                  <c:v>38.327404022216797</c:v>
                </c:pt>
                <c:pt idx="71">
                  <c:v>37.946342468261697</c:v>
                </c:pt>
                <c:pt idx="72">
                  <c:v>37.254928588867202</c:v>
                </c:pt>
                <c:pt idx="73">
                  <c:v>37.661975860595703</c:v>
                </c:pt>
                <c:pt idx="74">
                  <c:v>40.008689880371101</c:v>
                </c:pt>
                <c:pt idx="75">
                  <c:v>39.924461364746101</c:v>
                </c:pt>
                <c:pt idx="76">
                  <c:v>40.198116302490199</c:v>
                </c:pt>
                <c:pt idx="77">
                  <c:v>40.761856079101598</c:v>
                </c:pt>
                <c:pt idx="78">
                  <c:v>42.577156066894503</c:v>
                </c:pt>
                <c:pt idx="79">
                  <c:v>45.210865020752003</c:v>
                </c:pt>
                <c:pt idx="80">
                  <c:v>46.698379516601598</c:v>
                </c:pt>
                <c:pt idx="81">
                  <c:v>47.384086608886697</c:v>
                </c:pt>
                <c:pt idx="82">
                  <c:v>48.039459228515597</c:v>
                </c:pt>
                <c:pt idx="83">
                  <c:v>47.832439422607401</c:v>
                </c:pt>
                <c:pt idx="84">
                  <c:v>51.809295654296903</c:v>
                </c:pt>
                <c:pt idx="85">
                  <c:v>50.866878509521499</c:v>
                </c:pt>
                <c:pt idx="86">
                  <c:v>49.804420471191399</c:v>
                </c:pt>
                <c:pt idx="87">
                  <c:v>48.460414886474602</c:v>
                </c:pt>
                <c:pt idx="88">
                  <c:v>47.282844543457003</c:v>
                </c:pt>
                <c:pt idx="89">
                  <c:v>51.3639106750488</c:v>
                </c:pt>
                <c:pt idx="90">
                  <c:v>49.5311470031738</c:v>
                </c:pt>
                <c:pt idx="91">
                  <c:v>51.269790649414098</c:v>
                </c:pt>
                <c:pt idx="92">
                  <c:v>52.247806549072301</c:v>
                </c:pt>
                <c:pt idx="93">
                  <c:v>53.863605499267599</c:v>
                </c:pt>
                <c:pt idx="94">
                  <c:v>51.211616516113303</c:v>
                </c:pt>
                <c:pt idx="95">
                  <c:v>53.941410064697301</c:v>
                </c:pt>
                <c:pt idx="96">
                  <c:v>54.010005950927699</c:v>
                </c:pt>
                <c:pt idx="97">
                  <c:v>54.103622436523402</c:v>
                </c:pt>
                <c:pt idx="98">
                  <c:v>55.4723091125488</c:v>
                </c:pt>
                <c:pt idx="99">
                  <c:v>54.5515327453613</c:v>
                </c:pt>
                <c:pt idx="100">
                  <c:v>54.585269927978501</c:v>
                </c:pt>
                <c:pt idx="101">
                  <c:v>55.460731506347699</c:v>
                </c:pt>
                <c:pt idx="102">
                  <c:v>56.838134765625</c:v>
                </c:pt>
                <c:pt idx="103">
                  <c:v>54.735176086425803</c:v>
                </c:pt>
                <c:pt idx="104">
                  <c:v>55.413417816162102</c:v>
                </c:pt>
                <c:pt idx="105">
                  <c:v>55.757457733154297</c:v>
                </c:pt>
                <c:pt idx="106">
                  <c:v>54.548419952392599</c:v>
                </c:pt>
                <c:pt idx="107">
                  <c:v>53.0655708312988</c:v>
                </c:pt>
                <c:pt idx="108">
                  <c:v>54.693572998046903</c:v>
                </c:pt>
                <c:pt idx="109">
                  <c:v>54.771121978759801</c:v>
                </c:pt>
                <c:pt idx="110">
                  <c:v>53.679141998291001</c:v>
                </c:pt>
                <c:pt idx="111">
                  <c:v>55.668769836425803</c:v>
                </c:pt>
                <c:pt idx="112">
                  <c:v>55.024955749511697</c:v>
                </c:pt>
                <c:pt idx="113">
                  <c:v>53.918262481689503</c:v>
                </c:pt>
                <c:pt idx="114">
                  <c:v>55.479827880859403</c:v>
                </c:pt>
                <c:pt idx="115">
                  <c:v>54.209362030029297</c:v>
                </c:pt>
                <c:pt idx="116">
                  <c:v>55.360664367675803</c:v>
                </c:pt>
                <c:pt idx="117">
                  <c:v>53.552742004394503</c:v>
                </c:pt>
                <c:pt idx="118">
                  <c:v>54.999553680419901</c:v>
                </c:pt>
                <c:pt idx="119">
                  <c:v>56.5559692382813</c:v>
                </c:pt>
                <c:pt idx="120">
                  <c:v>53.053371429443402</c:v>
                </c:pt>
                <c:pt idx="121">
                  <c:v>53.9361381530762</c:v>
                </c:pt>
                <c:pt idx="122">
                  <c:v>56.512100219726598</c:v>
                </c:pt>
                <c:pt idx="123">
                  <c:v>59.244102478027301</c:v>
                </c:pt>
                <c:pt idx="124">
                  <c:v>55.098384857177699</c:v>
                </c:pt>
                <c:pt idx="125">
                  <c:v>57.135166168212898</c:v>
                </c:pt>
                <c:pt idx="126">
                  <c:v>55.3290824890137</c:v>
                </c:pt>
                <c:pt idx="127">
                  <c:v>55.579315185546903</c:v>
                </c:pt>
                <c:pt idx="128">
                  <c:v>54.1082153320313</c:v>
                </c:pt>
                <c:pt idx="129">
                  <c:v>54.328018188476598</c:v>
                </c:pt>
                <c:pt idx="130">
                  <c:v>53.6130180358887</c:v>
                </c:pt>
                <c:pt idx="131">
                  <c:v>54.223217010497997</c:v>
                </c:pt>
                <c:pt idx="132">
                  <c:v>52.239658355712898</c:v>
                </c:pt>
                <c:pt idx="133">
                  <c:v>52.499904632568402</c:v>
                </c:pt>
                <c:pt idx="134">
                  <c:v>50.000980377197301</c:v>
                </c:pt>
                <c:pt idx="135">
                  <c:v>52.818817138671903</c:v>
                </c:pt>
                <c:pt idx="136">
                  <c:v>48.621135711669901</c:v>
                </c:pt>
                <c:pt idx="137">
                  <c:v>48.813045501708999</c:v>
                </c:pt>
                <c:pt idx="138">
                  <c:v>50.248161315917997</c:v>
                </c:pt>
                <c:pt idx="139">
                  <c:v>49.392784118652301</c:v>
                </c:pt>
                <c:pt idx="140">
                  <c:v>47.991954803466797</c:v>
                </c:pt>
                <c:pt idx="141">
                  <c:v>45.367210388183601</c:v>
                </c:pt>
                <c:pt idx="142">
                  <c:v>45.016525268554702</c:v>
                </c:pt>
                <c:pt idx="143">
                  <c:v>45.453529357910199</c:v>
                </c:pt>
                <c:pt idx="144">
                  <c:v>44.232669830322301</c:v>
                </c:pt>
                <c:pt idx="145">
                  <c:v>43.561546325683601</c:v>
                </c:pt>
                <c:pt idx="146">
                  <c:v>41.871707916259801</c:v>
                </c:pt>
                <c:pt idx="147">
                  <c:v>43.749687194824197</c:v>
                </c:pt>
                <c:pt idx="148">
                  <c:v>42.884712219238303</c:v>
                </c:pt>
                <c:pt idx="149">
                  <c:v>40.77001953125</c:v>
                </c:pt>
                <c:pt idx="150">
                  <c:v>39.713489532470703</c:v>
                </c:pt>
                <c:pt idx="151">
                  <c:v>44.091236114502003</c:v>
                </c:pt>
                <c:pt idx="152">
                  <c:v>37.788642883300803</c:v>
                </c:pt>
                <c:pt idx="153">
                  <c:v>37.462516784667997</c:v>
                </c:pt>
                <c:pt idx="154">
                  <c:v>37.889080047607401</c:v>
                </c:pt>
                <c:pt idx="155">
                  <c:v>36.881092071533203</c:v>
                </c:pt>
                <c:pt idx="156">
                  <c:v>37.184211730957003</c:v>
                </c:pt>
                <c:pt idx="157">
                  <c:v>35.963760375976598</c:v>
                </c:pt>
                <c:pt idx="158">
                  <c:v>35.587966918945298</c:v>
                </c:pt>
                <c:pt idx="159">
                  <c:v>34.077606201171903</c:v>
                </c:pt>
                <c:pt idx="160">
                  <c:v>33.958076477050803</c:v>
                </c:pt>
                <c:pt idx="161">
                  <c:v>34.106796264648402</c:v>
                </c:pt>
                <c:pt idx="162">
                  <c:v>33.502017974853501</c:v>
                </c:pt>
                <c:pt idx="163">
                  <c:v>31.873796463012699</c:v>
                </c:pt>
                <c:pt idx="164">
                  <c:v>31.4566955566406</c:v>
                </c:pt>
                <c:pt idx="165">
                  <c:v>28.4713745117188</c:v>
                </c:pt>
                <c:pt idx="166">
                  <c:v>26.748216629028299</c:v>
                </c:pt>
                <c:pt idx="167">
                  <c:v>28.248476028442401</c:v>
                </c:pt>
                <c:pt idx="168">
                  <c:v>24.215898513793899</c:v>
                </c:pt>
                <c:pt idx="169">
                  <c:v>25.4647426605225</c:v>
                </c:pt>
                <c:pt idx="170">
                  <c:v>24.76096534729</c:v>
                </c:pt>
                <c:pt idx="171">
                  <c:v>22.560693740844702</c:v>
                </c:pt>
                <c:pt idx="172">
                  <c:v>21.922754287719702</c:v>
                </c:pt>
                <c:pt idx="173">
                  <c:v>22.700841903686499</c:v>
                </c:pt>
                <c:pt idx="174">
                  <c:v>21.569969177246101</c:v>
                </c:pt>
                <c:pt idx="175">
                  <c:v>21.4813556671143</c:v>
                </c:pt>
                <c:pt idx="176">
                  <c:v>19.090518951416001</c:v>
                </c:pt>
                <c:pt idx="177">
                  <c:v>18.732242584228501</c:v>
                </c:pt>
                <c:pt idx="178">
                  <c:v>17.9950160980225</c:v>
                </c:pt>
                <c:pt idx="179">
                  <c:v>18.4581413269043</c:v>
                </c:pt>
                <c:pt idx="180">
                  <c:v>16.5872917175293</c:v>
                </c:pt>
                <c:pt idx="181">
                  <c:v>15.928459167480501</c:v>
                </c:pt>
                <c:pt idx="182">
                  <c:v>15.9218664169312</c:v>
                </c:pt>
                <c:pt idx="183">
                  <c:v>15.672611236572299</c:v>
                </c:pt>
                <c:pt idx="184">
                  <c:v>14.722126007080099</c:v>
                </c:pt>
                <c:pt idx="185">
                  <c:v>14.143293380737299</c:v>
                </c:pt>
                <c:pt idx="186">
                  <c:v>13.657361984252899</c:v>
                </c:pt>
                <c:pt idx="187">
                  <c:v>13.6997575759888</c:v>
                </c:pt>
                <c:pt idx="188">
                  <c:v>12.3927221298218</c:v>
                </c:pt>
                <c:pt idx="189">
                  <c:v>12.290956497192401</c:v>
                </c:pt>
                <c:pt idx="190">
                  <c:v>11.576376914978001</c:v>
                </c:pt>
                <c:pt idx="191">
                  <c:v>10.2151803970337</c:v>
                </c:pt>
                <c:pt idx="192">
                  <c:v>10.9295148849487</c:v>
                </c:pt>
                <c:pt idx="193">
                  <c:v>9.9417295455932599</c:v>
                </c:pt>
                <c:pt idx="194">
                  <c:v>9.7423076629638707</c:v>
                </c:pt>
                <c:pt idx="195">
                  <c:v>9.5330533981323207</c:v>
                </c:pt>
                <c:pt idx="196">
                  <c:v>9.1188220977783203</c:v>
                </c:pt>
                <c:pt idx="197">
                  <c:v>8.2848119735717791</c:v>
                </c:pt>
                <c:pt idx="198">
                  <c:v>8.4944219589233398</c:v>
                </c:pt>
                <c:pt idx="199">
                  <c:v>7.4200749397277797</c:v>
                </c:pt>
                <c:pt idx="200">
                  <c:v>6.4091100692748997</c:v>
                </c:pt>
                <c:pt idx="201">
                  <c:v>7.4050273895263699</c:v>
                </c:pt>
                <c:pt idx="202">
                  <c:v>6.0325126647949201</c:v>
                </c:pt>
                <c:pt idx="203">
                  <c:v>6.2358317375183097</c:v>
                </c:pt>
                <c:pt idx="204">
                  <c:v>5.4953556060790998</c:v>
                </c:pt>
                <c:pt idx="205">
                  <c:v>4.9619221687316903</c:v>
                </c:pt>
                <c:pt idx="206">
                  <c:v>5.14931392669678</c:v>
                </c:pt>
                <c:pt idx="207">
                  <c:v>4.1995983123779297</c:v>
                </c:pt>
                <c:pt idx="208">
                  <c:v>3.9334745407104501</c:v>
                </c:pt>
                <c:pt idx="209">
                  <c:v>4.0299816131591797</c:v>
                </c:pt>
                <c:pt idx="210">
                  <c:v>3.7366535663604701</c:v>
                </c:pt>
                <c:pt idx="211">
                  <c:v>3.0499451160430899</c:v>
                </c:pt>
                <c:pt idx="212">
                  <c:v>2.8640298843383798</c:v>
                </c:pt>
                <c:pt idx="213">
                  <c:v>2.44447994232178</c:v>
                </c:pt>
                <c:pt idx="214">
                  <c:v>2.300137758255</c:v>
                </c:pt>
                <c:pt idx="215">
                  <c:v>2.1269104480743399</c:v>
                </c:pt>
                <c:pt idx="216">
                  <c:v>2.0382320880889901</c:v>
                </c:pt>
                <c:pt idx="217">
                  <c:v>1.74735891819</c:v>
                </c:pt>
                <c:pt idx="218">
                  <c:v>1.59491515159607</c:v>
                </c:pt>
                <c:pt idx="219">
                  <c:v>1.3888300657272299</c:v>
                </c:pt>
                <c:pt idx="220">
                  <c:v>1.2059369087219201</c:v>
                </c:pt>
                <c:pt idx="221">
                  <c:v>0.97701603174209595</c:v>
                </c:pt>
                <c:pt idx="222">
                  <c:v>0.78193014860153198</c:v>
                </c:pt>
                <c:pt idx="223">
                  <c:v>0.68846380710601796</c:v>
                </c:pt>
                <c:pt idx="224">
                  <c:v>0.49168619513511702</c:v>
                </c:pt>
                <c:pt idx="225">
                  <c:v>0.37465268373489402</c:v>
                </c:pt>
                <c:pt idx="226">
                  <c:v>0.22366933524608601</c:v>
                </c:pt>
                <c:pt idx="227">
                  <c:v>9.8221816122531905E-2</c:v>
                </c:pt>
                <c:pt idx="228">
                  <c:v>0.19915682077407801</c:v>
                </c:pt>
                <c:pt idx="229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ACC5-4DC4-8FFA-936D652CDFA9}"/>
            </c:ext>
          </c:extLst>
        </c:ser>
        <c:ser>
          <c:idx val="7"/>
          <c:order val="7"/>
          <c:tx>
            <c:v>2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xVal>
            <c:numRef>
              <c:f>_27_01_bss_4_6_thixotropy_3_1_r!$F$2:$F$231</c:f>
              <c:numCache>
                <c:formatCode>General</c:formatCode>
                <c:ptCount val="230"/>
                <c:pt idx="0">
                  <c:v>0.925326287746429</c:v>
                </c:pt>
                <c:pt idx="1">
                  <c:v>1.9250180721282999</c:v>
                </c:pt>
                <c:pt idx="2">
                  <c:v>2.9249427318572998</c:v>
                </c:pt>
                <c:pt idx="3">
                  <c:v>3.9244627952575701</c:v>
                </c:pt>
                <c:pt idx="4">
                  <c:v>4.9248609542846697</c:v>
                </c:pt>
                <c:pt idx="5">
                  <c:v>5.92501020431519</c:v>
                </c:pt>
                <c:pt idx="6">
                  <c:v>6.9273104667663601</c:v>
                </c:pt>
                <c:pt idx="7">
                  <c:v>7.9274401664733896</c:v>
                </c:pt>
                <c:pt idx="8">
                  <c:v>8.9265632629394496</c:v>
                </c:pt>
                <c:pt idx="9">
                  <c:v>9.9250736236572301</c:v>
                </c:pt>
                <c:pt idx="10">
                  <c:v>10.924939155578601</c:v>
                </c:pt>
                <c:pt idx="11">
                  <c:v>11.924943923950201</c:v>
                </c:pt>
                <c:pt idx="12">
                  <c:v>12.9252328872681</c:v>
                </c:pt>
                <c:pt idx="13">
                  <c:v>13.925402641296399</c:v>
                </c:pt>
                <c:pt idx="14">
                  <c:v>14.925350189209</c:v>
                </c:pt>
                <c:pt idx="15">
                  <c:v>15.925523757934601</c:v>
                </c:pt>
                <c:pt idx="16">
                  <c:v>16.925308227539102</c:v>
                </c:pt>
                <c:pt idx="17">
                  <c:v>17.9251098632813</c:v>
                </c:pt>
                <c:pt idx="18">
                  <c:v>18.924699783325199</c:v>
                </c:pt>
                <c:pt idx="19">
                  <c:v>19.9246120452881</c:v>
                </c:pt>
                <c:pt idx="20">
                  <c:v>20.9242153167725</c:v>
                </c:pt>
                <c:pt idx="21">
                  <c:v>21.924192428588899</c:v>
                </c:pt>
                <c:pt idx="22">
                  <c:v>22.923662185668899</c:v>
                </c:pt>
                <c:pt idx="23">
                  <c:v>23.9236660003662</c:v>
                </c:pt>
                <c:pt idx="24">
                  <c:v>24.9232063293457</c:v>
                </c:pt>
                <c:pt idx="25">
                  <c:v>25.922876358032202</c:v>
                </c:pt>
                <c:pt idx="26">
                  <c:v>26.922914505004901</c:v>
                </c:pt>
                <c:pt idx="27">
                  <c:v>27.922348022460898</c:v>
                </c:pt>
                <c:pt idx="28">
                  <c:v>28.922288894653299</c:v>
                </c:pt>
                <c:pt idx="29">
                  <c:v>29.922113418579102</c:v>
                </c:pt>
                <c:pt idx="30">
                  <c:v>30.921867370605501</c:v>
                </c:pt>
                <c:pt idx="31">
                  <c:v>31.921556472778299</c:v>
                </c:pt>
                <c:pt idx="32">
                  <c:v>32.921169281005902</c:v>
                </c:pt>
                <c:pt idx="33">
                  <c:v>33.920936584472699</c:v>
                </c:pt>
                <c:pt idx="34">
                  <c:v>34.920928955078097</c:v>
                </c:pt>
                <c:pt idx="35">
                  <c:v>35.920711517333999</c:v>
                </c:pt>
                <c:pt idx="36">
                  <c:v>36.920211791992202</c:v>
                </c:pt>
                <c:pt idx="37">
                  <c:v>37.919822692871101</c:v>
                </c:pt>
                <c:pt idx="38">
                  <c:v>38.919647216796903</c:v>
                </c:pt>
                <c:pt idx="39">
                  <c:v>39.9195556640625</c:v>
                </c:pt>
                <c:pt idx="40">
                  <c:v>40.919002532958999</c:v>
                </c:pt>
                <c:pt idx="41">
                  <c:v>41.922046661377003</c:v>
                </c:pt>
                <c:pt idx="42">
                  <c:v>42.921627044677699</c:v>
                </c:pt>
                <c:pt idx="43">
                  <c:v>43.922645568847699</c:v>
                </c:pt>
                <c:pt idx="44">
                  <c:v>44.920997619628899</c:v>
                </c:pt>
                <c:pt idx="45">
                  <c:v>45.9207954406738</c:v>
                </c:pt>
                <c:pt idx="46">
                  <c:v>46.920650482177699</c:v>
                </c:pt>
                <c:pt idx="47">
                  <c:v>47.920352935791001</c:v>
                </c:pt>
                <c:pt idx="48">
                  <c:v>48.920230865478501</c:v>
                </c:pt>
                <c:pt idx="49">
                  <c:v>49.919921875</c:v>
                </c:pt>
                <c:pt idx="50">
                  <c:v>50.919975280761697</c:v>
                </c:pt>
                <c:pt idx="51">
                  <c:v>51.919239044189503</c:v>
                </c:pt>
                <c:pt idx="52">
                  <c:v>52.919300079345703</c:v>
                </c:pt>
                <c:pt idx="53">
                  <c:v>53.919216156005902</c:v>
                </c:pt>
                <c:pt idx="54">
                  <c:v>54.918704986572301</c:v>
                </c:pt>
                <c:pt idx="55">
                  <c:v>55.918739318847699</c:v>
                </c:pt>
                <c:pt idx="56">
                  <c:v>56.918239593505902</c:v>
                </c:pt>
                <c:pt idx="57">
                  <c:v>57.918216705322301</c:v>
                </c:pt>
                <c:pt idx="58">
                  <c:v>58.917587280273402</c:v>
                </c:pt>
                <c:pt idx="59">
                  <c:v>59.917667388916001</c:v>
                </c:pt>
                <c:pt idx="60">
                  <c:v>60.916980743408203</c:v>
                </c:pt>
                <c:pt idx="61">
                  <c:v>61.917282104492202</c:v>
                </c:pt>
                <c:pt idx="62">
                  <c:v>62.916923522949197</c:v>
                </c:pt>
                <c:pt idx="63">
                  <c:v>63.916587829589801</c:v>
                </c:pt>
                <c:pt idx="64">
                  <c:v>64.916152954101605</c:v>
                </c:pt>
                <c:pt idx="65">
                  <c:v>65.916091918945298</c:v>
                </c:pt>
                <c:pt idx="66">
                  <c:v>66.915565490722699</c:v>
                </c:pt>
                <c:pt idx="67">
                  <c:v>67.915542602539105</c:v>
                </c:pt>
                <c:pt idx="68">
                  <c:v>68.915504455566406</c:v>
                </c:pt>
                <c:pt idx="69">
                  <c:v>69.915229797363295</c:v>
                </c:pt>
                <c:pt idx="70">
                  <c:v>70.914970397949205</c:v>
                </c:pt>
                <c:pt idx="71">
                  <c:v>71.914443969726605</c:v>
                </c:pt>
                <c:pt idx="72">
                  <c:v>72.914329528808594</c:v>
                </c:pt>
                <c:pt idx="73">
                  <c:v>73.914176940917997</c:v>
                </c:pt>
                <c:pt idx="74">
                  <c:v>74.913528442382798</c:v>
                </c:pt>
                <c:pt idx="75">
                  <c:v>75.913681030273395</c:v>
                </c:pt>
                <c:pt idx="76">
                  <c:v>76.913078308105497</c:v>
                </c:pt>
                <c:pt idx="77">
                  <c:v>77.912887573242202</c:v>
                </c:pt>
                <c:pt idx="78">
                  <c:v>78.912879943847699</c:v>
                </c:pt>
                <c:pt idx="79">
                  <c:v>79.912788391113295</c:v>
                </c:pt>
                <c:pt idx="80">
                  <c:v>80.912200927734403</c:v>
                </c:pt>
                <c:pt idx="81">
                  <c:v>81.912216186523395</c:v>
                </c:pt>
                <c:pt idx="82">
                  <c:v>82.911628723144503</c:v>
                </c:pt>
                <c:pt idx="83">
                  <c:v>83.911857604980497</c:v>
                </c:pt>
                <c:pt idx="84">
                  <c:v>84.911552429199205</c:v>
                </c:pt>
                <c:pt idx="85">
                  <c:v>85.910881042480497</c:v>
                </c:pt>
                <c:pt idx="86">
                  <c:v>86.911041259765597</c:v>
                </c:pt>
                <c:pt idx="87">
                  <c:v>87.910537719726605</c:v>
                </c:pt>
                <c:pt idx="88">
                  <c:v>88.910499572753906</c:v>
                </c:pt>
                <c:pt idx="89">
                  <c:v>89.910003662109403</c:v>
                </c:pt>
                <c:pt idx="90">
                  <c:v>90.909805297851605</c:v>
                </c:pt>
                <c:pt idx="91">
                  <c:v>91.909553527832003</c:v>
                </c:pt>
                <c:pt idx="92">
                  <c:v>92.909683227539105</c:v>
                </c:pt>
                <c:pt idx="93">
                  <c:v>93.908889770507798</c:v>
                </c:pt>
                <c:pt idx="94">
                  <c:v>94.909088134765597</c:v>
                </c:pt>
                <c:pt idx="95">
                  <c:v>95.908889770507798</c:v>
                </c:pt>
                <c:pt idx="96">
                  <c:v>96.908309936523395</c:v>
                </c:pt>
                <c:pt idx="97">
                  <c:v>97.908378601074205</c:v>
                </c:pt>
                <c:pt idx="98">
                  <c:v>98.908058166503906</c:v>
                </c:pt>
                <c:pt idx="99">
                  <c:v>99.907653808593807</c:v>
                </c:pt>
                <c:pt idx="100">
                  <c:v>100.000190734863</c:v>
                </c:pt>
                <c:pt idx="101">
                  <c:v>99.999687194824205</c:v>
                </c:pt>
                <c:pt idx="102">
                  <c:v>99.999801635742202</c:v>
                </c:pt>
                <c:pt idx="103">
                  <c:v>99.999977111816406</c:v>
                </c:pt>
                <c:pt idx="104">
                  <c:v>99.999610900878906</c:v>
                </c:pt>
                <c:pt idx="105">
                  <c:v>99.999809265136705</c:v>
                </c:pt>
                <c:pt idx="106">
                  <c:v>99.999946594238295</c:v>
                </c:pt>
                <c:pt idx="107">
                  <c:v>100.00006866455099</c:v>
                </c:pt>
                <c:pt idx="108">
                  <c:v>100.000030517578</c:v>
                </c:pt>
                <c:pt idx="109">
                  <c:v>99.999771118164105</c:v>
                </c:pt>
                <c:pt idx="110">
                  <c:v>100.00025177002</c:v>
                </c:pt>
                <c:pt idx="111">
                  <c:v>99.999778747558594</c:v>
                </c:pt>
                <c:pt idx="112">
                  <c:v>100.00016784668</c:v>
                </c:pt>
                <c:pt idx="113">
                  <c:v>99.999893188476605</c:v>
                </c:pt>
                <c:pt idx="114">
                  <c:v>100.000114440918</c:v>
                </c:pt>
                <c:pt idx="115">
                  <c:v>100.00054931640599</c:v>
                </c:pt>
                <c:pt idx="116">
                  <c:v>99.999961853027301</c:v>
                </c:pt>
                <c:pt idx="117">
                  <c:v>99.999954223632798</c:v>
                </c:pt>
                <c:pt idx="118">
                  <c:v>99.999954223632798</c:v>
                </c:pt>
                <c:pt idx="119">
                  <c:v>100.000190734863</c:v>
                </c:pt>
                <c:pt idx="120">
                  <c:v>100.00016784668</c:v>
                </c:pt>
                <c:pt idx="121">
                  <c:v>99.999977111816406</c:v>
                </c:pt>
                <c:pt idx="122">
                  <c:v>100.00002288818401</c:v>
                </c:pt>
                <c:pt idx="123">
                  <c:v>100.000137329102</c:v>
                </c:pt>
                <c:pt idx="124">
                  <c:v>99.999847412109403</c:v>
                </c:pt>
                <c:pt idx="125">
                  <c:v>99.999847412109403</c:v>
                </c:pt>
                <c:pt idx="126">
                  <c:v>99.999717712402301</c:v>
                </c:pt>
                <c:pt idx="127">
                  <c:v>99.999946594238295</c:v>
                </c:pt>
                <c:pt idx="128">
                  <c:v>99.999855041503906</c:v>
                </c:pt>
                <c:pt idx="129">
                  <c:v>100.000007629395</c:v>
                </c:pt>
                <c:pt idx="130">
                  <c:v>99.073982238769503</c:v>
                </c:pt>
                <c:pt idx="131">
                  <c:v>98.074455261230497</c:v>
                </c:pt>
                <c:pt idx="132">
                  <c:v>97.074432373046903</c:v>
                </c:pt>
                <c:pt idx="133">
                  <c:v>96.072044372558594</c:v>
                </c:pt>
                <c:pt idx="134">
                  <c:v>95.074951171875</c:v>
                </c:pt>
                <c:pt idx="135">
                  <c:v>94.075241088867202</c:v>
                </c:pt>
                <c:pt idx="136">
                  <c:v>93.075515747070298</c:v>
                </c:pt>
                <c:pt idx="137">
                  <c:v>92.075584411621094</c:v>
                </c:pt>
                <c:pt idx="138">
                  <c:v>91.073173522949205</c:v>
                </c:pt>
                <c:pt idx="139">
                  <c:v>90.076179504394503</c:v>
                </c:pt>
                <c:pt idx="140">
                  <c:v>89.076332092285199</c:v>
                </c:pt>
                <c:pt idx="141">
                  <c:v>88.076698303222699</c:v>
                </c:pt>
                <c:pt idx="142">
                  <c:v>87.076942443847699</c:v>
                </c:pt>
                <c:pt idx="143">
                  <c:v>86.077102661132798</c:v>
                </c:pt>
                <c:pt idx="144">
                  <c:v>85.077438354492202</c:v>
                </c:pt>
                <c:pt idx="145">
                  <c:v>84.077560424804702</c:v>
                </c:pt>
                <c:pt idx="146">
                  <c:v>83.077896118164105</c:v>
                </c:pt>
                <c:pt idx="147">
                  <c:v>82.078079223632798</c:v>
                </c:pt>
                <c:pt idx="148">
                  <c:v>81.078529357910199</c:v>
                </c:pt>
                <c:pt idx="149">
                  <c:v>80.078651428222699</c:v>
                </c:pt>
                <c:pt idx="150">
                  <c:v>79.078887939453097</c:v>
                </c:pt>
                <c:pt idx="151">
                  <c:v>78.079116821289105</c:v>
                </c:pt>
                <c:pt idx="152">
                  <c:v>77.079345703125</c:v>
                </c:pt>
                <c:pt idx="153">
                  <c:v>76.079475402832003</c:v>
                </c:pt>
                <c:pt idx="154">
                  <c:v>75.080116271972699</c:v>
                </c:pt>
                <c:pt idx="155">
                  <c:v>74.080017089843807</c:v>
                </c:pt>
                <c:pt idx="156">
                  <c:v>73.080276489257798</c:v>
                </c:pt>
                <c:pt idx="157">
                  <c:v>72.080795288085895</c:v>
                </c:pt>
                <c:pt idx="158">
                  <c:v>71.080703735351605</c:v>
                </c:pt>
                <c:pt idx="159">
                  <c:v>70.081336975097699</c:v>
                </c:pt>
                <c:pt idx="160">
                  <c:v>69.081375122070298</c:v>
                </c:pt>
                <c:pt idx="161">
                  <c:v>68.081535339355497</c:v>
                </c:pt>
                <c:pt idx="162">
                  <c:v>67.081756591796903</c:v>
                </c:pt>
                <c:pt idx="163">
                  <c:v>66.0821533203125</c:v>
                </c:pt>
                <c:pt idx="164">
                  <c:v>65.082115173339801</c:v>
                </c:pt>
                <c:pt idx="165">
                  <c:v>64.082305908203097</c:v>
                </c:pt>
                <c:pt idx="166">
                  <c:v>63.082748413085902</c:v>
                </c:pt>
                <c:pt idx="167">
                  <c:v>62.083065032958999</c:v>
                </c:pt>
                <c:pt idx="168">
                  <c:v>61.083229064941399</c:v>
                </c:pt>
                <c:pt idx="169">
                  <c:v>60.083518981933601</c:v>
                </c:pt>
                <c:pt idx="170">
                  <c:v>59.083702087402301</c:v>
                </c:pt>
                <c:pt idx="171">
                  <c:v>58.083938598632798</c:v>
                </c:pt>
                <c:pt idx="172">
                  <c:v>57.081375122070298</c:v>
                </c:pt>
                <c:pt idx="173">
                  <c:v>56.084259033203097</c:v>
                </c:pt>
                <c:pt idx="174">
                  <c:v>55.081790924072301</c:v>
                </c:pt>
                <c:pt idx="175">
                  <c:v>54.081993103027301</c:v>
                </c:pt>
                <c:pt idx="176">
                  <c:v>53.082523345947301</c:v>
                </c:pt>
                <c:pt idx="177">
                  <c:v>52.082721710205099</c:v>
                </c:pt>
                <c:pt idx="178">
                  <c:v>51.0827445983887</c:v>
                </c:pt>
                <c:pt idx="179">
                  <c:v>50.083309173583999</c:v>
                </c:pt>
                <c:pt idx="180">
                  <c:v>49.0832328796387</c:v>
                </c:pt>
                <c:pt idx="181">
                  <c:v>48.083683013916001</c:v>
                </c:pt>
                <c:pt idx="182">
                  <c:v>47.0837593078613</c:v>
                </c:pt>
                <c:pt idx="183">
                  <c:v>46.0841674804688</c:v>
                </c:pt>
                <c:pt idx="184">
                  <c:v>45.0843505859375</c:v>
                </c:pt>
                <c:pt idx="185">
                  <c:v>44.084659576416001</c:v>
                </c:pt>
                <c:pt idx="186">
                  <c:v>43.084793090820298</c:v>
                </c:pt>
                <c:pt idx="187">
                  <c:v>42.085159301757798</c:v>
                </c:pt>
                <c:pt idx="188">
                  <c:v>41.085094451904297</c:v>
                </c:pt>
                <c:pt idx="189">
                  <c:v>40.085643768310497</c:v>
                </c:pt>
                <c:pt idx="190">
                  <c:v>39.085777282714801</c:v>
                </c:pt>
                <c:pt idx="191">
                  <c:v>38.085914611816399</c:v>
                </c:pt>
                <c:pt idx="192">
                  <c:v>37.08642578125</c:v>
                </c:pt>
                <c:pt idx="193">
                  <c:v>36.086696624755902</c:v>
                </c:pt>
                <c:pt idx="194">
                  <c:v>35.086662292480497</c:v>
                </c:pt>
                <c:pt idx="195">
                  <c:v>34.0870170593262</c:v>
                </c:pt>
                <c:pt idx="196">
                  <c:v>33.087234497070298</c:v>
                </c:pt>
                <c:pt idx="197">
                  <c:v>32.087677001953097</c:v>
                </c:pt>
                <c:pt idx="198">
                  <c:v>31.087793350219702</c:v>
                </c:pt>
                <c:pt idx="199">
                  <c:v>30.088047027587901</c:v>
                </c:pt>
                <c:pt idx="200">
                  <c:v>29.088455200195298</c:v>
                </c:pt>
                <c:pt idx="201">
                  <c:v>28.088426589965799</c:v>
                </c:pt>
                <c:pt idx="202">
                  <c:v>27.0886344909668</c:v>
                </c:pt>
                <c:pt idx="203">
                  <c:v>26.088960647583001</c:v>
                </c:pt>
                <c:pt idx="204">
                  <c:v>25.089208602905298</c:v>
                </c:pt>
                <c:pt idx="205">
                  <c:v>24.0892848968506</c:v>
                </c:pt>
                <c:pt idx="206">
                  <c:v>23.089796066284201</c:v>
                </c:pt>
                <c:pt idx="207">
                  <c:v>22.090145111083999</c:v>
                </c:pt>
                <c:pt idx="208">
                  <c:v>21.090227127075199</c:v>
                </c:pt>
                <c:pt idx="209">
                  <c:v>20.09055519104</c:v>
                </c:pt>
                <c:pt idx="210">
                  <c:v>19.090866088867202</c:v>
                </c:pt>
                <c:pt idx="211">
                  <c:v>18.090736389160199</c:v>
                </c:pt>
                <c:pt idx="212">
                  <c:v>17.091123580932599</c:v>
                </c:pt>
                <c:pt idx="213">
                  <c:v>16.0915431976318</c:v>
                </c:pt>
                <c:pt idx="214">
                  <c:v>15.0914211273193</c:v>
                </c:pt>
                <c:pt idx="215">
                  <c:v>14.091381072998001</c:v>
                </c:pt>
                <c:pt idx="216">
                  <c:v>13.091391563415501</c:v>
                </c:pt>
                <c:pt idx="217">
                  <c:v>12.091112136840801</c:v>
                </c:pt>
                <c:pt idx="218">
                  <c:v>11.091106414794901</c:v>
                </c:pt>
                <c:pt idx="219">
                  <c:v>10.090822219848601</c:v>
                </c:pt>
                <c:pt idx="220">
                  <c:v>9.0907325744628906</c:v>
                </c:pt>
                <c:pt idx="221">
                  <c:v>8.0908527374267596</c:v>
                </c:pt>
                <c:pt idx="222">
                  <c:v>7.0905251502990696</c:v>
                </c:pt>
                <c:pt idx="223">
                  <c:v>6.0907683372497603</c:v>
                </c:pt>
                <c:pt idx="224">
                  <c:v>5.0907425880432102</c:v>
                </c:pt>
                <c:pt idx="225">
                  <c:v>4.0908570289611799</c:v>
                </c:pt>
                <c:pt idx="226">
                  <c:v>3.0910327434539799</c:v>
                </c:pt>
                <c:pt idx="227">
                  <c:v>2.0906355381011998</c:v>
                </c:pt>
                <c:pt idx="228">
                  <c:v>1.09076976776123</c:v>
                </c:pt>
                <c:pt idx="229">
                  <c:v>9.1086484491825104E-2</c:v>
                </c:pt>
              </c:numCache>
            </c:numRef>
          </c:xVal>
          <c:yVal>
            <c:numRef>
              <c:f>_27_01_bss_4_6_thixotropy_3_1_r!$D$2:$D$231</c:f>
              <c:numCache>
                <c:formatCode>General</c:formatCode>
                <c:ptCount val="230"/>
                <c:pt idx="0">
                  <c:v>415.9384765625</c:v>
                </c:pt>
                <c:pt idx="1">
                  <c:v>344.47695922851602</c:v>
                </c:pt>
                <c:pt idx="2">
                  <c:v>286.08810424804699</c:v>
                </c:pt>
                <c:pt idx="3">
                  <c:v>241.77169799804699</c:v>
                </c:pt>
                <c:pt idx="4">
                  <c:v>248.17408752441401</c:v>
                </c:pt>
                <c:pt idx="5">
                  <c:v>214.75753784179699</c:v>
                </c:pt>
                <c:pt idx="6">
                  <c:v>219.42068481445301</c:v>
                </c:pt>
                <c:pt idx="7">
                  <c:v>231.30740356445301</c:v>
                </c:pt>
                <c:pt idx="8">
                  <c:v>318.00906372070301</c:v>
                </c:pt>
                <c:pt idx="9">
                  <c:v>180.12809753418</c:v>
                </c:pt>
                <c:pt idx="10">
                  <c:v>171.58247375488301</c:v>
                </c:pt>
                <c:pt idx="11">
                  <c:v>186.74623107910199</c:v>
                </c:pt>
                <c:pt idx="12">
                  <c:v>191.45429992675801</c:v>
                </c:pt>
                <c:pt idx="13">
                  <c:v>202.21499633789099</c:v>
                </c:pt>
                <c:pt idx="14">
                  <c:v>201.54151916503901</c:v>
                </c:pt>
                <c:pt idx="15">
                  <c:v>199.07829284668</c:v>
                </c:pt>
                <c:pt idx="16">
                  <c:v>198.62570190429699</c:v>
                </c:pt>
                <c:pt idx="17">
                  <c:v>197.23106384277301</c:v>
                </c:pt>
                <c:pt idx="18">
                  <c:v>195.95938110351599</c:v>
                </c:pt>
                <c:pt idx="19">
                  <c:v>203.92332458496099</c:v>
                </c:pt>
                <c:pt idx="20">
                  <c:v>194.83679199218801</c:v>
                </c:pt>
                <c:pt idx="21">
                  <c:v>201.21292114257801</c:v>
                </c:pt>
                <c:pt idx="22">
                  <c:v>203.93356323242199</c:v>
                </c:pt>
                <c:pt idx="23">
                  <c:v>202.88003540039099</c:v>
                </c:pt>
                <c:pt idx="24">
                  <c:v>197.16445922851599</c:v>
                </c:pt>
                <c:pt idx="25">
                  <c:v>209.50492858886699</c:v>
                </c:pt>
                <c:pt idx="26">
                  <c:v>118.494506835938</c:v>
                </c:pt>
                <c:pt idx="27">
                  <c:v>125.90843200683599</c:v>
                </c:pt>
                <c:pt idx="28">
                  <c:v>125.506065368652</c:v>
                </c:pt>
                <c:pt idx="29">
                  <c:v>137.95291137695301</c:v>
                </c:pt>
                <c:pt idx="30">
                  <c:v>133.08470153808599</c:v>
                </c:pt>
                <c:pt idx="31">
                  <c:v>153.16014099121099</c:v>
                </c:pt>
                <c:pt idx="32">
                  <c:v>137.68524169921901</c:v>
                </c:pt>
                <c:pt idx="33">
                  <c:v>140.89437866210901</c:v>
                </c:pt>
                <c:pt idx="34">
                  <c:v>146.015869140625</c:v>
                </c:pt>
                <c:pt idx="35">
                  <c:v>146.28227233886699</c:v>
                </c:pt>
                <c:pt idx="36">
                  <c:v>163.05111694335901</c:v>
                </c:pt>
                <c:pt idx="37">
                  <c:v>149.19259643554699</c:v>
                </c:pt>
                <c:pt idx="38">
                  <c:v>145.32183837890599</c:v>
                </c:pt>
                <c:pt idx="39">
                  <c:v>143.25016784668</c:v>
                </c:pt>
                <c:pt idx="40">
                  <c:v>150.017654418945</c:v>
                </c:pt>
                <c:pt idx="41">
                  <c:v>138.32583618164099</c:v>
                </c:pt>
                <c:pt idx="42">
                  <c:v>166.13754272460901</c:v>
                </c:pt>
                <c:pt idx="43">
                  <c:v>151.58389282226599</c:v>
                </c:pt>
                <c:pt idx="44">
                  <c:v>150.56265258789099</c:v>
                </c:pt>
                <c:pt idx="45">
                  <c:v>153.49348449707</c:v>
                </c:pt>
                <c:pt idx="46">
                  <c:v>152.65243530273401</c:v>
                </c:pt>
                <c:pt idx="47">
                  <c:v>150.97552490234401</c:v>
                </c:pt>
                <c:pt idx="48">
                  <c:v>150.28875732421901</c:v>
                </c:pt>
                <c:pt idx="49">
                  <c:v>152.85168457031301</c:v>
                </c:pt>
                <c:pt idx="50">
                  <c:v>157.79591369628901</c:v>
                </c:pt>
                <c:pt idx="51">
                  <c:v>142.05604553222699</c:v>
                </c:pt>
                <c:pt idx="52">
                  <c:v>144.65686035156301</c:v>
                </c:pt>
                <c:pt idx="53">
                  <c:v>221.40182495117199</c:v>
                </c:pt>
                <c:pt idx="54">
                  <c:v>259.59762573242199</c:v>
                </c:pt>
                <c:pt idx="55">
                  <c:v>236.61006164550801</c:v>
                </c:pt>
                <c:pt idx="56">
                  <c:v>197.07574462890599</c:v>
                </c:pt>
                <c:pt idx="57">
                  <c:v>216.75192260742199</c:v>
                </c:pt>
                <c:pt idx="58">
                  <c:v>218.14685058593801</c:v>
                </c:pt>
                <c:pt idx="59">
                  <c:v>227.01231384277301</c:v>
                </c:pt>
                <c:pt idx="60">
                  <c:v>201.590576171875</c:v>
                </c:pt>
                <c:pt idx="61">
                  <c:v>196.62261962890599</c:v>
                </c:pt>
                <c:pt idx="62">
                  <c:v>208.84973144531301</c:v>
                </c:pt>
                <c:pt idx="63">
                  <c:v>198.74473571777301</c:v>
                </c:pt>
                <c:pt idx="64">
                  <c:v>215.97491455078099</c:v>
                </c:pt>
                <c:pt idx="65">
                  <c:v>225.40042114257801</c:v>
                </c:pt>
                <c:pt idx="66">
                  <c:v>208.33522033691401</c:v>
                </c:pt>
                <c:pt idx="67">
                  <c:v>205.146408081055</c:v>
                </c:pt>
                <c:pt idx="68">
                  <c:v>210.94024658203099</c:v>
                </c:pt>
                <c:pt idx="69">
                  <c:v>215.51631164550801</c:v>
                </c:pt>
                <c:pt idx="70">
                  <c:v>216.13714599609401</c:v>
                </c:pt>
                <c:pt idx="71">
                  <c:v>236.77899169921901</c:v>
                </c:pt>
                <c:pt idx="72">
                  <c:v>219.84451293945301</c:v>
                </c:pt>
                <c:pt idx="73">
                  <c:v>219.7099609375</c:v>
                </c:pt>
                <c:pt idx="74">
                  <c:v>218.63926696777301</c:v>
                </c:pt>
                <c:pt idx="75">
                  <c:v>225.19418334960901</c:v>
                </c:pt>
                <c:pt idx="76">
                  <c:v>221.43760681152301</c:v>
                </c:pt>
                <c:pt idx="77">
                  <c:v>236.99261474609401</c:v>
                </c:pt>
                <c:pt idx="78">
                  <c:v>241.88813781738301</c:v>
                </c:pt>
                <c:pt idx="79">
                  <c:v>241.46824645996099</c:v>
                </c:pt>
                <c:pt idx="80">
                  <c:v>249.68238830566401</c:v>
                </c:pt>
                <c:pt idx="81">
                  <c:v>244.507247924805</c:v>
                </c:pt>
                <c:pt idx="82">
                  <c:v>270.62243652343801</c:v>
                </c:pt>
                <c:pt idx="83">
                  <c:v>258.27737426757801</c:v>
                </c:pt>
                <c:pt idx="84">
                  <c:v>246.99391174316401</c:v>
                </c:pt>
                <c:pt idx="85">
                  <c:v>246.41769409179699</c:v>
                </c:pt>
                <c:pt idx="86">
                  <c:v>250.98019409179699</c:v>
                </c:pt>
                <c:pt idx="87">
                  <c:v>251.589767456055</c:v>
                </c:pt>
                <c:pt idx="88">
                  <c:v>256.53250122070301</c:v>
                </c:pt>
                <c:pt idx="89">
                  <c:v>268.05221557617199</c:v>
                </c:pt>
                <c:pt idx="90">
                  <c:v>262.48684692382801</c:v>
                </c:pt>
                <c:pt idx="91">
                  <c:v>287.89590454101602</c:v>
                </c:pt>
                <c:pt idx="92">
                  <c:v>260.43591308593801</c:v>
                </c:pt>
                <c:pt idx="93">
                  <c:v>281.13876342773398</c:v>
                </c:pt>
                <c:pt idx="94">
                  <c:v>302.34387207031301</c:v>
                </c:pt>
                <c:pt idx="95">
                  <c:v>288.1494140625</c:v>
                </c:pt>
                <c:pt idx="96">
                  <c:v>309.64889526367199</c:v>
                </c:pt>
                <c:pt idx="97">
                  <c:v>304.83380126953102</c:v>
                </c:pt>
                <c:pt idx="98">
                  <c:v>275.28009033203102</c:v>
                </c:pt>
                <c:pt idx="99">
                  <c:v>296.46896362304699</c:v>
                </c:pt>
                <c:pt idx="100">
                  <c:v>291.37167358398398</c:v>
                </c:pt>
                <c:pt idx="101">
                  <c:v>294.05612182617199</c:v>
                </c:pt>
                <c:pt idx="102">
                  <c:v>298.22604370117199</c:v>
                </c:pt>
                <c:pt idx="103">
                  <c:v>300.32913208007801</c:v>
                </c:pt>
                <c:pt idx="104">
                  <c:v>295.43218994140602</c:v>
                </c:pt>
                <c:pt idx="105">
                  <c:v>298.30731201171898</c:v>
                </c:pt>
                <c:pt idx="106">
                  <c:v>307.90087890625</c:v>
                </c:pt>
                <c:pt idx="107">
                  <c:v>309.85028076171898</c:v>
                </c:pt>
                <c:pt idx="108">
                  <c:v>309.97250366210898</c:v>
                </c:pt>
                <c:pt idx="109">
                  <c:v>317.48370361328102</c:v>
                </c:pt>
                <c:pt idx="110">
                  <c:v>312.85800170898398</c:v>
                </c:pt>
                <c:pt idx="111">
                  <c:v>317.50311279296898</c:v>
                </c:pt>
                <c:pt idx="112">
                  <c:v>325.53662109375</c:v>
                </c:pt>
                <c:pt idx="113">
                  <c:v>322.00735473632801</c:v>
                </c:pt>
                <c:pt idx="114">
                  <c:v>327.180908203125</c:v>
                </c:pt>
                <c:pt idx="115">
                  <c:v>353.52340698242199</c:v>
                </c:pt>
                <c:pt idx="116">
                  <c:v>350.31964111328102</c:v>
                </c:pt>
                <c:pt idx="117">
                  <c:v>370.68634033203102</c:v>
                </c:pt>
                <c:pt idx="118">
                  <c:v>360.87533569335898</c:v>
                </c:pt>
                <c:pt idx="119">
                  <c:v>372.49734497070301</c:v>
                </c:pt>
                <c:pt idx="120">
                  <c:v>357.1328125</c:v>
                </c:pt>
                <c:pt idx="121">
                  <c:v>350.91067504882801</c:v>
                </c:pt>
                <c:pt idx="122">
                  <c:v>347.78375244140602</c:v>
                </c:pt>
                <c:pt idx="123">
                  <c:v>346.41732788085898</c:v>
                </c:pt>
                <c:pt idx="124">
                  <c:v>332.05798339843801</c:v>
                </c:pt>
                <c:pt idx="125">
                  <c:v>338.04803466796898</c:v>
                </c:pt>
                <c:pt idx="126">
                  <c:v>328.77969360351602</c:v>
                </c:pt>
                <c:pt idx="127">
                  <c:v>321.96600341796898</c:v>
                </c:pt>
                <c:pt idx="128">
                  <c:v>324.99359130859398</c:v>
                </c:pt>
                <c:pt idx="129">
                  <c:v>321.02328491210898</c:v>
                </c:pt>
                <c:pt idx="130">
                  <c:v>321.07482910156301</c:v>
                </c:pt>
                <c:pt idx="131">
                  <c:v>318.59640502929699</c:v>
                </c:pt>
                <c:pt idx="132">
                  <c:v>313.94796752929699</c:v>
                </c:pt>
                <c:pt idx="133">
                  <c:v>307.23580932617199</c:v>
                </c:pt>
                <c:pt idx="134">
                  <c:v>301.94110107421898</c:v>
                </c:pt>
                <c:pt idx="135">
                  <c:v>307.51336669921898</c:v>
                </c:pt>
                <c:pt idx="136">
                  <c:v>308.45568847656301</c:v>
                </c:pt>
                <c:pt idx="137">
                  <c:v>319.06982421875</c:v>
                </c:pt>
                <c:pt idx="138">
                  <c:v>343.93127441406301</c:v>
                </c:pt>
                <c:pt idx="139">
                  <c:v>326.41567993164102</c:v>
                </c:pt>
                <c:pt idx="140">
                  <c:v>311.76724243164102</c:v>
                </c:pt>
                <c:pt idx="141">
                  <c:v>303.06808471679699</c:v>
                </c:pt>
                <c:pt idx="142">
                  <c:v>282.75567626953102</c:v>
                </c:pt>
                <c:pt idx="143">
                  <c:v>273.92419433593801</c:v>
                </c:pt>
                <c:pt idx="144">
                  <c:v>266.75</c:v>
                </c:pt>
                <c:pt idx="145">
                  <c:v>266.64321899414102</c:v>
                </c:pt>
                <c:pt idx="146">
                  <c:v>252.30668640136699</c:v>
                </c:pt>
                <c:pt idx="147">
                  <c:v>250.86099243164099</c:v>
                </c:pt>
                <c:pt idx="148">
                  <c:v>256.55163574218801</c:v>
                </c:pt>
                <c:pt idx="149">
                  <c:v>249.83239746093801</c:v>
                </c:pt>
                <c:pt idx="150">
                  <c:v>250.16752624511699</c:v>
                </c:pt>
                <c:pt idx="151">
                  <c:v>244.44889831543</c:v>
                </c:pt>
                <c:pt idx="152">
                  <c:v>241.37440490722699</c:v>
                </c:pt>
                <c:pt idx="153">
                  <c:v>241.46656799316401</c:v>
                </c:pt>
                <c:pt idx="154">
                  <c:v>233.33583068847699</c:v>
                </c:pt>
                <c:pt idx="155">
                  <c:v>230.20103454589801</c:v>
                </c:pt>
                <c:pt idx="156">
                  <c:v>223.34706115722699</c:v>
                </c:pt>
                <c:pt idx="157">
                  <c:v>211.29148864746099</c:v>
                </c:pt>
                <c:pt idx="158">
                  <c:v>219.43399047851599</c:v>
                </c:pt>
                <c:pt idx="159">
                  <c:v>222.56921386718801</c:v>
                </c:pt>
                <c:pt idx="160">
                  <c:v>219.52194213867199</c:v>
                </c:pt>
                <c:pt idx="161">
                  <c:v>223.086837768555</c:v>
                </c:pt>
                <c:pt idx="162">
                  <c:v>215.50721740722699</c:v>
                </c:pt>
                <c:pt idx="163">
                  <c:v>217.35578918457</c:v>
                </c:pt>
                <c:pt idx="164">
                  <c:v>215.24024963378901</c:v>
                </c:pt>
                <c:pt idx="165">
                  <c:v>214.14709472656301</c:v>
                </c:pt>
                <c:pt idx="166">
                  <c:v>209.93246459960901</c:v>
                </c:pt>
                <c:pt idx="167">
                  <c:v>207.23408508300801</c:v>
                </c:pt>
                <c:pt idx="168">
                  <c:v>208.63873291015599</c:v>
                </c:pt>
                <c:pt idx="169">
                  <c:v>198.81147766113301</c:v>
                </c:pt>
                <c:pt idx="170">
                  <c:v>201.66355895996099</c:v>
                </c:pt>
                <c:pt idx="171">
                  <c:v>197.99191284179699</c:v>
                </c:pt>
                <c:pt idx="172">
                  <c:v>191.15194702148401</c:v>
                </c:pt>
                <c:pt idx="173">
                  <c:v>196.07458496093801</c:v>
                </c:pt>
                <c:pt idx="174">
                  <c:v>203.12098693847699</c:v>
                </c:pt>
                <c:pt idx="175">
                  <c:v>201.52659606933599</c:v>
                </c:pt>
                <c:pt idx="176">
                  <c:v>202.46723937988301</c:v>
                </c:pt>
                <c:pt idx="177">
                  <c:v>199.28266906738301</c:v>
                </c:pt>
                <c:pt idx="178">
                  <c:v>191.63807678222699</c:v>
                </c:pt>
                <c:pt idx="179">
                  <c:v>186.47085571289099</c:v>
                </c:pt>
                <c:pt idx="180">
                  <c:v>192.42425537109401</c:v>
                </c:pt>
                <c:pt idx="181">
                  <c:v>177.63604736328099</c:v>
                </c:pt>
                <c:pt idx="182">
                  <c:v>162.21600341796901</c:v>
                </c:pt>
                <c:pt idx="183">
                  <c:v>174.44950866699199</c:v>
                </c:pt>
                <c:pt idx="184">
                  <c:v>168.14927673339801</c:v>
                </c:pt>
                <c:pt idx="185">
                  <c:v>163.84030151367199</c:v>
                </c:pt>
                <c:pt idx="186">
                  <c:v>159.01744079589801</c:v>
                </c:pt>
                <c:pt idx="187">
                  <c:v>164.13955688476599</c:v>
                </c:pt>
                <c:pt idx="188">
                  <c:v>156.68417358398401</c:v>
                </c:pt>
                <c:pt idx="189">
                  <c:v>157.064865112305</c:v>
                </c:pt>
                <c:pt idx="190">
                  <c:v>152.16374206543</c:v>
                </c:pt>
                <c:pt idx="191">
                  <c:v>155.41961669921901</c:v>
                </c:pt>
                <c:pt idx="192">
                  <c:v>157.81832885742199</c:v>
                </c:pt>
                <c:pt idx="193">
                  <c:v>150.10298156738301</c:v>
                </c:pt>
                <c:pt idx="194">
                  <c:v>143.27403259277301</c:v>
                </c:pt>
                <c:pt idx="195">
                  <c:v>134.01490783691401</c:v>
                </c:pt>
                <c:pt idx="196">
                  <c:v>134.91567993164099</c:v>
                </c:pt>
                <c:pt idx="197">
                  <c:v>125.24991607666</c:v>
                </c:pt>
                <c:pt idx="198">
                  <c:v>137.52540588378901</c:v>
                </c:pt>
                <c:pt idx="199">
                  <c:v>140.97642517089801</c:v>
                </c:pt>
                <c:pt idx="200">
                  <c:v>118.55320739746099</c:v>
                </c:pt>
                <c:pt idx="201">
                  <c:v>115.85480499267599</c:v>
                </c:pt>
                <c:pt idx="202">
                  <c:v>108.543663024902</c:v>
                </c:pt>
                <c:pt idx="203">
                  <c:v>114.292526245117</c:v>
                </c:pt>
                <c:pt idx="204">
                  <c:v>118.505668640137</c:v>
                </c:pt>
                <c:pt idx="205">
                  <c:v>119.732040405273</c:v>
                </c:pt>
                <c:pt idx="206">
                  <c:v>118.28497314453099</c:v>
                </c:pt>
                <c:pt idx="207">
                  <c:v>117.307914733887</c:v>
                </c:pt>
                <c:pt idx="208">
                  <c:v>112.471328735352</c:v>
                </c:pt>
                <c:pt idx="209">
                  <c:v>114.969131469727</c:v>
                </c:pt>
                <c:pt idx="210">
                  <c:v>99.043701171875</c:v>
                </c:pt>
                <c:pt idx="211">
                  <c:v>99.780601501464801</c:v>
                </c:pt>
                <c:pt idx="212">
                  <c:v>65.537452697753906</c:v>
                </c:pt>
                <c:pt idx="213">
                  <c:v>69.122589111328097</c:v>
                </c:pt>
                <c:pt idx="214">
                  <c:v>69.673423767089801</c:v>
                </c:pt>
                <c:pt idx="215">
                  <c:v>72.262931823730497</c:v>
                </c:pt>
                <c:pt idx="216">
                  <c:v>79.281028747558594</c:v>
                </c:pt>
                <c:pt idx="217">
                  <c:v>76.3160400390625</c:v>
                </c:pt>
                <c:pt idx="218">
                  <c:v>75.850227355957003</c:v>
                </c:pt>
                <c:pt idx="219">
                  <c:v>72.713394165039105</c:v>
                </c:pt>
                <c:pt idx="220">
                  <c:v>67.790641784667997</c:v>
                </c:pt>
                <c:pt idx="221">
                  <c:v>62.882274627685497</c:v>
                </c:pt>
                <c:pt idx="222">
                  <c:v>60.313529968261697</c:v>
                </c:pt>
                <c:pt idx="223">
                  <c:v>57.055461883544901</c:v>
                </c:pt>
                <c:pt idx="224">
                  <c:v>56.7811889648438</c:v>
                </c:pt>
                <c:pt idx="225">
                  <c:v>58.655086517333999</c:v>
                </c:pt>
                <c:pt idx="226">
                  <c:v>54.588954925537102</c:v>
                </c:pt>
                <c:pt idx="227">
                  <c:v>56.0074272155762</c:v>
                </c:pt>
                <c:pt idx="228">
                  <c:v>51.144405364990199</c:v>
                </c:pt>
                <c:pt idx="229">
                  <c:v>30.9648361206055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ACC5-4DC4-8FFA-936D652CDFA9}"/>
            </c:ext>
          </c:extLst>
        </c:ser>
        <c:ser>
          <c:idx val="8"/>
          <c:order val="8"/>
          <c:tx>
            <c:v>34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>
                  <a:lumMod val="60000"/>
                </a:schemeClr>
              </a:solidFill>
              <a:ln w="9525">
                <a:solidFill>
                  <a:schemeClr val="accent3">
                    <a:lumMod val="60000"/>
                  </a:schemeClr>
                </a:solidFill>
              </a:ln>
              <a:effectLst/>
            </c:spPr>
          </c:marker>
          <c:xVal>
            <c:numRef>
              <c:f>_27_01_bss_1_3_thixotropy_5_1_r!$F$2:$F$231</c:f>
              <c:numCache>
                <c:formatCode>General</c:formatCode>
                <c:ptCount val="230"/>
                <c:pt idx="0">
                  <c:v>0.92746990919113204</c:v>
                </c:pt>
                <c:pt idx="1">
                  <c:v>1.9263508319854701</c:v>
                </c:pt>
                <c:pt idx="2">
                  <c:v>2.9294867515564</c:v>
                </c:pt>
                <c:pt idx="3">
                  <c:v>3.9254999160766602</c:v>
                </c:pt>
                <c:pt idx="4">
                  <c:v>4.9271521568298304</c:v>
                </c:pt>
                <c:pt idx="5">
                  <c:v>5.9281988143920898</c:v>
                </c:pt>
                <c:pt idx="6">
                  <c:v>6.9261608123779297</c:v>
                </c:pt>
                <c:pt idx="7">
                  <c:v>7.9247994422912598</c:v>
                </c:pt>
                <c:pt idx="8">
                  <c:v>8.9291582107543892</c:v>
                </c:pt>
                <c:pt idx="9">
                  <c:v>9.9269618988037092</c:v>
                </c:pt>
                <c:pt idx="10">
                  <c:v>10.9275369644165</c:v>
                </c:pt>
                <c:pt idx="11">
                  <c:v>11.9258527755737</c:v>
                </c:pt>
                <c:pt idx="12">
                  <c:v>12.9248647689819</c:v>
                </c:pt>
                <c:pt idx="13">
                  <c:v>13.927141189575201</c:v>
                </c:pt>
                <c:pt idx="14">
                  <c:v>14.9267492294312</c:v>
                </c:pt>
                <c:pt idx="15">
                  <c:v>15.929573059081999</c:v>
                </c:pt>
                <c:pt idx="16">
                  <c:v>16.929315567016602</c:v>
                </c:pt>
                <c:pt idx="17">
                  <c:v>17.928138732910199</c:v>
                </c:pt>
                <c:pt idx="18">
                  <c:v>18.929069519043001</c:v>
                </c:pt>
                <c:pt idx="19">
                  <c:v>19.928846359252901</c:v>
                </c:pt>
                <c:pt idx="20">
                  <c:v>20.928342819213899</c:v>
                </c:pt>
                <c:pt idx="21">
                  <c:v>21.927986145019499</c:v>
                </c:pt>
                <c:pt idx="22">
                  <c:v>22.927978515625</c:v>
                </c:pt>
                <c:pt idx="23">
                  <c:v>23.9278678894043</c:v>
                </c:pt>
                <c:pt idx="24">
                  <c:v>24.927385330200199</c:v>
                </c:pt>
                <c:pt idx="25">
                  <c:v>25.927171707153299</c:v>
                </c:pt>
                <c:pt idx="26">
                  <c:v>26.926836013793899</c:v>
                </c:pt>
                <c:pt idx="27">
                  <c:v>27.9267063140869</c:v>
                </c:pt>
                <c:pt idx="28">
                  <c:v>28.926446914672901</c:v>
                </c:pt>
                <c:pt idx="29">
                  <c:v>29.9261074066162</c:v>
                </c:pt>
                <c:pt idx="30">
                  <c:v>30.925786972045898</c:v>
                </c:pt>
                <c:pt idx="31">
                  <c:v>31.9256896972656</c:v>
                </c:pt>
                <c:pt idx="32">
                  <c:v>32.925548553466797</c:v>
                </c:pt>
                <c:pt idx="33">
                  <c:v>33.925224304199197</c:v>
                </c:pt>
                <c:pt idx="34">
                  <c:v>34.924922943115199</c:v>
                </c:pt>
                <c:pt idx="35">
                  <c:v>35.924758911132798</c:v>
                </c:pt>
                <c:pt idx="36">
                  <c:v>36.924514770507798</c:v>
                </c:pt>
                <c:pt idx="37">
                  <c:v>37.923812866210902</c:v>
                </c:pt>
                <c:pt idx="38">
                  <c:v>38.924076080322301</c:v>
                </c:pt>
                <c:pt idx="39">
                  <c:v>39.923618316650398</c:v>
                </c:pt>
                <c:pt idx="40">
                  <c:v>40.923313140869098</c:v>
                </c:pt>
                <c:pt idx="41">
                  <c:v>41.923255920410199</c:v>
                </c:pt>
                <c:pt idx="42">
                  <c:v>42.922985076904297</c:v>
                </c:pt>
                <c:pt idx="43">
                  <c:v>43.922679901122997</c:v>
                </c:pt>
                <c:pt idx="44">
                  <c:v>44.922519683837898</c:v>
                </c:pt>
                <c:pt idx="45">
                  <c:v>45.921962738037102</c:v>
                </c:pt>
                <c:pt idx="46">
                  <c:v>46.921974182128899</c:v>
                </c:pt>
                <c:pt idx="47">
                  <c:v>47.921848297119098</c:v>
                </c:pt>
                <c:pt idx="48">
                  <c:v>48.921581268310497</c:v>
                </c:pt>
                <c:pt idx="49">
                  <c:v>49.921382904052699</c:v>
                </c:pt>
                <c:pt idx="50">
                  <c:v>50.9210205078125</c:v>
                </c:pt>
                <c:pt idx="51">
                  <c:v>51.920719146728501</c:v>
                </c:pt>
                <c:pt idx="52">
                  <c:v>52.920608520507798</c:v>
                </c:pt>
                <c:pt idx="53">
                  <c:v>53.920452117919901</c:v>
                </c:pt>
                <c:pt idx="54">
                  <c:v>54.920120239257798</c:v>
                </c:pt>
                <c:pt idx="55">
                  <c:v>55.920120239257798</c:v>
                </c:pt>
                <c:pt idx="56">
                  <c:v>56.919620513916001</c:v>
                </c:pt>
                <c:pt idx="57">
                  <c:v>57.919296264648402</c:v>
                </c:pt>
                <c:pt idx="58">
                  <c:v>58.9191703796387</c:v>
                </c:pt>
                <c:pt idx="59">
                  <c:v>59.918872833252003</c:v>
                </c:pt>
                <c:pt idx="60">
                  <c:v>60.918567657470703</c:v>
                </c:pt>
                <c:pt idx="61">
                  <c:v>61.918384552002003</c:v>
                </c:pt>
                <c:pt idx="62">
                  <c:v>62.918167114257798</c:v>
                </c:pt>
                <c:pt idx="63">
                  <c:v>63.917877197265597</c:v>
                </c:pt>
                <c:pt idx="64">
                  <c:v>64.917755126953097</c:v>
                </c:pt>
                <c:pt idx="65">
                  <c:v>65.917419433593807</c:v>
                </c:pt>
                <c:pt idx="66">
                  <c:v>66.917121887207003</c:v>
                </c:pt>
                <c:pt idx="67">
                  <c:v>67.916976928710895</c:v>
                </c:pt>
                <c:pt idx="68">
                  <c:v>68.916755676269503</c:v>
                </c:pt>
                <c:pt idx="69">
                  <c:v>69.916564941406307</c:v>
                </c:pt>
                <c:pt idx="70">
                  <c:v>70.915954589843807</c:v>
                </c:pt>
                <c:pt idx="71">
                  <c:v>71.915885925292997</c:v>
                </c:pt>
                <c:pt idx="72">
                  <c:v>72.915954589843807</c:v>
                </c:pt>
                <c:pt idx="73">
                  <c:v>73.915519714355497</c:v>
                </c:pt>
                <c:pt idx="74">
                  <c:v>74.915328979492202</c:v>
                </c:pt>
                <c:pt idx="75">
                  <c:v>75.914932250976605</c:v>
                </c:pt>
                <c:pt idx="76">
                  <c:v>76.914642333984403</c:v>
                </c:pt>
                <c:pt idx="77">
                  <c:v>77.914482116699205</c:v>
                </c:pt>
                <c:pt idx="78">
                  <c:v>78.914199829101605</c:v>
                </c:pt>
                <c:pt idx="79">
                  <c:v>79.914016723632798</c:v>
                </c:pt>
                <c:pt idx="80">
                  <c:v>80.913711547851605</c:v>
                </c:pt>
                <c:pt idx="81">
                  <c:v>81.913436889648395</c:v>
                </c:pt>
                <c:pt idx="82">
                  <c:v>82.913307189941406</c:v>
                </c:pt>
                <c:pt idx="83">
                  <c:v>83.913040161132798</c:v>
                </c:pt>
                <c:pt idx="84">
                  <c:v>84.912704467773395</c:v>
                </c:pt>
                <c:pt idx="85">
                  <c:v>85.912490844726605</c:v>
                </c:pt>
                <c:pt idx="86">
                  <c:v>86.912300109863295</c:v>
                </c:pt>
                <c:pt idx="87">
                  <c:v>87.911956787109403</c:v>
                </c:pt>
                <c:pt idx="88">
                  <c:v>88.911720275878906</c:v>
                </c:pt>
                <c:pt idx="89">
                  <c:v>89.911590576171903</c:v>
                </c:pt>
                <c:pt idx="90">
                  <c:v>90.911033630371094</c:v>
                </c:pt>
                <c:pt idx="91">
                  <c:v>91.911392211914105</c:v>
                </c:pt>
                <c:pt idx="92">
                  <c:v>92.910713195800795</c:v>
                </c:pt>
                <c:pt idx="93">
                  <c:v>93.910774230957003</c:v>
                </c:pt>
                <c:pt idx="94">
                  <c:v>94.910606384277301</c:v>
                </c:pt>
                <c:pt idx="95">
                  <c:v>95.9100341796875</c:v>
                </c:pt>
                <c:pt idx="96">
                  <c:v>96.909957885742202</c:v>
                </c:pt>
                <c:pt idx="97">
                  <c:v>97.909599304199205</c:v>
                </c:pt>
                <c:pt idx="98">
                  <c:v>98.909469604492202</c:v>
                </c:pt>
                <c:pt idx="99">
                  <c:v>99.909149169921903</c:v>
                </c:pt>
                <c:pt idx="100">
                  <c:v>9.9998235702514595</c:v>
                </c:pt>
                <c:pt idx="101">
                  <c:v>10.0002136230469</c:v>
                </c:pt>
                <c:pt idx="102">
                  <c:v>10.0000553131104</c:v>
                </c:pt>
                <c:pt idx="103">
                  <c:v>9.9998998641967791</c:v>
                </c:pt>
                <c:pt idx="104">
                  <c:v>9.9998989105224592</c:v>
                </c:pt>
                <c:pt idx="105">
                  <c:v>9.9999074935913104</c:v>
                </c:pt>
                <c:pt idx="106">
                  <c:v>10.000013351440399</c:v>
                </c:pt>
                <c:pt idx="107">
                  <c:v>9.9998493194580096</c:v>
                </c:pt>
                <c:pt idx="108">
                  <c:v>10.0000953674316</c:v>
                </c:pt>
                <c:pt idx="109">
                  <c:v>10.000080108642599</c:v>
                </c:pt>
                <c:pt idx="110">
                  <c:v>9.9999790191650408</c:v>
                </c:pt>
                <c:pt idx="111">
                  <c:v>10.0000057220459</c:v>
                </c:pt>
                <c:pt idx="112">
                  <c:v>9.99993991851807</c:v>
                </c:pt>
                <c:pt idx="113">
                  <c:v>10.0002098083496</c:v>
                </c:pt>
                <c:pt idx="114">
                  <c:v>10.000036239624</c:v>
                </c:pt>
                <c:pt idx="115">
                  <c:v>9.9998569488525408</c:v>
                </c:pt>
                <c:pt idx="116">
                  <c:v>9.9999561309814506</c:v>
                </c:pt>
                <c:pt idx="117">
                  <c:v>9.9996814727783203</c:v>
                </c:pt>
                <c:pt idx="118">
                  <c:v>9.9998846054077095</c:v>
                </c:pt>
                <c:pt idx="119">
                  <c:v>10.0004940032959</c:v>
                </c:pt>
                <c:pt idx="120">
                  <c:v>9.9999217987060494</c:v>
                </c:pt>
                <c:pt idx="121">
                  <c:v>10.000313758850099</c:v>
                </c:pt>
                <c:pt idx="122">
                  <c:v>10.0003757476807</c:v>
                </c:pt>
                <c:pt idx="123">
                  <c:v>9.9995050430297905</c:v>
                </c:pt>
                <c:pt idx="124">
                  <c:v>9.9999094009399396</c:v>
                </c:pt>
                <c:pt idx="125">
                  <c:v>10.000500679016101</c:v>
                </c:pt>
                <c:pt idx="126">
                  <c:v>10.000328063964799</c:v>
                </c:pt>
                <c:pt idx="127">
                  <c:v>9.9997653961181605</c:v>
                </c:pt>
                <c:pt idx="128">
                  <c:v>10.0007619857788</c:v>
                </c:pt>
                <c:pt idx="129">
                  <c:v>9.9990234375</c:v>
                </c:pt>
                <c:pt idx="130">
                  <c:v>99.074867248535199</c:v>
                </c:pt>
                <c:pt idx="131">
                  <c:v>98.072578430175795</c:v>
                </c:pt>
                <c:pt idx="132">
                  <c:v>97.073051452636705</c:v>
                </c:pt>
                <c:pt idx="133">
                  <c:v>96.0731201171875</c:v>
                </c:pt>
                <c:pt idx="134">
                  <c:v>95.076057434082003</c:v>
                </c:pt>
                <c:pt idx="135">
                  <c:v>94.076972961425795</c:v>
                </c:pt>
                <c:pt idx="136">
                  <c:v>93.074447631835895</c:v>
                </c:pt>
                <c:pt idx="137">
                  <c:v>92.0750732421875</c:v>
                </c:pt>
                <c:pt idx="138">
                  <c:v>91.074562072753906</c:v>
                </c:pt>
                <c:pt idx="139">
                  <c:v>90.078018188476605</c:v>
                </c:pt>
                <c:pt idx="140">
                  <c:v>89.078697204589801</c:v>
                </c:pt>
                <c:pt idx="141">
                  <c:v>88.075027465820298</c:v>
                </c:pt>
                <c:pt idx="142">
                  <c:v>87.074714660644503</c:v>
                </c:pt>
                <c:pt idx="143">
                  <c:v>86.078292846679702</c:v>
                </c:pt>
                <c:pt idx="144">
                  <c:v>85.078483581542997</c:v>
                </c:pt>
                <c:pt idx="145">
                  <c:v>84.079132080078097</c:v>
                </c:pt>
                <c:pt idx="146">
                  <c:v>83.076843261718807</c:v>
                </c:pt>
                <c:pt idx="147">
                  <c:v>82.079277038574205</c:v>
                </c:pt>
                <c:pt idx="148">
                  <c:v>81.076095581054702</c:v>
                </c:pt>
                <c:pt idx="149">
                  <c:v>80.077354431152301</c:v>
                </c:pt>
                <c:pt idx="150">
                  <c:v>79.077590942382798</c:v>
                </c:pt>
                <c:pt idx="151">
                  <c:v>78.077598571777301</c:v>
                </c:pt>
                <c:pt idx="152">
                  <c:v>77.078056335449205</c:v>
                </c:pt>
                <c:pt idx="153">
                  <c:v>76.077659606933594</c:v>
                </c:pt>
                <c:pt idx="154">
                  <c:v>75.078338623046903</c:v>
                </c:pt>
                <c:pt idx="155">
                  <c:v>74.079093933105497</c:v>
                </c:pt>
                <c:pt idx="156">
                  <c:v>73.07470703125</c:v>
                </c:pt>
                <c:pt idx="157">
                  <c:v>72.079795837402301</c:v>
                </c:pt>
                <c:pt idx="158">
                  <c:v>71.079750061035199</c:v>
                </c:pt>
                <c:pt idx="159">
                  <c:v>70.079742431640597</c:v>
                </c:pt>
                <c:pt idx="160">
                  <c:v>69.079978942871094</c:v>
                </c:pt>
                <c:pt idx="161">
                  <c:v>68.080215454101605</c:v>
                </c:pt>
                <c:pt idx="162">
                  <c:v>67.080322265625</c:v>
                </c:pt>
                <c:pt idx="163">
                  <c:v>66.080650329589801</c:v>
                </c:pt>
                <c:pt idx="164">
                  <c:v>65.080894470214801</c:v>
                </c:pt>
                <c:pt idx="165">
                  <c:v>64.081130981445298</c:v>
                </c:pt>
                <c:pt idx="166">
                  <c:v>63.081325531005902</c:v>
                </c:pt>
                <c:pt idx="167">
                  <c:v>62.081703186035199</c:v>
                </c:pt>
                <c:pt idx="168">
                  <c:v>61.082004547119098</c:v>
                </c:pt>
                <c:pt idx="169">
                  <c:v>60.082073211669901</c:v>
                </c:pt>
                <c:pt idx="170">
                  <c:v>59.082374572753899</c:v>
                </c:pt>
                <c:pt idx="171">
                  <c:v>58.082557678222699</c:v>
                </c:pt>
                <c:pt idx="172">
                  <c:v>57.082790374755902</c:v>
                </c:pt>
                <c:pt idx="173">
                  <c:v>56.083118438720703</c:v>
                </c:pt>
                <c:pt idx="174">
                  <c:v>55.083263397216797</c:v>
                </c:pt>
                <c:pt idx="175">
                  <c:v>54.0837211608887</c:v>
                </c:pt>
                <c:pt idx="176">
                  <c:v>53.083770751953097</c:v>
                </c:pt>
                <c:pt idx="177">
                  <c:v>52.084220886230497</c:v>
                </c:pt>
                <c:pt idx="178">
                  <c:v>51.084255218505902</c:v>
                </c:pt>
                <c:pt idx="179">
                  <c:v>50.0845756530762</c:v>
                </c:pt>
                <c:pt idx="180">
                  <c:v>49.0848197937012</c:v>
                </c:pt>
                <c:pt idx="181">
                  <c:v>48.084716796875</c:v>
                </c:pt>
                <c:pt idx="182">
                  <c:v>47.085056304931598</c:v>
                </c:pt>
                <c:pt idx="183">
                  <c:v>46.085147857666001</c:v>
                </c:pt>
                <c:pt idx="184">
                  <c:v>45.085891723632798</c:v>
                </c:pt>
                <c:pt idx="185">
                  <c:v>44.086032867431598</c:v>
                </c:pt>
                <c:pt idx="186">
                  <c:v>43.085762023925803</c:v>
                </c:pt>
                <c:pt idx="187">
                  <c:v>42.086582183837898</c:v>
                </c:pt>
                <c:pt idx="188">
                  <c:v>41.086864471435497</c:v>
                </c:pt>
                <c:pt idx="189">
                  <c:v>40.087043762207003</c:v>
                </c:pt>
                <c:pt idx="190">
                  <c:v>39.0871772766113</c:v>
                </c:pt>
                <c:pt idx="191">
                  <c:v>38.087356567382798</c:v>
                </c:pt>
                <c:pt idx="192">
                  <c:v>37.0879936218262</c:v>
                </c:pt>
                <c:pt idx="193">
                  <c:v>36.088138580322301</c:v>
                </c:pt>
                <c:pt idx="194">
                  <c:v>35.088283538818402</c:v>
                </c:pt>
                <c:pt idx="195">
                  <c:v>34.088504791259801</c:v>
                </c:pt>
                <c:pt idx="196">
                  <c:v>33.088722229003899</c:v>
                </c:pt>
                <c:pt idx="197">
                  <c:v>32.088737487792997</c:v>
                </c:pt>
                <c:pt idx="198">
                  <c:v>31.089210510253899</c:v>
                </c:pt>
                <c:pt idx="199">
                  <c:v>30.089490890502901</c:v>
                </c:pt>
                <c:pt idx="200">
                  <c:v>29.089912414550799</c:v>
                </c:pt>
                <c:pt idx="201">
                  <c:v>28.089931488037099</c:v>
                </c:pt>
                <c:pt idx="202">
                  <c:v>27.0901699066162</c:v>
                </c:pt>
                <c:pt idx="203">
                  <c:v>26.0903835296631</c:v>
                </c:pt>
                <c:pt idx="204">
                  <c:v>25.090610504150401</c:v>
                </c:pt>
                <c:pt idx="205">
                  <c:v>24.090980529785199</c:v>
                </c:pt>
                <c:pt idx="206">
                  <c:v>23.0911159515381</c:v>
                </c:pt>
                <c:pt idx="207">
                  <c:v>22.091373443603501</c:v>
                </c:pt>
                <c:pt idx="208">
                  <c:v>21.091596603393601</c:v>
                </c:pt>
                <c:pt idx="209">
                  <c:v>20.091789245605501</c:v>
                </c:pt>
                <c:pt idx="210">
                  <c:v>19.092149734497099</c:v>
                </c:pt>
                <c:pt idx="211">
                  <c:v>18.092290878295898</c:v>
                </c:pt>
                <c:pt idx="212">
                  <c:v>17.092571258544901</c:v>
                </c:pt>
                <c:pt idx="213">
                  <c:v>16.092891693115199</c:v>
                </c:pt>
                <c:pt idx="214">
                  <c:v>15.092775344848601</c:v>
                </c:pt>
                <c:pt idx="215">
                  <c:v>14.092614173889199</c:v>
                </c:pt>
                <c:pt idx="216">
                  <c:v>13.0926570892334</c:v>
                </c:pt>
                <c:pt idx="217">
                  <c:v>12.092460632324199</c:v>
                </c:pt>
                <c:pt idx="218">
                  <c:v>11.0924644470215</c:v>
                </c:pt>
                <c:pt idx="219">
                  <c:v>10.0923051834106</c:v>
                </c:pt>
                <c:pt idx="220">
                  <c:v>9.0921173095703107</c:v>
                </c:pt>
                <c:pt idx="221">
                  <c:v>8.0919857025146502</c:v>
                </c:pt>
                <c:pt idx="222">
                  <c:v>7.0920114517211896</c:v>
                </c:pt>
                <c:pt idx="223">
                  <c:v>6.09216213226318</c:v>
                </c:pt>
                <c:pt idx="224">
                  <c:v>5.0921382904052699</c:v>
                </c:pt>
                <c:pt idx="225">
                  <c:v>4.0923447608947798</c:v>
                </c:pt>
                <c:pt idx="226">
                  <c:v>3.09224605560303</c:v>
                </c:pt>
                <c:pt idx="227">
                  <c:v>2.0923087596893302</c:v>
                </c:pt>
                <c:pt idx="228">
                  <c:v>1.09219741821289</c:v>
                </c:pt>
                <c:pt idx="229">
                  <c:v>9.2362508177757305E-2</c:v>
                </c:pt>
              </c:numCache>
            </c:numRef>
          </c:xVal>
          <c:yVal>
            <c:numRef>
              <c:f>_27_01_bss_1_3_thixotropy_5_1_r!$D$2:$D$231</c:f>
              <c:numCache>
                <c:formatCode>General</c:formatCode>
                <c:ptCount val="230"/>
                <c:pt idx="0">
                  <c:v>2633.76538085938</c:v>
                </c:pt>
                <c:pt idx="1">
                  <c:v>1693.02429199219</c:v>
                </c:pt>
                <c:pt idx="2">
                  <c:v>1227.8583984375</c:v>
                </c:pt>
                <c:pt idx="3">
                  <c:v>1027.61877441406</c:v>
                </c:pt>
                <c:pt idx="4">
                  <c:v>973.681640625</c:v>
                </c:pt>
                <c:pt idx="5">
                  <c:v>940.70538330078102</c:v>
                </c:pt>
                <c:pt idx="6">
                  <c:v>940.24914550781295</c:v>
                </c:pt>
                <c:pt idx="7">
                  <c:v>817.96661376953102</c:v>
                </c:pt>
                <c:pt idx="8">
                  <c:v>654.68084716796898</c:v>
                </c:pt>
                <c:pt idx="9">
                  <c:v>439.97540283203102</c:v>
                </c:pt>
                <c:pt idx="10">
                  <c:v>329.78924560546898</c:v>
                </c:pt>
                <c:pt idx="11">
                  <c:v>275.94610595703102</c:v>
                </c:pt>
                <c:pt idx="12">
                  <c:v>300.29086303710898</c:v>
                </c:pt>
                <c:pt idx="13">
                  <c:v>281.79690551757801</c:v>
                </c:pt>
                <c:pt idx="14">
                  <c:v>261.57360839843801</c:v>
                </c:pt>
                <c:pt idx="15">
                  <c:v>234.98208618164099</c:v>
                </c:pt>
                <c:pt idx="16">
                  <c:v>215.54087829589801</c:v>
                </c:pt>
                <c:pt idx="17">
                  <c:v>212.05113220214801</c:v>
                </c:pt>
                <c:pt idx="18">
                  <c:v>219.69422912597699</c:v>
                </c:pt>
                <c:pt idx="19">
                  <c:v>195.58985900878901</c:v>
                </c:pt>
                <c:pt idx="20">
                  <c:v>181.75172424316401</c:v>
                </c:pt>
                <c:pt idx="21">
                  <c:v>187.55522155761699</c:v>
                </c:pt>
                <c:pt idx="22">
                  <c:v>176.63552856445301</c:v>
                </c:pt>
                <c:pt idx="23">
                  <c:v>157.24450683593801</c:v>
                </c:pt>
                <c:pt idx="24">
                  <c:v>144.605392456055</c:v>
                </c:pt>
                <c:pt idx="25">
                  <c:v>133.92639160156301</c:v>
                </c:pt>
                <c:pt idx="26">
                  <c:v>139.08030700683599</c:v>
                </c:pt>
                <c:pt idx="27">
                  <c:v>115.30754852294901</c:v>
                </c:pt>
                <c:pt idx="28">
                  <c:v>107.001106262207</c:v>
                </c:pt>
                <c:pt idx="29">
                  <c:v>103.454582214355</c:v>
                </c:pt>
                <c:pt idx="30">
                  <c:v>106.960655212402</c:v>
                </c:pt>
                <c:pt idx="31">
                  <c:v>86.0830078125</c:v>
                </c:pt>
                <c:pt idx="32">
                  <c:v>81.150970458984403</c:v>
                </c:pt>
                <c:pt idx="33">
                  <c:v>86.501190185546903</c:v>
                </c:pt>
                <c:pt idx="34">
                  <c:v>87.951644897460895</c:v>
                </c:pt>
                <c:pt idx="35">
                  <c:v>80.940124511718807</c:v>
                </c:pt>
                <c:pt idx="36">
                  <c:v>79.12890625</c:v>
                </c:pt>
                <c:pt idx="37">
                  <c:v>136.00112915039099</c:v>
                </c:pt>
                <c:pt idx="38">
                  <c:v>123.28997039794901</c:v>
                </c:pt>
                <c:pt idx="39">
                  <c:v>113.632781982422</c:v>
                </c:pt>
                <c:pt idx="40">
                  <c:v>104.114608764648</c:v>
                </c:pt>
                <c:pt idx="41">
                  <c:v>88.328811645507798</c:v>
                </c:pt>
                <c:pt idx="42">
                  <c:v>84.748558044433594</c:v>
                </c:pt>
                <c:pt idx="43">
                  <c:v>83.050773620605497</c:v>
                </c:pt>
                <c:pt idx="44">
                  <c:v>84.454627990722699</c:v>
                </c:pt>
                <c:pt idx="45">
                  <c:v>94.726524353027301</c:v>
                </c:pt>
                <c:pt idx="46">
                  <c:v>80.462585449218807</c:v>
                </c:pt>
                <c:pt idx="47">
                  <c:v>90.035591125488295</c:v>
                </c:pt>
                <c:pt idx="48">
                  <c:v>84.4200439453125</c:v>
                </c:pt>
                <c:pt idx="49">
                  <c:v>65.071678161621094</c:v>
                </c:pt>
                <c:pt idx="50">
                  <c:v>59.708709716796903</c:v>
                </c:pt>
                <c:pt idx="51">
                  <c:v>68.352394104003906</c:v>
                </c:pt>
                <c:pt idx="52">
                  <c:v>65.027877807617202</c:v>
                </c:pt>
                <c:pt idx="53">
                  <c:v>66.237838745117202</c:v>
                </c:pt>
                <c:pt idx="54">
                  <c:v>65.187782287597699</c:v>
                </c:pt>
                <c:pt idx="55">
                  <c:v>63.916469573974602</c:v>
                </c:pt>
                <c:pt idx="56">
                  <c:v>67.281410217285199</c:v>
                </c:pt>
                <c:pt idx="57">
                  <c:v>87.677619934082003</c:v>
                </c:pt>
                <c:pt idx="58">
                  <c:v>102.65972900390599</c:v>
                </c:pt>
                <c:pt idx="59">
                  <c:v>90.531082153320298</c:v>
                </c:pt>
                <c:pt idx="60">
                  <c:v>102.85500335693401</c:v>
                </c:pt>
                <c:pt idx="61">
                  <c:v>106.778114318848</c:v>
                </c:pt>
                <c:pt idx="62">
                  <c:v>102.983016967773</c:v>
                </c:pt>
                <c:pt idx="63">
                  <c:v>106.05816650390599</c:v>
                </c:pt>
                <c:pt idx="64">
                  <c:v>86.224258422851605</c:v>
                </c:pt>
                <c:pt idx="65">
                  <c:v>73.383590698242202</c:v>
                </c:pt>
                <c:pt idx="66">
                  <c:v>66.853874206542997</c:v>
                </c:pt>
                <c:pt idx="67">
                  <c:v>64.761604309082003</c:v>
                </c:pt>
                <c:pt idx="68">
                  <c:v>67.862815856933594</c:v>
                </c:pt>
                <c:pt idx="69">
                  <c:v>58.084354400634801</c:v>
                </c:pt>
                <c:pt idx="70">
                  <c:v>61.242752075195298</c:v>
                </c:pt>
                <c:pt idx="71">
                  <c:v>75.052513122558594</c:v>
                </c:pt>
                <c:pt idx="72">
                  <c:v>69.573844909667997</c:v>
                </c:pt>
                <c:pt idx="73">
                  <c:v>62.830493927002003</c:v>
                </c:pt>
                <c:pt idx="74">
                  <c:v>71.051719665527301</c:v>
                </c:pt>
                <c:pt idx="75">
                  <c:v>56.046558380127003</c:v>
                </c:pt>
                <c:pt idx="76">
                  <c:v>55.914993286132798</c:v>
                </c:pt>
                <c:pt idx="77">
                  <c:v>55.244144439697301</c:v>
                </c:pt>
                <c:pt idx="78">
                  <c:v>50.663379669189503</c:v>
                </c:pt>
                <c:pt idx="79">
                  <c:v>47.284248352050803</c:v>
                </c:pt>
                <c:pt idx="80">
                  <c:v>51.449466705322301</c:v>
                </c:pt>
                <c:pt idx="81">
                  <c:v>50.698623657226598</c:v>
                </c:pt>
                <c:pt idx="82">
                  <c:v>49.537776947021499</c:v>
                </c:pt>
                <c:pt idx="83">
                  <c:v>47.448799133300803</c:v>
                </c:pt>
                <c:pt idx="84">
                  <c:v>47.3089408874512</c:v>
                </c:pt>
                <c:pt idx="85">
                  <c:v>49.630458831787102</c:v>
                </c:pt>
                <c:pt idx="86">
                  <c:v>47.159194946289098</c:v>
                </c:pt>
                <c:pt idx="87">
                  <c:v>51.509685516357401</c:v>
                </c:pt>
                <c:pt idx="88">
                  <c:v>51.3727416992188</c:v>
                </c:pt>
                <c:pt idx="89">
                  <c:v>59.039196014404297</c:v>
                </c:pt>
                <c:pt idx="90">
                  <c:v>79.519515991210895</c:v>
                </c:pt>
                <c:pt idx="91">
                  <c:v>81.708274841308594</c:v>
                </c:pt>
                <c:pt idx="92">
                  <c:v>80.065330505371094</c:v>
                </c:pt>
                <c:pt idx="93">
                  <c:v>120.183868408203</c:v>
                </c:pt>
                <c:pt idx="94">
                  <c:v>81.588218688964801</c:v>
                </c:pt>
                <c:pt idx="95">
                  <c:v>52.622707366943402</c:v>
                </c:pt>
                <c:pt idx="96">
                  <c:v>48.580249786377003</c:v>
                </c:pt>
                <c:pt idx="97">
                  <c:v>43.408584594726598</c:v>
                </c:pt>
                <c:pt idx="98">
                  <c:v>44.800983428955099</c:v>
                </c:pt>
                <c:pt idx="99">
                  <c:v>45.189044952392599</c:v>
                </c:pt>
                <c:pt idx="100">
                  <c:v>32.526847839355497</c:v>
                </c:pt>
                <c:pt idx="101">
                  <c:v>34.045722961425803</c:v>
                </c:pt>
                <c:pt idx="102">
                  <c:v>32.9662895202637</c:v>
                </c:pt>
                <c:pt idx="103">
                  <c:v>33.274669647216797</c:v>
                </c:pt>
                <c:pt idx="104">
                  <c:v>34.885799407958999</c:v>
                </c:pt>
                <c:pt idx="105">
                  <c:v>33.1958618164063</c:v>
                </c:pt>
                <c:pt idx="106">
                  <c:v>33.811214447021499</c:v>
                </c:pt>
                <c:pt idx="107">
                  <c:v>32.486541748046903</c:v>
                </c:pt>
                <c:pt idx="108">
                  <c:v>33.997745513916001</c:v>
                </c:pt>
                <c:pt idx="109">
                  <c:v>35.224941253662102</c:v>
                </c:pt>
                <c:pt idx="110">
                  <c:v>33.472400665283203</c:v>
                </c:pt>
                <c:pt idx="111">
                  <c:v>35.500255584716797</c:v>
                </c:pt>
                <c:pt idx="112">
                  <c:v>38.5465698242188</c:v>
                </c:pt>
                <c:pt idx="113">
                  <c:v>36.194709777832003</c:v>
                </c:pt>
                <c:pt idx="114">
                  <c:v>39.49609375</c:v>
                </c:pt>
                <c:pt idx="115">
                  <c:v>42.995944976806598</c:v>
                </c:pt>
                <c:pt idx="116">
                  <c:v>39.362545013427699</c:v>
                </c:pt>
                <c:pt idx="117">
                  <c:v>41.927410125732401</c:v>
                </c:pt>
                <c:pt idx="118">
                  <c:v>46.891292572021499</c:v>
                </c:pt>
                <c:pt idx="119">
                  <c:v>63.251045227050803</c:v>
                </c:pt>
                <c:pt idx="120">
                  <c:v>85.293395996093807</c:v>
                </c:pt>
                <c:pt idx="121">
                  <c:v>112.504524230957</c:v>
                </c:pt>
                <c:pt idx="122">
                  <c:v>117.32985687255901</c:v>
                </c:pt>
                <c:pt idx="123">
                  <c:v>113.55264282226599</c:v>
                </c:pt>
                <c:pt idx="124">
                  <c:v>104.793998718262</c:v>
                </c:pt>
                <c:pt idx="125">
                  <c:v>120.73184204101599</c:v>
                </c:pt>
                <c:pt idx="126">
                  <c:v>111.55746459960901</c:v>
                </c:pt>
                <c:pt idx="127">
                  <c:v>107.685844421387</c:v>
                </c:pt>
                <c:pt idx="128">
                  <c:v>109.54662322998</c:v>
                </c:pt>
                <c:pt idx="129">
                  <c:v>107.18642425537099</c:v>
                </c:pt>
                <c:pt idx="130">
                  <c:v>256.83099365234398</c:v>
                </c:pt>
                <c:pt idx="131">
                  <c:v>288.47467041015602</c:v>
                </c:pt>
                <c:pt idx="132">
                  <c:v>246.73759460449199</c:v>
                </c:pt>
                <c:pt idx="133">
                  <c:v>192.30247497558599</c:v>
                </c:pt>
                <c:pt idx="134">
                  <c:v>243.74263000488301</c:v>
                </c:pt>
                <c:pt idx="135">
                  <c:v>231.62936401367199</c:v>
                </c:pt>
                <c:pt idx="136">
                  <c:v>290.90658569335898</c:v>
                </c:pt>
                <c:pt idx="137">
                  <c:v>242.63038635253901</c:v>
                </c:pt>
                <c:pt idx="138">
                  <c:v>189.35498046875</c:v>
                </c:pt>
                <c:pt idx="139">
                  <c:v>267.78042602539102</c:v>
                </c:pt>
                <c:pt idx="140">
                  <c:v>279.92303466796898</c:v>
                </c:pt>
                <c:pt idx="141">
                  <c:v>312.97589111328102</c:v>
                </c:pt>
                <c:pt idx="142">
                  <c:v>259.38571166992199</c:v>
                </c:pt>
                <c:pt idx="143">
                  <c:v>221.04794311523401</c:v>
                </c:pt>
                <c:pt idx="144">
                  <c:v>198.83132934570301</c:v>
                </c:pt>
                <c:pt idx="145">
                  <c:v>178.443771362305</c:v>
                </c:pt>
                <c:pt idx="146">
                  <c:v>266.73043823242199</c:v>
                </c:pt>
                <c:pt idx="147">
                  <c:v>194.0517578125</c:v>
                </c:pt>
                <c:pt idx="148">
                  <c:v>166.57374572753901</c:v>
                </c:pt>
                <c:pt idx="149">
                  <c:v>145.72653198242199</c:v>
                </c:pt>
                <c:pt idx="150">
                  <c:v>111.07733154296901</c:v>
                </c:pt>
                <c:pt idx="151">
                  <c:v>80.327293395996094</c:v>
                </c:pt>
                <c:pt idx="152">
                  <c:v>75.157936096191406</c:v>
                </c:pt>
                <c:pt idx="153">
                  <c:v>78.278327941894503</c:v>
                </c:pt>
                <c:pt idx="154">
                  <c:v>105.42087554931599</c:v>
                </c:pt>
                <c:pt idx="155">
                  <c:v>95.045722961425795</c:v>
                </c:pt>
                <c:pt idx="156">
                  <c:v>589.61437988281295</c:v>
                </c:pt>
                <c:pt idx="157">
                  <c:v>180.12208557128901</c:v>
                </c:pt>
                <c:pt idx="158">
                  <c:v>94.898895263671903</c:v>
                </c:pt>
                <c:pt idx="159">
                  <c:v>43.085525512695298</c:v>
                </c:pt>
                <c:pt idx="160">
                  <c:v>34.705394744872997</c:v>
                </c:pt>
                <c:pt idx="161">
                  <c:v>35.173038482666001</c:v>
                </c:pt>
                <c:pt idx="162">
                  <c:v>33.585189819335902</c:v>
                </c:pt>
                <c:pt idx="163">
                  <c:v>41.974632263183601</c:v>
                </c:pt>
                <c:pt idx="164">
                  <c:v>44.319995880127003</c:v>
                </c:pt>
                <c:pt idx="165">
                  <c:v>26.996150970458999</c:v>
                </c:pt>
                <c:pt idx="166">
                  <c:v>31.7728481292725</c:v>
                </c:pt>
                <c:pt idx="167">
                  <c:v>37.121219635009801</c:v>
                </c:pt>
                <c:pt idx="168">
                  <c:v>39.010044097900398</c:v>
                </c:pt>
                <c:pt idx="169">
                  <c:v>22.624805450439499</c:v>
                </c:pt>
                <c:pt idx="170">
                  <c:v>21.361679077148398</c:v>
                </c:pt>
                <c:pt idx="171">
                  <c:v>20.401758193969702</c:v>
                </c:pt>
                <c:pt idx="172">
                  <c:v>20.961269378662099</c:v>
                </c:pt>
                <c:pt idx="173">
                  <c:v>39.458003997802699</c:v>
                </c:pt>
                <c:pt idx="174">
                  <c:v>36.942276000976598</c:v>
                </c:pt>
                <c:pt idx="175">
                  <c:v>45.436058044433601</c:v>
                </c:pt>
                <c:pt idx="176">
                  <c:v>35.015178680419901</c:v>
                </c:pt>
                <c:pt idx="177">
                  <c:v>40.177154541015597</c:v>
                </c:pt>
                <c:pt idx="178">
                  <c:v>29.799131393432599</c:v>
                </c:pt>
                <c:pt idx="179">
                  <c:v>33.621231079101598</c:v>
                </c:pt>
                <c:pt idx="180">
                  <c:v>22.4769287109375</c:v>
                </c:pt>
                <c:pt idx="181">
                  <c:v>45.585418701171903</c:v>
                </c:pt>
                <c:pt idx="182">
                  <c:v>42.637439727783203</c:v>
                </c:pt>
                <c:pt idx="183">
                  <c:v>37.688602447509801</c:v>
                </c:pt>
                <c:pt idx="184">
                  <c:v>34.7779350280762</c:v>
                </c:pt>
                <c:pt idx="185">
                  <c:v>21.628883361816399</c:v>
                </c:pt>
                <c:pt idx="186">
                  <c:v>41.852272033691399</c:v>
                </c:pt>
                <c:pt idx="187">
                  <c:v>127.494674682617</c:v>
                </c:pt>
                <c:pt idx="188">
                  <c:v>60.964382171630902</c:v>
                </c:pt>
                <c:pt idx="189">
                  <c:v>53.627063751220703</c:v>
                </c:pt>
                <c:pt idx="190">
                  <c:v>57.162971496582003</c:v>
                </c:pt>
                <c:pt idx="191">
                  <c:v>58.287067413330099</c:v>
                </c:pt>
                <c:pt idx="192">
                  <c:v>77.081092834472699</c:v>
                </c:pt>
                <c:pt idx="193">
                  <c:v>58.426177978515597</c:v>
                </c:pt>
                <c:pt idx="194">
                  <c:v>69.269721984863295</c:v>
                </c:pt>
                <c:pt idx="195">
                  <c:v>71.646041870117202</c:v>
                </c:pt>
                <c:pt idx="196">
                  <c:v>97.792793273925795</c:v>
                </c:pt>
                <c:pt idx="197">
                  <c:v>63.877040863037102</c:v>
                </c:pt>
                <c:pt idx="198">
                  <c:v>56.822357177734403</c:v>
                </c:pt>
                <c:pt idx="199">
                  <c:v>52.675167083740199</c:v>
                </c:pt>
                <c:pt idx="200">
                  <c:v>47.986343383789098</c:v>
                </c:pt>
                <c:pt idx="201">
                  <c:v>52.870429992675803</c:v>
                </c:pt>
                <c:pt idx="202">
                  <c:v>40.028335571289098</c:v>
                </c:pt>
                <c:pt idx="203">
                  <c:v>41.280532836914098</c:v>
                </c:pt>
                <c:pt idx="204">
                  <c:v>45.815731048583999</c:v>
                </c:pt>
                <c:pt idx="205">
                  <c:v>45.485237121582003</c:v>
                </c:pt>
                <c:pt idx="206">
                  <c:v>45.514690399169901</c:v>
                </c:pt>
                <c:pt idx="207">
                  <c:v>37.821926116943402</c:v>
                </c:pt>
                <c:pt idx="208">
                  <c:v>39.025569915771499</c:v>
                </c:pt>
                <c:pt idx="209">
                  <c:v>40.916847229003899</c:v>
                </c:pt>
                <c:pt idx="210">
                  <c:v>44.492385864257798</c:v>
                </c:pt>
                <c:pt idx="211">
                  <c:v>49.918212890625</c:v>
                </c:pt>
                <c:pt idx="212">
                  <c:v>42.467174530029297</c:v>
                </c:pt>
                <c:pt idx="213">
                  <c:v>30.3412170410156</c:v>
                </c:pt>
                <c:pt idx="214">
                  <c:v>26.216127395629901</c:v>
                </c:pt>
                <c:pt idx="215">
                  <c:v>25.8738403320313</c:v>
                </c:pt>
                <c:pt idx="216">
                  <c:v>21.674901962280298</c:v>
                </c:pt>
                <c:pt idx="217">
                  <c:v>21.3658962249756</c:v>
                </c:pt>
                <c:pt idx="218">
                  <c:v>23.588912963867202</c:v>
                </c:pt>
                <c:pt idx="219">
                  <c:v>23.257532119751001</c:v>
                </c:pt>
                <c:pt idx="220">
                  <c:v>21.624414443969702</c:v>
                </c:pt>
                <c:pt idx="221">
                  <c:v>18.9609489440918</c:v>
                </c:pt>
                <c:pt idx="222">
                  <c:v>18.1888027191162</c:v>
                </c:pt>
                <c:pt idx="223">
                  <c:v>16.929742813110401</c:v>
                </c:pt>
                <c:pt idx="224">
                  <c:v>19.484937667846701</c:v>
                </c:pt>
                <c:pt idx="225">
                  <c:v>17.772649765014599</c:v>
                </c:pt>
                <c:pt idx="226">
                  <c:v>15.099149703979499</c:v>
                </c:pt>
                <c:pt idx="227">
                  <c:v>19.7468452453613</c:v>
                </c:pt>
                <c:pt idx="228">
                  <c:v>16.0358772277832</c:v>
                </c:pt>
                <c:pt idx="229">
                  <c:v>11.1567411422728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ACC5-4DC4-8FFA-936D652CDF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stress, </a:t>
                </a:r>
                <a:r>
                  <a:rPr lang="el-GR"/>
                  <a:t>τ</a:t>
                </a:r>
                <a:r>
                  <a:rPr lang="en-GB"/>
                  <a:t> (Pa)</a:t>
                </a:r>
                <a:r>
                  <a:rPr lang="en-GB" baseline="0"/>
                  <a:t> </a:t>
                </a:r>
                <a:endParaRPr lang="en-GB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all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4"/>
          <c:order val="0"/>
          <c:tx>
            <c:v>1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Type_4_6__1___._2_thixotropy_rw!$F$2:$F$231</c:f>
              <c:numCache>
                <c:formatCode>General</c:formatCode>
                <c:ptCount val="230"/>
                <c:pt idx="0">
                  <c:v>0.92626893520355202</c:v>
                </c:pt>
                <c:pt idx="1">
                  <c:v>1.92630386352539</c:v>
                </c:pt>
                <c:pt idx="2">
                  <c:v>2.9263260364532502</c:v>
                </c:pt>
                <c:pt idx="3">
                  <c:v>3.9263260364532502</c:v>
                </c:pt>
                <c:pt idx="4">
                  <c:v>4.9262723922729501</c:v>
                </c:pt>
                <c:pt idx="5">
                  <c:v>5.9289836883544904</c:v>
                </c:pt>
                <c:pt idx="6">
                  <c:v>6.9289107322692898</c:v>
                </c:pt>
                <c:pt idx="7">
                  <c:v>7.9288258552551296</c:v>
                </c:pt>
                <c:pt idx="8">
                  <c:v>8.9288921356201207</c:v>
                </c:pt>
                <c:pt idx="9">
                  <c:v>9.9262228012084996</c:v>
                </c:pt>
                <c:pt idx="10">
                  <c:v>10.9263353347778</c:v>
                </c:pt>
                <c:pt idx="11">
                  <c:v>11.926438331604</c:v>
                </c:pt>
                <c:pt idx="12">
                  <c:v>12.9265432357788</c:v>
                </c:pt>
                <c:pt idx="13">
                  <c:v>13.9266004562378</c:v>
                </c:pt>
                <c:pt idx="14">
                  <c:v>14.926714897155801</c:v>
                </c:pt>
                <c:pt idx="15">
                  <c:v>15.9267387390137</c:v>
                </c:pt>
                <c:pt idx="16">
                  <c:v>16.926578521728501</c:v>
                </c:pt>
                <c:pt idx="17">
                  <c:v>17.926345825195298</c:v>
                </c:pt>
                <c:pt idx="18">
                  <c:v>18.9261474609375</c:v>
                </c:pt>
                <c:pt idx="19">
                  <c:v>19.925796508789102</c:v>
                </c:pt>
                <c:pt idx="20">
                  <c:v>20.925657272338899</c:v>
                </c:pt>
                <c:pt idx="21">
                  <c:v>21.925378799438501</c:v>
                </c:pt>
                <c:pt idx="22">
                  <c:v>22.925144195556602</c:v>
                </c:pt>
                <c:pt idx="23">
                  <c:v>23.924888610839801</c:v>
                </c:pt>
                <c:pt idx="24">
                  <c:v>24.9246425628662</c:v>
                </c:pt>
                <c:pt idx="25">
                  <c:v>25.924333572387699</c:v>
                </c:pt>
                <c:pt idx="26">
                  <c:v>26.924066543579102</c:v>
                </c:pt>
                <c:pt idx="27">
                  <c:v>27.923885345458999</c:v>
                </c:pt>
                <c:pt idx="28">
                  <c:v>28.923652648925799</c:v>
                </c:pt>
                <c:pt idx="29">
                  <c:v>29.9233798980713</c:v>
                </c:pt>
                <c:pt idx="30">
                  <c:v>30.923093795776399</c:v>
                </c:pt>
                <c:pt idx="31">
                  <c:v>31.922967910766602</c:v>
                </c:pt>
                <c:pt idx="32">
                  <c:v>32.922771453857401</c:v>
                </c:pt>
                <c:pt idx="33">
                  <c:v>33.922534942627003</c:v>
                </c:pt>
                <c:pt idx="34">
                  <c:v>34.9225044250488</c:v>
                </c:pt>
                <c:pt idx="35">
                  <c:v>35.9218559265137</c:v>
                </c:pt>
                <c:pt idx="36">
                  <c:v>36.9217338562012</c:v>
                </c:pt>
                <c:pt idx="37">
                  <c:v>37.921531677246101</c:v>
                </c:pt>
                <c:pt idx="38">
                  <c:v>38.921318054199197</c:v>
                </c:pt>
                <c:pt idx="39">
                  <c:v>39.921298980712898</c:v>
                </c:pt>
                <c:pt idx="40">
                  <c:v>40.920730590820298</c:v>
                </c:pt>
                <c:pt idx="41">
                  <c:v>41.923580169677699</c:v>
                </c:pt>
                <c:pt idx="42">
                  <c:v>42.923274993896499</c:v>
                </c:pt>
                <c:pt idx="43">
                  <c:v>43.922767639160199</c:v>
                </c:pt>
                <c:pt idx="44">
                  <c:v>44.922660827636697</c:v>
                </c:pt>
                <c:pt idx="45">
                  <c:v>45.922172546386697</c:v>
                </c:pt>
                <c:pt idx="46">
                  <c:v>46.921989440917997</c:v>
                </c:pt>
                <c:pt idx="47">
                  <c:v>47.921955108642599</c:v>
                </c:pt>
                <c:pt idx="48">
                  <c:v>48.921459197997997</c:v>
                </c:pt>
                <c:pt idx="49">
                  <c:v>49.921432495117202</c:v>
                </c:pt>
                <c:pt idx="50">
                  <c:v>50.920974731445298</c:v>
                </c:pt>
                <c:pt idx="51">
                  <c:v>51.920944213867202</c:v>
                </c:pt>
                <c:pt idx="52">
                  <c:v>52.9206352233887</c:v>
                </c:pt>
                <c:pt idx="53">
                  <c:v>53.92041015625</c:v>
                </c:pt>
                <c:pt idx="54">
                  <c:v>54.920108795166001</c:v>
                </c:pt>
                <c:pt idx="55">
                  <c:v>55.9198188781738</c:v>
                </c:pt>
                <c:pt idx="56">
                  <c:v>56.919479370117202</c:v>
                </c:pt>
                <c:pt idx="57">
                  <c:v>57.919563293457003</c:v>
                </c:pt>
                <c:pt idx="58">
                  <c:v>58.918827056884801</c:v>
                </c:pt>
                <c:pt idx="59">
                  <c:v>59.9188041687012</c:v>
                </c:pt>
                <c:pt idx="60">
                  <c:v>60.918498992919901</c:v>
                </c:pt>
                <c:pt idx="61">
                  <c:v>61.918636322021499</c:v>
                </c:pt>
                <c:pt idx="62">
                  <c:v>62.917766571044901</c:v>
                </c:pt>
                <c:pt idx="63">
                  <c:v>63.917881011962898</c:v>
                </c:pt>
                <c:pt idx="64">
                  <c:v>64.917785644531307</c:v>
                </c:pt>
                <c:pt idx="65">
                  <c:v>65.917686462402301</c:v>
                </c:pt>
                <c:pt idx="66">
                  <c:v>66.917259216308594</c:v>
                </c:pt>
                <c:pt idx="67">
                  <c:v>67.916755676269503</c:v>
                </c:pt>
                <c:pt idx="68">
                  <c:v>68.916877746582003</c:v>
                </c:pt>
                <c:pt idx="69">
                  <c:v>69.916168212890597</c:v>
                </c:pt>
                <c:pt idx="70">
                  <c:v>70.916961669921903</c:v>
                </c:pt>
                <c:pt idx="71">
                  <c:v>71.915626525878906</c:v>
                </c:pt>
                <c:pt idx="72">
                  <c:v>72.915756225585895</c:v>
                </c:pt>
                <c:pt idx="73">
                  <c:v>73.915847778320298</c:v>
                </c:pt>
                <c:pt idx="74">
                  <c:v>74.914619445800795</c:v>
                </c:pt>
                <c:pt idx="75">
                  <c:v>75.915168762207003</c:v>
                </c:pt>
                <c:pt idx="76">
                  <c:v>76.914871215820298</c:v>
                </c:pt>
                <c:pt idx="77">
                  <c:v>77.914489746093807</c:v>
                </c:pt>
                <c:pt idx="78">
                  <c:v>78.9149169921875</c:v>
                </c:pt>
                <c:pt idx="79">
                  <c:v>79.913276672363295</c:v>
                </c:pt>
                <c:pt idx="80">
                  <c:v>80.913566589355497</c:v>
                </c:pt>
                <c:pt idx="81">
                  <c:v>81.9127197265625</c:v>
                </c:pt>
                <c:pt idx="82">
                  <c:v>82.912857055664105</c:v>
                </c:pt>
                <c:pt idx="83">
                  <c:v>83.912895202636705</c:v>
                </c:pt>
                <c:pt idx="84">
                  <c:v>84.912513732910199</c:v>
                </c:pt>
                <c:pt idx="85">
                  <c:v>85.9114990234375</c:v>
                </c:pt>
                <c:pt idx="86">
                  <c:v>86.913093566894503</c:v>
                </c:pt>
                <c:pt idx="87">
                  <c:v>87.911354064941406</c:v>
                </c:pt>
                <c:pt idx="88">
                  <c:v>88.912826538085895</c:v>
                </c:pt>
                <c:pt idx="89">
                  <c:v>89.9111328125</c:v>
                </c:pt>
                <c:pt idx="90">
                  <c:v>90.911193847656307</c:v>
                </c:pt>
                <c:pt idx="91">
                  <c:v>91.909370422363295</c:v>
                </c:pt>
                <c:pt idx="92">
                  <c:v>92.911392211914105</c:v>
                </c:pt>
                <c:pt idx="93">
                  <c:v>93.912338256835895</c:v>
                </c:pt>
                <c:pt idx="94">
                  <c:v>94.908874511718807</c:v>
                </c:pt>
                <c:pt idx="95">
                  <c:v>95.911018371582003</c:v>
                </c:pt>
                <c:pt idx="96">
                  <c:v>96.908073425292997</c:v>
                </c:pt>
                <c:pt idx="97">
                  <c:v>97.909896850585895</c:v>
                </c:pt>
                <c:pt idx="98">
                  <c:v>98.910110473632798</c:v>
                </c:pt>
                <c:pt idx="99">
                  <c:v>99.907936096191406</c:v>
                </c:pt>
                <c:pt idx="100">
                  <c:v>100.00155639648401</c:v>
                </c:pt>
                <c:pt idx="101">
                  <c:v>100.003860473633</c:v>
                </c:pt>
                <c:pt idx="102">
                  <c:v>100.00033569335901</c:v>
                </c:pt>
                <c:pt idx="103">
                  <c:v>99.997627258300795</c:v>
                </c:pt>
                <c:pt idx="104">
                  <c:v>99.9971923828125</c:v>
                </c:pt>
                <c:pt idx="105">
                  <c:v>99.999099731445298</c:v>
                </c:pt>
                <c:pt idx="106">
                  <c:v>99.998870849609403</c:v>
                </c:pt>
                <c:pt idx="107">
                  <c:v>99.998497009277301</c:v>
                </c:pt>
                <c:pt idx="108">
                  <c:v>99.999320983886705</c:v>
                </c:pt>
                <c:pt idx="109">
                  <c:v>100.00042724609401</c:v>
                </c:pt>
                <c:pt idx="110">
                  <c:v>99.997711181640597</c:v>
                </c:pt>
                <c:pt idx="111">
                  <c:v>99.998611450195298</c:v>
                </c:pt>
                <c:pt idx="112">
                  <c:v>99.999450683593807</c:v>
                </c:pt>
                <c:pt idx="113">
                  <c:v>99.999107360839801</c:v>
                </c:pt>
                <c:pt idx="114">
                  <c:v>99.999603271484403</c:v>
                </c:pt>
                <c:pt idx="115">
                  <c:v>100.000244140625</c:v>
                </c:pt>
                <c:pt idx="116">
                  <c:v>99.999458312988295</c:v>
                </c:pt>
                <c:pt idx="117">
                  <c:v>100.00063323974599</c:v>
                </c:pt>
                <c:pt idx="118">
                  <c:v>100.00057983398401</c:v>
                </c:pt>
                <c:pt idx="119">
                  <c:v>100.00022125244099</c:v>
                </c:pt>
                <c:pt idx="120">
                  <c:v>99.998466491699205</c:v>
                </c:pt>
                <c:pt idx="121">
                  <c:v>99.996772766113295</c:v>
                </c:pt>
                <c:pt idx="122">
                  <c:v>99.999107360839801</c:v>
                </c:pt>
                <c:pt idx="123">
                  <c:v>100.001792907715</c:v>
                </c:pt>
                <c:pt idx="124">
                  <c:v>100.001304626465</c:v>
                </c:pt>
                <c:pt idx="125">
                  <c:v>100.00234985351599</c:v>
                </c:pt>
                <c:pt idx="126">
                  <c:v>100.00178527832</c:v>
                </c:pt>
                <c:pt idx="127">
                  <c:v>99.999900817871094</c:v>
                </c:pt>
                <c:pt idx="128">
                  <c:v>99.997627258300795</c:v>
                </c:pt>
                <c:pt idx="129">
                  <c:v>99.999076843261705</c:v>
                </c:pt>
                <c:pt idx="130">
                  <c:v>99.075309753417997</c:v>
                </c:pt>
                <c:pt idx="131">
                  <c:v>98.070663452148395</c:v>
                </c:pt>
                <c:pt idx="132">
                  <c:v>97.077011108398395</c:v>
                </c:pt>
                <c:pt idx="133">
                  <c:v>96.069519042968807</c:v>
                </c:pt>
                <c:pt idx="134">
                  <c:v>95.075546264648395</c:v>
                </c:pt>
                <c:pt idx="135">
                  <c:v>94.074890136718807</c:v>
                </c:pt>
                <c:pt idx="136">
                  <c:v>93.074790954589801</c:v>
                </c:pt>
                <c:pt idx="137">
                  <c:v>92.077011108398395</c:v>
                </c:pt>
                <c:pt idx="138">
                  <c:v>91.073410034179702</c:v>
                </c:pt>
                <c:pt idx="139">
                  <c:v>90.076461791992202</c:v>
                </c:pt>
                <c:pt idx="140">
                  <c:v>89.076469421386705</c:v>
                </c:pt>
                <c:pt idx="141">
                  <c:v>88.078201293945298</c:v>
                </c:pt>
                <c:pt idx="142">
                  <c:v>87.077049255371094</c:v>
                </c:pt>
                <c:pt idx="143">
                  <c:v>86.076210021972699</c:v>
                </c:pt>
                <c:pt idx="144">
                  <c:v>85.077835083007798</c:v>
                </c:pt>
                <c:pt idx="145">
                  <c:v>84.077835083007798</c:v>
                </c:pt>
                <c:pt idx="146">
                  <c:v>83.077865600585895</c:v>
                </c:pt>
                <c:pt idx="147">
                  <c:v>82.078018188476605</c:v>
                </c:pt>
                <c:pt idx="148">
                  <c:v>81.0782470703125</c:v>
                </c:pt>
                <c:pt idx="149">
                  <c:v>80.078903198242202</c:v>
                </c:pt>
                <c:pt idx="150">
                  <c:v>79.078109741210895</c:v>
                </c:pt>
                <c:pt idx="151">
                  <c:v>78.078880310058594</c:v>
                </c:pt>
                <c:pt idx="152">
                  <c:v>77.079216003417997</c:v>
                </c:pt>
                <c:pt idx="153">
                  <c:v>76.079994201660199</c:v>
                </c:pt>
                <c:pt idx="154">
                  <c:v>75.079650878906307</c:v>
                </c:pt>
                <c:pt idx="155">
                  <c:v>74.079437255859403</c:v>
                </c:pt>
                <c:pt idx="156">
                  <c:v>73.080078125</c:v>
                </c:pt>
                <c:pt idx="157">
                  <c:v>72.080337524414105</c:v>
                </c:pt>
                <c:pt idx="158">
                  <c:v>71.080528259277301</c:v>
                </c:pt>
                <c:pt idx="159">
                  <c:v>70.081306457519503</c:v>
                </c:pt>
                <c:pt idx="160">
                  <c:v>69.081527709960895</c:v>
                </c:pt>
                <c:pt idx="161">
                  <c:v>68.081306457519503</c:v>
                </c:pt>
                <c:pt idx="162">
                  <c:v>67.082214355468807</c:v>
                </c:pt>
                <c:pt idx="163">
                  <c:v>66.082534790039105</c:v>
                </c:pt>
                <c:pt idx="164">
                  <c:v>65.082527160644503</c:v>
                </c:pt>
                <c:pt idx="165">
                  <c:v>64.082229614257798</c:v>
                </c:pt>
                <c:pt idx="166">
                  <c:v>63.082550048828097</c:v>
                </c:pt>
                <c:pt idx="167">
                  <c:v>62.0828857421875</c:v>
                </c:pt>
                <c:pt idx="168">
                  <c:v>61.083183288574197</c:v>
                </c:pt>
                <c:pt idx="169">
                  <c:v>60.083442687988303</c:v>
                </c:pt>
                <c:pt idx="170">
                  <c:v>59.083389282226598</c:v>
                </c:pt>
                <c:pt idx="171">
                  <c:v>58.081504821777301</c:v>
                </c:pt>
                <c:pt idx="172">
                  <c:v>57.083915710449197</c:v>
                </c:pt>
                <c:pt idx="173">
                  <c:v>56.081501007080099</c:v>
                </c:pt>
                <c:pt idx="174">
                  <c:v>55.084934234619098</c:v>
                </c:pt>
                <c:pt idx="175">
                  <c:v>54.081993103027301</c:v>
                </c:pt>
                <c:pt idx="176">
                  <c:v>53.082595825195298</c:v>
                </c:pt>
                <c:pt idx="177">
                  <c:v>52.0827026367188</c:v>
                </c:pt>
                <c:pt idx="178">
                  <c:v>51.082832336425803</c:v>
                </c:pt>
                <c:pt idx="179">
                  <c:v>50.082859039306598</c:v>
                </c:pt>
                <c:pt idx="180">
                  <c:v>49.083538055419901</c:v>
                </c:pt>
                <c:pt idx="181">
                  <c:v>48.083660125732401</c:v>
                </c:pt>
                <c:pt idx="182">
                  <c:v>47.0840034484863</c:v>
                </c:pt>
                <c:pt idx="183">
                  <c:v>46.084133148193402</c:v>
                </c:pt>
                <c:pt idx="184">
                  <c:v>45.084465026855497</c:v>
                </c:pt>
                <c:pt idx="185">
                  <c:v>44.084659576416001</c:v>
                </c:pt>
                <c:pt idx="186">
                  <c:v>43.0848197937012</c:v>
                </c:pt>
                <c:pt idx="187">
                  <c:v>42.085243225097699</c:v>
                </c:pt>
                <c:pt idx="188">
                  <c:v>41.085079193115199</c:v>
                </c:pt>
                <c:pt idx="189">
                  <c:v>40.085494995117202</c:v>
                </c:pt>
                <c:pt idx="190">
                  <c:v>39.085865020752003</c:v>
                </c:pt>
                <c:pt idx="191">
                  <c:v>38.085830688476598</c:v>
                </c:pt>
                <c:pt idx="192">
                  <c:v>37.0863037109375</c:v>
                </c:pt>
                <c:pt idx="193">
                  <c:v>36.086711883544901</c:v>
                </c:pt>
                <c:pt idx="194">
                  <c:v>35.086738586425803</c:v>
                </c:pt>
                <c:pt idx="195">
                  <c:v>34.087062835693402</c:v>
                </c:pt>
                <c:pt idx="196">
                  <c:v>33.0871772766113</c:v>
                </c:pt>
                <c:pt idx="197">
                  <c:v>32.087566375732401</c:v>
                </c:pt>
                <c:pt idx="198">
                  <c:v>31.087863922119102</c:v>
                </c:pt>
                <c:pt idx="199">
                  <c:v>30.087984085083001</c:v>
                </c:pt>
                <c:pt idx="200">
                  <c:v>29.088253021240199</c:v>
                </c:pt>
                <c:pt idx="201">
                  <c:v>28.088516235351602</c:v>
                </c:pt>
                <c:pt idx="202">
                  <c:v>27.088752746581999</c:v>
                </c:pt>
                <c:pt idx="203">
                  <c:v>26.089031219482401</c:v>
                </c:pt>
                <c:pt idx="204">
                  <c:v>25.0891933441162</c:v>
                </c:pt>
                <c:pt idx="205">
                  <c:v>24.0894660949707</c:v>
                </c:pt>
                <c:pt idx="206">
                  <c:v>23.0896911621094</c:v>
                </c:pt>
                <c:pt idx="207">
                  <c:v>22.0899562835693</c:v>
                </c:pt>
                <c:pt idx="208">
                  <c:v>21.090110778808601</c:v>
                </c:pt>
                <c:pt idx="209">
                  <c:v>20.0904750823975</c:v>
                </c:pt>
                <c:pt idx="210">
                  <c:v>19.090631484985401</c:v>
                </c:pt>
                <c:pt idx="211">
                  <c:v>18.090913772583001</c:v>
                </c:pt>
                <c:pt idx="212">
                  <c:v>17.091190338134801</c:v>
                </c:pt>
                <c:pt idx="213">
                  <c:v>16.091350555419901</c:v>
                </c:pt>
                <c:pt idx="214">
                  <c:v>15.091340065002401</c:v>
                </c:pt>
                <c:pt idx="215">
                  <c:v>14.0912475585938</c:v>
                </c:pt>
                <c:pt idx="216">
                  <c:v>13.0911045074463</c:v>
                </c:pt>
                <c:pt idx="217">
                  <c:v>12.091001510620099</c:v>
                </c:pt>
                <c:pt idx="218">
                  <c:v>11.090938568115201</c:v>
                </c:pt>
                <c:pt idx="219">
                  <c:v>10.0907936096191</c:v>
                </c:pt>
                <c:pt idx="220">
                  <c:v>9.0907239913940394</c:v>
                </c:pt>
                <c:pt idx="221">
                  <c:v>8.0906438827514595</c:v>
                </c:pt>
                <c:pt idx="222">
                  <c:v>7.0906696319580096</c:v>
                </c:pt>
                <c:pt idx="223">
                  <c:v>6.0907416343689</c:v>
                </c:pt>
                <c:pt idx="224">
                  <c:v>5.0908346176147496</c:v>
                </c:pt>
                <c:pt idx="225">
                  <c:v>4.0909299850463903</c:v>
                </c:pt>
                <c:pt idx="226">
                  <c:v>3.0909454822540301</c:v>
                </c:pt>
                <c:pt idx="227">
                  <c:v>2.0909590721130402</c:v>
                </c:pt>
                <c:pt idx="228">
                  <c:v>1.0908886194229099</c:v>
                </c:pt>
                <c:pt idx="229">
                  <c:v>9.0864457190036801E-2</c:v>
                </c:pt>
              </c:numCache>
            </c:numRef>
          </c:xVal>
          <c:yVal>
            <c:numRef>
              <c:f>Type_4_6__1___._2_thixotropy_rw!$D$2:$D$231</c:f>
              <c:numCache>
                <c:formatCode>General</c:formatCode>
                <c:ptCount val="230"/>
                <c:pt idx="0">
                  <c:v>4.3630108237266499E-2</c:v>
                </c:pt>
                <c:pt idx="1">
                  <c:v>3.7829305976629299E-2</c:v>
                </c:pt>
                <c:pt idx="2">
                  <c:v>9.8820552229881304E-3</c:v>
                </c:pt>
                <c:pt idx="3">
                  <c:v>8.5936561226844801E-2</c:v>
                </c:pt>
                <c:pt idx="4">
                  <c:v>0.23891393840312999</c:v>
                </c:pt>
                <c:pt idx="5">
                  <c:v>0.34359985589981101</c:v>
                </c:pt>
                <c:pt idx="6">
                  <c:v>0.25960972905159002</c:v>
                </c:pt>
                <c:pt idx="7">
                  <c:v>0.49117335677146901</c:v>
                </c:pt>
                <c:pt idx="8">
                  <c:v>0.43437400460243197</c:v>
                </c:pt>
                <c:pt idx="9">
                  <c:v>0.52472233772277799</c:v>
                </c:pt>
                <c:pt idx="10">
                  <c:v>0.50586652755737305</c:v>
                </c:pt>
                <c:pt idx="11">
                  <c:v>0.57011342048644997</c:v>
                </c:pt>
                <c:pt idx="12">
                  <c:v>0.77838432788848899</c:v>
                </c:pt>
                <c:pt idx="13">
                  <c:v>0.88430392742157005</c:v>
                </c:pt>
                <c:pt idx="14">
                  <c:v>1.0899641513824501</c:v>
                </c:pt>
                <c:pt idx="15">
                  <c:v>1.2128309011459399</c:v>
                </c:pt>
                <c:pt idx="16">
                  <c:v>1.1013418436050399</c:v>
                </c:pt>
                <c:pt idx="17">
                  <c:v>1.344367146492</c:v>
                </c:pt>
                <c:pt idx="18">
                  <c:v>1.41345322132111</c:v>
                </c:pt>
                <c:pt idx="19">
                  <c:v>1.5589514970779399</c:v>
                </c:pt>
                <c:pt idx="20">
                  <c:v>1.7045263051986701</c:v>
                </c:pt>
                <c:pt idx="21">
                  <c:v>1.86451363563538</c:v>
                </c:pt>
                <c:pt idx="22">
                  <c:v>2.1610901355743399</c:v>
                </c:pt>
                <c:pt idx="23">
                  <c:v>2.3523409366607702</c:v>
                </c:pt>
                <c:pt idx="24">
                  <c:v>2.6589615345001198</c:v>
                </c:pt>
                <c:pt idx="25">
                  <c:v>2.72984075546265</c:v>
                </c:pt>
                <c:pt idx="26">
                  <c:v>2.7599718570709202</c:v>
                </c:pt>
                <c:pt idx="27">
                  <c:v>3.27265548706055</c:v>
                </c:pt>
                <c:pt idx="28">
                  <c:v>3.3524227142334002</c:v>
                </c:pt>
                <c:pt idx="29">
                  <c:v>3.7862620353698699</c:v>
                </c:pt>
                <c:pt idx="30">
                  <c:v>3.8533005714416499</c:v>
                </c:pt>
                <c:pt idx="31">
                  <c:v>4.42541408538818</c:v>
                </c:pt>
                <c:pt idx="32">
                  <c:v>4.8800110816955602</c:v>
                </c:pt>
                <c:pt idx="33">
                  <c:v>5.6473464965820304</c:v>
                </c:pt>
                <c:pt idx="34">
                  <c:v>6.3153872489929199</c:v>
                </c:pt>
                <c:pt idx="35">
                  <c:v>5.9969506263732901</c:v>
                </c:pt>
                <c:pt idx="36">
                  <c:v>6.8518977165222203</c:v>
                </c:pt>
                <c:pt idx="37">
                  <c:v>6.7464566230773899</c:v>
                </c:pt>
                <c:pt idx="38">
                  <c:v>8.1102190017700195</c:v>
                </c:pt>
                <c:pt idx="39">
                  <c:v>7.2914481163024902</c:v>
                </c:pt>
                <c:pt idx="40">
                  <c:v>7.4480042457580602</c:v>
                </c:pt>
                <c:pt idx="41">
                  <c:v>7.8970642089843803</c:v>
                </c:pt>
                <c:pt idx="42">
                  <c:v>7.6083316802978498</c:v>
                </c:pt>
                <c:pt idx="43">
                  <c:v>7.4347028732299796</c:v>
                </c:pt>
                <c:pt idx="44">
                  <c:v>8.4588851928710902</c:v>
                </c:pt>
                <c:pt idx="45">
                  <c:v>8.1207580566406303</c:v>
                </c:pt>
                <c:pt idx="46">
                  <c:v>8.8890571594238299</c:v>
                </c:pt>
                <c:pt idx="47">
                  <c:v>8.9341917037963903</c:v>
                </c:pt>
                <c:pt idx="48">
                  <c:v>8.9622097015380895</c:v>
                </c:pt>
                <c:pt idx="49">
                  <c:v>9.1054944992065394</c:v>
                </c:pt>
                <c:pt idx="50">
                  <c:v>8.6628913879394496</c:v>
                </c:pt>
                <c:pt idx="51">
                  <c:v>10.0211696624756</c:v>
                </c:pt>
                <c:pt idx="52">
                  <c:v>10.0824890136719</c:v>
                </c:pt>
                <c:pt idx="53">
                  <c:v>10.417060852050801</c:v>
                </c:pt>
                <c:pt idx="54">
                  <c:v>11.655317306518601</c:v>
                </c:pt>
                <c:pt idx="55">
                  <c:v>10.6605224609375</c:v>
                </c:pt>
                <c:pt idx="56">
                  <c:v>11.3263101577759</c:v>
                </c:pt>
                <c:pt idx="57">
                  <c:v>12.687191963195801</c:v>
                </c:pt>
                <c:pt idx="58">
                  <c:v>12.334489822387701</c:v>
                </c:pt>
                <c:pt idx="59">
                  <c:v>13.8570289611816</c:v>
                </c:pt>
                <c:pt idx="60">
                  <c:v>12.7521648406982</c:v>
                </c:pt>
                <c:pt idx="61">
                  <c:v>14.758405685424799</c:v>
                </c:pt>
                <c:pt idx="62">
                  <c:v>14.333830833435099</c:v>
                </c:pt>
                <c:pt idx="63">
                  <c:v>15.5648288726807</c:v>
                </c:pt>
                <c:pt idx="64">
                  <c:v>15.914989471435501</c:v>
                </c:pt>
                <c:pt idx="65">
                  <c:v>17.106462478637699</c:v>
                </c:pt>
                <c:pt idx="66">
                  <c:v>18.280021667480501</c:v>
                </c:pt>
                <c:pt idx="67">
                  <c:v>18.916139602661101</c:v>
                </c:pt>
                <c:pt idx="68">
                  <c:v>20.002952575683601</c:v>
                </c:pt>
                <c:pt idx="69">
                  <c:v>19.71457862854</c:v>
                </c:pt>
                <c:pt idx="70">
                  <c:v>20.7210998535156</c:v>
                </c:pt>
                <c:pt idx="71">
                  <c:v>20.665767669677699</c:v>
                </c:pt>
                <c:pt idx="72">
                  <c:v>21.604469299316399</c:v>
                </c:pt>
                <c:pt idx="73">
                  <c:v>20.527408599853501</c:v>
                </c:pt>
                <c:pt idx="74">
                  <c:v>20.585748672485401</c:v>
                </c:pt>
                <c:pt idx="75">
                  <c:v>22.074424743652301</c:v>
                </c:pt>
                <c:pt idx="76">
                  <c:v>23.203367233276399</c:v>
                </c:pt>
                <c:pt idx="77">
                  <c:v>23.0885524749756</c:v>
                </c:pt>
                <c:pt idx="78">
                  <c:v>28.098505020141602</c:v>
                </c:pt>
                <c:pt idx="79">
                  <c:v>27.8318576812744</c:v>
                </c:pt>
                <c:pt idx="80">
                  <c:v>27.939533233642599</c:v>
                </c:pt>
                <c:pt idx="81">
                  <c:v>27.725162506103501</c:v>
                </c:pt>
                <c:pt idx="82">
                  <c:v>28.224433898925799</c:v>
                </c:pt>
                <c:pt idx="83">
                  <c:v>27.590330123901399</c:v>
                </c:pt>
                <c:pt idx="84">
                  <c:v>28.605426788330099</c:v>
                </c:pt>
                <c:pt idx="85">
                  <c:v>29.339941024780298</c:v>
                </c:pt>
                <c:pt idx="86">
                  <c:v>28.606489181518601</c:v>
                </c:pt>
                <c:pt idx="87">
                  <c:v>28.3015460968018</c:v>
                </c:pt>
                <c:pt idx="88">
                  <c:v>28.682249069213899</c:v>
                </c:pt>
                <c:pt idx="89">
                  <c:v>26.825954437255898</c:v>
                </c:pt>
                <c:pt idx="90">
                  <c:v>30.365566253662099</c:v>
                </c:pt>
                <c:pt idx="91">
                  <c:v>29.559242248535199</c:v>
                </c:pt>
                <c:pt idx="92">
                  <c:v>31.7869968414307</c:v>
                </c:pt>
                <c:pt idx="93">
                  <c:v>28.965246200561499</c:v>
                </c:pt>
                <c:pt idx="94">
                  <c:v>31.857803344726602</c:v>
                </c:pt>
                <c:pt idx="95">
                  <c:v>29.823616027831999</c:v>
                </c:pt>
                <c:pt idx="96">
                  <c:v>33.203380584716797</c:v>
                </c:pt>
                <c:pt idx="97">
                  <c:v>30.628860473632798</c:v>
                </c:pt>
                <c:pt idx="98">
                  <c:v>31.759687423706101</c:v>
                </c:pt>
                <c:pt idx="99">
                  <c:v>32.235271453857401</c:v>
                </c:pt>
                <c:pt idx="100">
                  <c:v>33.620597839355497</c:v>
                </c:pt>
                <c:pt idx="101">
                  <c:v>31.543287277221701</c:v>
                </c:pt>
                <c:pt idx="102">
                  <c:v>27.253370285034201</c:v>
                </c:pt>
                <c:pt idx="103">
                  <c:v>29.692102432251001</c:v>
                </c:pt>
                <c:pt idx="104">
                  <c:v>32.709716796875</c:v>
                </c:pt>
                <c:pt idx="105">
                  <c:v>33.953392028808601</c:v>
                </c:pt>
                <c:pt idx="106">
                  <c:v>31.873296737670898</c:v>
                </c:pt>
                <c:pt idx="107">
                  <c:v>31.5616550445557</c:v>
                </c:pt>
                <c:pt idx="108">
                  <c:v>32.137645721435497</c:v>
                </c:pt>
                <c:pt idx="109">
                  <c:v>33.317619323730497</c:v>
                </c:pt>
                <c:pt idx="110">
                  <c:v>33.476413726806598</c:v>
                </c:pt>
                <c:pt idx="111">
                  <c:v>33.347789764404297</c:v>
                </c:pt>
                <c:pt idx="112">
                  <c:v>32.892753601074197</c:v>
                </c:pt>
                <c:pt idx="113">
                  <c:v>31.954139709472699</c:v>
                </c:pt>
                <c:pt idx="114">
                  <c:v>32.504001617431598</c:v>
                </c:pt>
                <c:pt idx="115">
                  <c:v>33.606292724609403</c:v>
                </c:pt>
                <c:pt idx="116">
                  <c:v>31.419582366943398</c:v>
                </c:pt>
                <c:pt idx="117">
                  <c:v>33.4174995422363</c:v>
                </c:pt>
                <c:pt idx="118">
                  <c:v>30.9144382476807</c:v>
                </c:pt>
                <c:pt idx="119">
                  <c:v>30.829715728759801</c:v>
                </c:pt>
                <c:pt idx="120">
                  <c:v>30.651380538940401</c:v>
                </c:pt>
                <c:pt idx="121">
                  <c:v>35.309066772460902</c:v>
                </c:pt>
                <c:pt idx="122">
                  <c:v>34.522182464599602</c:v>
                </c:pt>
                <c:pt idx="123">
                  <c:v>34.742870330810497</c:v>
                </c:pt>
                <c:pt idx="124">
                  <c:v>33.6827201843262</c:v>
                </c:pt>
                <c:pt idx="125">
                  <c:v>32.732414245605497</c:v>
                </c:pt>
                <c:pt idx="126">
                  <c:v>30.8369750976563</c:v>
                </c:pt>
                <c:pt idx="127">
                  <c:v>29.591819763183601</c:v>
                </c:pt>
                <c:pt idx="128">
                  <c:v>30.4652423858643</c:v>
                </c:pt>
                <c:pt idx="129">
                  <c:v>31.429716110229499</c:v>
                </c:pt>
                <c:pt idx="130">
                  <c:v>31.971818923950199</c:v>
                </c:pt>
                <c:pt idx="131">
                  <c:v>31.746213912963899</c:v>
                </c:pt>
                <c:pt idx="132">
                  <c:v>28.403053283691399</c:v>
                </c:pt>
                <c:pt idx="133">
                  <c:v>32.265861511230497</c:v>
                </c:pt>
                <c:pt idx="134">
                  <c:v>26.954013824462901</c:v>
                </c:pt>
                <c:pt idx="135">
                  <c:v>31.873994827270501</c:v>
                </c:pt>
                <c:pt idx="136">
                  <c:v>26.0102424621582</c:v>
                </c:pt>
                <c:pt idx="137">
                  <c:v>29.8302917480469</c:v>
                </c:pt>
                <c:pt idx="138">
                  <c:v>26.119319915771499</c:v>
                </c:pt>
                <c:pt idx="139">
                  <c:v>26.921859741210898</c:v>
                </c:pt>
                <c:pt idx="140">
                  <c:v>25.9656982421875</c:v>
                </c:pt>
                <c:pt idx="141">
                  <c:v>27.3577556610107</c:v>
                </c:pt>
                <c:pt idx="142">
                  <c:v>26.554374694824201</c:v>
                </c:pt>
                <c:pt idx="143">
                  <c:v>26.0872898101807</c:v>
                </c:pt>
                <c:pt idx="144">
                  <c:v>25.0494174957275</c:v>
                </c:pt>
                <c:pt idx="145">
                  <c:v>25.563959121704102</c:v>
                </c:pt>
                <c:pt idx="146">
                  <c:v>25.1692600250244</c:v>
                </c:pt>
                <c:pt idx="147">
                  <c:v>25.288480758666999</c:v>
                </c:pt>
                <c:pt idx="148">
                  <c:v>25.178480148315401</c:v>
                </c:pt>
                <c:pt idx="149">
                  <c:v>24.523992538452099</c:v>
                </c:pt>
                <c:pt idx="150">
                  <c:v>23.167650222778299</c:v>
                </c:pt>
                <c:pt idx="151">
                  <c:v>23.443641662597699</c:v>
                </c:pt>
                <c:pt idx="152">
                  <c:v>23.247676849365199</c:v>
                </c:pt>
                <c:pt idx="153">
                  <c:v>23.2411918640137</c:v>
                </c:pt>
                <c:pt idx="154">
                  <c:v>21.863731384277301</c:v>
                </c:pt>
                <c:pt idx="155">
                  <c:v>21.274581909179702</c:v>
                </c:pt>
                <c:pt idx="156">
                  <c:v>21.007247924804702</c:v>
                </c:pt>
                <c:pt idx="157">
                  <c:v>19.755458831787099</c:v>
                </c:pt>
                <c:pt idx="158">
                  <c:v>20.0725288391113</c:v>
                </c:pt>
                <c:pt idx="159">
                  <c:v>19.231727600097699</c:v>
                </c:pt>
                <c:pt idx="160">
                  <c:v>18.4811611175537</c:v>
                </c:pt>
                <c:pt idx="161">
                  <c:v>17.894260406494102</c:v>
                </c:pt>
                <c:pt idx="162">
                  <c:v>17.5683288574219</c:v>
                </c:pt>
                <c:pt idx="163">
                  <c:v>16.094753265380898</c:v>
                </c:pt>
                <c:pt idx="164">
                  <c:v>15.0521049499512</c:v>
                </c:pt>
                <c:pt idx="165">
                  <c:v>12.771582603454601</c:v>
                </c:pt>
                <c:pt idx="166">
                  <c:v>14.3796138763428</c:v>
                </c:pt>
                <c:pt idx="167">
                  <c:v>11.910255432128899</c:v>
                </c:pt>
                <c:pt idx="168">
                  <c:v>12.839241027831999</c:v>
                </c:pt>
                <c:pt idx="169">
                  <c:v>12.109113693237299</c:v>
                </c:pt>
                <c:pt idx="170">
                  <c:v>11.2090559005737</c:v>
                </c:pt>
                <c:pt idx="171">
                  <c:v>12.349209785461399</c:v>
                </c:pt>
                <c:pt idx="172">
                  <c:v>10.2784328460693</c:v>
                </c:pt>
                <c:pt idx="173">
                  <c:v>10.140631675720201</c:v>
                </c:pt>
                <c:pt idx="174">
                  <c:v>9.6062555313110405</c:v>
                </c:pt>
                <c:pt idx="175">
                  <c:v>10.4518394470215</c:v>
                </c:pt>
                <c:pt idx="176">
                  <c:v>9.1740684509277308</c:v>
                </c:pt>
                <c:pt idx="177">
                  <c:v>9.5105085372924805</c:v>
                </c:pt>
                <c:pt idx="178">
                  <c:v>8.58630275726318</c:v>
                </c:pt>
                <c:pt idx="179">
                  <c:v>9.0800437927246094</c:v>
                </c:pt>
                <c:pt idx="180">
                  <c:v>8.1326322555541992</c:v>
                </c:pt>
                <c:pt idx="181">
                  <c:v>7.8998770713806197</c:v>
                </c:pt>
                <c:pt idx="182">
                  <c:v>7.3673777580261204</c:v>
                </c:pt>
                <c:pt idx="183">
                  <c:v>7.8751087188720703</c:v>
                </c:pt>
                <c:pt idx="184">
                  <c:v>7.3566417694091797</c:v>
                </c:pt>
                <c:pt idx="185">
                  <c:v>7.62127780914307</c:v>
                </c:pt>
                <c:pt idx="186">
                  <c:v>7.1052732467651403</c:v>
                </c:pt>
                <c:pt idx="187">
                  <c:v>7.3359618186950701</c:v>
                </c:pt>
                <c:pt idx="188">
                  <c:v>7.54549312591553</c:v>
                </c:pt>
                <c:pt idx="189">
                  <c:v>6.2514152526855504</c:v>
                </c:pt>
                <c:pt idx="190">
                  <c:v>6.7852048873901403</c:v>
                </c:pt>
                <c:pt idx="191">
                  <c:v>6.8506603240966797</c:v>
                </c:pt>
                <c:pt idx="192">
                  <c:v>6.2750725746154803</c:v>
                </c:pt>
                <c:pt idx="193">
                  <c:v>6.0237259864807102</c:v>
                </c:pt>
                <c:pt idx="194">
                  <c:v>5.6464262008667001</c:v>
                </c:pt>
                <c:pt idx="195">
                  <c:v>5.7002043724060103</c:v>
                </c:pt>
                <c:pt idx="196">
                  <c:v>5.4117660522460902</c:v>
                </c:pt>
                <c:pt idx="197">
                  <c:v>4.7272706031799299</c:v>
                </c:pt>
                <c:pt idx="198">
                  <c:v>3.8621902465820299</c:v>
                </c:pt>
                <c:pt idx="199">
                  <c:v>3.3620562553405802</c:v>
                </c:pt>
                <c:pt idx="200">
                  <c:v>3.0237021446228001</c:v>
                </c:pt>
                <c:pt idx="201">
                  <c:v>3.1025576591491699</c:v>
                </c:pt>
                <c:pt idx="202">
                  <c:v>2.5851566791534402</c:v>
                </c:pt>
                <c:pt idx="203">
                  <c:v>2.4264161586761501</c:v>
                </c:pt>
                <c:pt idx="204">
                  <c:v>2.0527510643005402</c:v>
                </c:pt>
                <c:pt idx="205">
                  <c:v>2.0599737167358398</c:v>
                </c:pt>
                <c:pt idx="206">
                  <c:v>1.7783945798873899</c:v>
                </c:pt>
                <c:pt idx="207">
                  <c:v>1.7703652381896999</c:v>
                </c:pt>
                <c:pt idx="208">
                  <c:v>1.49573194980621</c:v>
                </c:pt>
                <c:pt idx="209">
                  <c:v>1.22960245609283</c:v>
                </c:pt>
                <c:pt idx="210">
                  <c:v>1.3546395301818801</c:v>
                </c:pt>
                <c:pt idx="211">
                  <c:v>1.1176674365997299</c:v>
                </c:pt>
                <c:pt idx="212">
                  <c:v>1.0283637046814</c:v>
                </c:pt>
                <c:pt idx="213">
                  <c:v>0.93725186586380005</c:v>
                </c:pt>
                <c:pt idx="214">
                  <c:v>0.734005987644196</c:v>
                </c:pt>
                <c:pt idx="215">
                  <c:v>0.66787904500961304</c:v>
                </c:pt>
                <c:pt idx="216">
                  <c:v>0.58326518535614003</c:v>
                </c:pt>
                <c:pt idx="217">
                  <c:v>0.449953943490982</c:v>
                </c:pt>
                <c:pt idx="218">
                  <c:v>0.40269923210143999</c:v>
                </c:pt>
                <c:pt idx="219">
                  <c:v>0.33787089586257901</c:v>
                </c:pt>
                <c:pt idx="220">
                  <c:v>0.23005592823028601</c:v>
                </c:pt>
                <c:pt idx="221">
                  <c:v>0.20615193247795099</c:v>
                </c:pt>
                <c:pt idx="222">
                  <c:v>3.5563524812459897E-2</c:v>
                </c:pt>
                <c:pt idx="223">
                  <c:v>6.0135748237371403E-2</c:v>
                </c:pt>
                <c:pt idx="224">
                  <c:v>9.5596807077526994E-3</c:v>
                </c:pt>
                <c:pt idx="225">
                  <c:v>1.23124988749623E-2</c:v>
                </c:pt>
                <c:pt idx="226">
                  <c:v>7.0192860439419703E-3</c:v>
                </c:pt>
                <c:pt idx="227">
                  <c:v>3.7738073617219897E-2</c:v>
                </c:pt>
                <c:pt idx="228">
                  <c:v>5.3444545716047301E-2</c:v>
                </c:pt>
                <c:pt idx="229">
                  <c:v>1.6886333469301499E-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D809-4C21-A8C1-953A7BBB6C89}"/>
            </c:ext>
          </c:extLst>
        </c:ser>
        <c:ser>
          <c:idx val="6"/>
          <c:order val="1"/>
          <c:tx>
            <c:v>5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>
                  <a:lumMod val="60000"/>
                </a:schemeClr>
              </a:solidFill>
              <a:ln w="9525">
                <a:solidFill>
                  <a:schemeClr val="accent1">
                    <a:lumMod val="60000"/>
                  </a:schemeClr>
                </a:solidFill>
              </a:ln>
              <a:effectLst/>
            </c:spPr>
          </c:marker>
          <c:xVal>
            <c:numRef>
              <c:f>Type_4_6__5___._1_thixotropy_rw!$F$2:$F$231</c:f>
              <c:numCache>
                <c:formatCode>General</c:formatCode>
                <c:ptCount val="230"/>
                <c:pt idx="0">
                  <c:v>0.92629134654998802</c:v>
                </c:pt>
                <c:pt idx="1">
                  <c:v>1.9262136220932</c:v>
                </c:pt>
                <c:pt idx="2">
                  <c:v>2.9263513088226301</c:v>
                </c:pt>
                <c:pt idx="3">
                  <c:v>3.9263162612914999</c:v>
                </c:pt>
                <c:pt idx="4">
                  <c:v>4.9263024330139196</c:v>
                </c:pt>
                <c:pt idx="5">
                  <c:v>5.9261674880981401</c:v>
                </c:pt>
                <c:pt idx="6">
                  <c:v>6.9288129806518599</c:v>
                </c:pt>
                <c:pt idx="7">
                  <c:v>7.9287843704223597</c:v>
                </c:pt>
                <c:pt idx="8">
                  <c:v>8.9289026260375994</c:v>
                </c:pt>
                <c:pt idx="9">
                  <c:v>9.9289960861206108</c:v>
                </c:pt>
                <c:pt idx="10">
                  <c:v>10.926317214965801</c:v>
                </c:pt>
                <c:pt idx="11">
                  <c:v>11.926307678222701</c:v>
                </c:pt>
                <c:pt idx="12">
                  <c:v>12.9264888763428</c:v>
                </c:pt>
                <c:pt idx="13">
                  <c:v>13.926652908325201</c:v>
                </c:pt>
                <c:pt idx="14">
                  <c:v>14.926682472229</c:v>
                </c:pt>
                <c:pt idx="15">
                  <c:v>15.926659584045399</c:v>
                </c:pt>
                <c:pt idx="16">
                  <c:v>16.926557540893601</c:v>
                </c:pt>
                <c:pt idx="17">
                  <c:v>17.92626953125</c:v>
                </c:pt>
                <c:pt idx="18">
                  <c:v>18.9263095855713</c:v>
                </c:pt>
                <c:pt idx="19">
                  <c:v>19.9258117675781</c:v>
                </c:pt>
                <c:pt idx="20">
                  <c:v>20.925514221191399</c:v>
                </c:pt>
                <c:pt idx="21">
                  <c:v>21.9253826141357</c:v>
                </c:pt>
                <c:pt idx="22">
                  <c:v>22.925296783447301</c:v>
                </c:pt>
                <c:pt idx="23">
                  <c:v>23.924812316894499</c:v>
                </c:pt>
                <c:pt idx="24">
                  <c:v>24.924860000610401</c:v>
                </c:pt>
                <c:pt idx="25">
                  <c:v>25.924299240112301</c:v>
                </c:pt>
                <c:pt idx="26">
                  <c:v>26.924360275268601</c:v>
                </c:pt>
                <c:pt idx="27">
                  <c:v>27.924074172973601</c:v>
                </c:pt>
                <c:pt idx="28">
                  <c:v>28.923866271972699</c:v>
                </c:pt>
                <c:pt idx="29">
                  <c:v>29.923406600952099</c:v>
                </c:pt>
                <c:pt idx="30">
                  <c:v>30.92333984375</c:v>
                </c:pt>
                <c:pt idx="31">
                  <c:v>31.922878265380898</c:v>
                </c:pt>
                <c:pt idx="32">
                  <c:v>32.9254150390625</c:v>
                </c:pt>
                <c:pt idx="33">
                  <c:v>33.925327301025398</c:v>
                </c:pt>
                <c:pt idx="34">
                  <c:v>34.924873352050803</c:v>
                </c:pt>
                <c:pt idx="35">
                  <c:v>35.924903869628899</c:v>
                </c:pt>
                <c:pt idx="36">
                  <c:v>36.924449920654297</c:v>
                </c:pt>
                <c:pt idx="37">
                  <c:v>37.9239311218262</c:v>
                </c:pt>
                <c:pt idx="38">
                  <c:v>38.923957824707003</c:v>
                </c:pt>
                <c:pt idx="39">
                  <c:v>39.9239311218262</c:v>
                </c:pt>
                <c:pt idx="40">
                  <c:v>40.923614501953097</c:v>
                </c:pt>
                <c:pt idx="41">
                  <c:v>41.923286437988303</c:v>
                </c:pt>
                <c:pt idx="42">
                  <c:v>42.923126220703097</c:v>
                </c:pt>
                <c:pt idx="43">
                  <c:v>43.922607421875</c:v>
                </c:pt>
                <c:pt idx="44">
                  <c:v>44.922683715820298</c:v>
                </c:pt>
                <c:pt idx="45">
                  <c:v>45.922389984130902</c:v>
                </c:pt>
                <c:pt idx="46">
                  <c:v>46.921710968017599</c:v>
                </c:pt>
                <c:pt idx="47">
                  <c:v>47.921333312988303</c:v>
                </c:pt>
                <c:pt idx="48">
                  <c:v>48.921558380127003</c:v>
                </c:pt>
                <c:pt idx="49">
                  <c:v>49.921222686767599</c:v>
                </c:pt>
                <c:pt idx="50">
                  <c:v>50.921222686767599</c:v>
                </c:pt>
                <c:pt idx="51">
                  <c:v>51.920925140380902</c:v>
                </c:pt>
                <c:pt idx="52">
                  <c:v>52.919872283935497</c:v>
                </c:pt>
                <c:pt idx="53">
                  <c:v>53.920047760009801</c:v>
                </c:pt>
                <c:pt idx="54">
                  <c:v>54.9195365905762</c:v>
                </c:pt>
                <c:pt idx="55">
                  <c:v>55.919712066650398</c:v>
                </c:pt>
                <c:pt idx="56">
                  <c:v>56.918998718261697</c:v>
                </c:pt>
                <c:pt idx="57">
                  <c:v>57.9191284179688</c:v>
                </c:pt>
                <c:pt idx="58">
                  <c:v>58.919239044189503</c:v>
                </c:pt>
                <c:pt idx="59">
                  <c:v>59.918506622314503</c:v>
                </c:pt>
                <c:pt idx="60">
                  <c:v>60.919197082519503</c:v>
                </c:pt>
                <c:pt idx="61">
                  <c:v>61.917617797851598</c:v>
                </c:pt>
                <c:pt idx="62">
                  <c:v>62.918319702148402</c:v>
                </c:pt>
                <c:pt idx="63">
                  <c:v>63.918041229247997</c:v>
                </c:pt>
                <c:pt idx="64">
                  <c:v>64.917640686035199</c:v>
                </c:pt>
                <c:pt idx="65">
                  <c:v>65.917991638183594</c:v>
                </c:pt>
                <c:pt idx="66">
                  <c:v>66.915924072265597</c:v>
                </c:pt>
                <c:pt idx="67">
                  <c:v>67.916511535644503</c:v>
                </c:pt>
                <c:pt idx="68">
                  <c:v>68.916534423828097</c:v>
                </c:pt>
                <c:pt idx="69">
                  <c:v>69.916053771972699</c:v>
                </c:pt>
                <c:pt idx="70">
                  <c:v>70.916122436523395</c:v>
                </c:pt>
                <c:pt idx="71">
                  <c:v>71.916168212890597</c:v>
                </c:pt>
                <c:pt idx="72">
                  <c:v>72.915290832519503</c:v>
                </c:pt>
                <c:pt idx="73">
                  <c:v>73.915267944335895</c:v>
                </c:pt>
                <c:pt idx="74">
                  <c:v>74.914649963378906</c:v>
                </c:pt>
                <c:pt idx="75">
                  <c:v>75.914886474609403</c:v>
                </c:pt>
                <c:pt idx="76">
                  <c:v>76.915229797363295</c:v>
                </c:pt>
                <c:pt idx="77">
                  <c:v>77.913658142089801</c:v>
                </c:pt>
                <c:pt idx="78">
                  <c:v>78.913673400878906</c:v>
                </c:pt>
                <c:pt idx="79">
                  <c:v>79.914039611816406</c:v>
                </c:pt>
                <c:pt idx="80">
                  <c:v>80.914070129394503</c:v>
                </c:pt>
                <c:pt idx="81">
                  <c:v>81.913734436035199</c:v>
                </c:pt>
                <c:pt idx="82">
                  <c:v>82.913192749023395</c:v>
                </c:pt>
                <c:pt idx="83">
                  <c:v>83.912132263183594</c:v>
                </c:pt>
                <c:pt idx="84">
                  <c:v>84.913581848144503</c:v>
                </c:pt>
                <c:pt idx="85">
                  <c:v>85.913764953613295</c:v>
                </c:pt>
                <c:pt idx="86">
                  <c:v>86.912422180175795</c:v>
                </c:pt>
                <c:pt idx="87">
                  <c:v>87.911506652832003</c:v>
                </c:pt>
                <c:pt idx="88">
                  <c:v>88.912223815917997</c:v>
                </c:pt>
                <c:pt idx="89">
                  <c:v>89.911453247070298</c:v>
                </c:pt>
                <c:pt idx="90">
                  <c:v>90.91162109375</c:v>
                </c:pt>
                <c:pt idx="91">
                  <c:v>91.909706115722699</c:v>
                </c:pt>
                <c:pt idx="92">
                  <c:v>92.910331726074205</c:v>
                </c:pt>
                <c:pt idx="93">
                  <c:v>93.910476684570298</c:v>
                </c:pt>
                <c:pt idx="94">
                  <c:v>94.9105224609375</c:v>
                </c:pt>
                <c:pt idx="95">
                  <c:v>95.910362243652301</c:v>
                </c:pt>
                <c:pt idx="96">
                  <c:v>96.910705566406307</c:v>
                </c:pt>
                <c:pt idx="97">
                  <c:v>97.908119201660199</c:v>
                </c:pt>
                <c:pt idx="98">
                  <c:v>98.909606933593807</c:v>
                </c:pt>
                <c:pt idx="99">
                  <c:v>99.908966064453097</c:v>
                </c:pt>
                <c:pt idx="100">
                  <c:v>100.000541687012</c:v>
                </c:pt>
                <c:pt idx="101">
                  <c:v>99.999496459960895</c:v>
                </c:pt>
                <c:pt idx="102">
                  <c:v>100.00067138671901</c:v>
                </c:pt>
                <c:pt idx="103">
                  <c:v>100.00050354003901</c:v>
                </c:pt>
                <c:pt idx="104">
                  <c:v>99.998336791992202</c:v>
                </c:pt>
                <c:pt idx="105">
                  <c:v>100.001792907715</c:v>
                </c:pt>
                <c:pt idx="106">
                  <c:v>99.999565124511705</c:v>
                </c:pt>
                <c:pt idx="107">
                  <c:v>99.999603271484403</c:v>
                </c:pt>
                <c:pt idx="108">
                  <c:v>100.00067138671901</c:v>
                </c:pt>
                <c:pt idx="109">
                  <c:v>100.00114440918</c:v>
                </c:pt>
                <c:pt idx="110">
                  <c:v>100.00017547607401</c:v>
                </c:pt>
                <c:pt idx="111">
                  <c:v>100.001815795898</c:v>
                </c:pt>
                <c:pt idx="112">
                  <c:v>100.000038146973</c:v>
                </c:pt>
                <c:pt idx="113">
                  <c:v>100.000106811523</c:v>
                </c:pt>
                <c:pt idx="114">
                  <c:v>100.00066375732401</c:v>
                </c:pt>
                <c:pt idx="115">
                  <c:v>100.000450134277</c:v>
                </c:pt>
                <c:pt idx="116">
                  <c:v>100.000274658203</c:v>
                </c:pt>
                <c:pt idx="117">
                  <c:v>100.00065612793</c:v>
                </c:pt>
                <c:pt idx="118">
                  <c:v>99.999900817871094</c:v>
                </c:pt>
                <c:pt idx="119">
                  <c:v>100.00006866455099</c:v>
                </c:pt>
                <c:pt idx="120">
                  <c:v>99.999275207519503</c:v>
                </c:pt>
                <c:pt idx="121">
                  <c:v>99.999641418457003</c:v>
                </c:pt>
                <c:pt idx="122">
                  <c:v>99.999908447265597</c:v>
                </c:pt>
                <c:pt idx="123">
                  <c:v>99.999412536621094</c:v>
                </c:pt>
                <c:pt idx="124">
                  <c:v>100.001754760742</c:v>
                </c:pt>
                <c:pt idx="125">
                  <c:v>100.00178527832</c:v>
                </c:pt>
                <c:pt idx="126">
                  <c:v>99.999038696289105</c:v>
                </c:pt>
                <c:pt idx="127">
                  <c:v>100.000381469727</c:v>
                </c:pt>
                <c:pt idx="128">
                  <c:v>100.00090789794901</c:v>
                </c:pt>
                <c:pt idx="129">
                  <c:v>99.999008178710895</c:v>
                </c:pt>
                <c:pt idx="130">
                  <c:v>99.075477600097699</c:v>
                </c:pt>
                <c:pt idx="131">
                  <c:v>98.075401306152301</c:v>
                </c:pt>
                <c:pt idx="132">
                  <c:v>97.073066711425795</c:v>
                </c:pt>
                <c:pt idx="133">
                  <c:v>96.072769165039105</c:v>
                </c:pt>
                <c:pt idx="134">
                  <c:v>95.076950073242202</c:v>
                </c:pt>
                <c:pt idx="135">
                  <c:v>94.076477050781307</c:v>
                </c:pt>
                <c:pt idx="136">
                  <c:v>93.076126098632798</c:v>
                </c:pt>
                <c:pt idx="137">
                  <c:v>92.074089050292997</c:v>
                </c:pt>
                <c:pt idx="138">
                  <c:v>91.074546813964801</c:v>
                </c:pt>
                <c:pt idx="139">
                  <c:v>90.078392028808594</c:v>
                </c:pt>
                <c:pt idx="140">
                  <c:v>89.077224731445298</c:v>
                </c:pt>
                <c:pt idx="141">
                  <c:v>88.0780029296875</c:v>
                </c:pt>
                <c:pt idx="142">
                  <c:v>87.074989318847699</c:v>
                </c:pt>
                <c:pt idx="143">
                  <c:v>86.078193664550795</c:v>
                </c:pt>
                <c:pt idx="144">
                  <c:v>85.078414916992202</c:v>
                </c:pt>
                <c:pt idx="145">
                  <c:v>84.078598022460895</c:v>
                </c:pt>
                <c:pt idx="146">
                  <c:v>83.079254150390597</c:v>
                </c:pt>
                <c:pt idx="147">
                  <c:v>82.080184936523395</c:v>
                </c:pt>
                <c:pt idx="148">
                  <c:v>81.079017639160199</c:v>
                </c:pt>
                <c:pt idx="149">
                  <c:v>80.080215454101605</c:v>
                </c:pt>
                <c:pt idx="150">
                  <c:v>79.079772949218807</c:v>
                </c:pt>
                <c:pt idx="151">
                  <c:v>78.080596923828097</c:v>
                </c:pt>
                <c:pt idx="152">
                  <c:v>77.080772399902301</c:v>
                </c:pt>
                <c:pt idx="153">
                  <c:v>76.080772399902301</c:v>
                </c:pt>
                <c:pt idx="154">
                  <c:v>75.082420349121094</c:v>
                </c:pt>
                <c:pt idx="155">
                  <c:v>74.080879211425795</c:v>
                </c:pt>
                <c:pt idx="156">
                  <c:v>73.081443786621094</c:v>
                </c:pt>
                <c:pt idx="157">
                  <c:v>72.081581115722699</c:v>
                </c:pt>
                <c:pt idx="158">
                  <c:v>71.0821533203125</c:v>
                </c:pt>
                <c:pt idx="159">
                  <c:v>70.080986022949205</c:v>
                </c:pt>
                <c:pt idx="160">
                  <c:v>69.082145690917997</c:v>
                </c:pt>
                <c:pt idx="161">
                  <c:v>68.082382202148395</c:v>
                </c:pt>
                <c:pt idx="162">
                  <c:v>67.082107543945298</c:v>
                </c:pt>
                <c:pt idx="163">
                  <c:v>66.083541870117202</c:v>
                </c:pt>
                <c:pt idx="164">
                  <c:v>65.080764770507798</c:v>
                </c:pt>
                <c:pt idx="165">
                  <c:v>64.080474853515597</c:v>
                </c:pt>
                <c:pt idx="166">
                  <c:v>63.081413269042997</c:v>
                </c:pt>
                <c:pt idx="167">
                  <c:v>62.082130432128899</c:v>
                </c:pt>
                <c:pt idx="168">
                  <c:v>61.082611083984403</c:v>
                </c:pt>
                <c:pt idx="169">
                  <c:v>60.082103729247997</c:v>
                </c:pt>
                <c:pt idx="170">
                  <c:v>59.082046508789098</c:v>
                </c:pt>
                <c:pt idx="171">
                  <c:v>58.082832336425803</c:v>
                </c:pt>
                <c:pt idx="172">
                  <c:v>57.082614898681598</c:v>
                </c:pt>
                <c:pt idx="173">
                  <c:v>56.082748413085902</c:v>
                </c:pt>
                <c:pt idx="174">
                  <c:v>55.083328247070298</c:v>
                </c:pt>
                <c:pt idx="175">
                  <c:v>54.083995819091797</c:v>
                </c:pt>
                <c:pt idx="176">
                  <c:v>53.083511352539098</c:v>
                </c:pt>
                <c:pt idx="177">
                  <c:v>52.084312438964801</c:v>
                </c:pt>
                <c:pt idx="178">
                  <c:v>51.084445953369098</c:v>
                </c:pt>
                <c:pt idx="179">
                  <c:v>50.084568023681598</c:v>
                </c:pt>
                <c:pt idx="180">
                  <c:v>49.085437774658203</c:v>
                </c:pt>
                <c:pt idx="181">
                  <c:v>48.084903717041001</c:v>
                </c:pt>
                <c:pt idx="182">
                  <c:v>47.085109710693402</c:v>
                </c:pt>
                <c:pt idx="183">
                  <c:v>46.085670471191399</c:v>
                </c:pt>
                <c:pt idx="184">
                  <c:v>45.085433959960902</c:v>
                </c:pt>
                <c:pt idx="185">
                  <c:v>44.086441040039098</c:v>
                </c:pt>
                <c:pt idx="186">
                  <c:v>43.086357116699197</c:v>
                </c:pt>
                <c:pt idx="187">
                  <c:v>42.086524963378899</c:v>
                </c:pt>
                <c:pt idx="188">
                  <c:v>41.087013244628899</c:v>
                </c:pt>
                <c:pt idx="189">
                  <c:v>40.087150573730497</c:v>
                </c:pt>
                <c:pt idx="190">
                  <c:v>39.087059020996101</c:v>
                </c:pt>
                <c:pt idx="191">
                  <c:v>38.087043762207003</c:v>
                </c:pt>
                <c:pt idx="192">
                  <c:v>37.087398529052699</c:v>
                </c:pt>
                <c:pt idx="193">
                  <c:v>36.087917327880902</c:v>
                </c:pt>
                <c:pt idx="194">
                  <c:v>35.088909149169901</c:v>
                </c:pt>
                <c:pt idx="195">
                  <c:v>34.088150024414098</c:v>
                </c:pt>
                <c:pt idx="196">
                  <c:v>33.088264465332003</c:v>
                </c:pt>
                <c:pt idx="197">
                  <c:v>32.088760375976598</c:v>
                </c:pt>
                <c:pt idx="198">
                  <c:v>31.089097976684599</c:v>
                </c:pt>
                <c:pt idx="199">
                  <c:v>30.089378356933601</c:v>
                </c:pt>
                <c:pt idx="200">
                  <c:v>29.089584350585898</c:v>
                </c:pt>
                <c:pt idx="201">
                  <c:v>28.0898551940918</c:v>
                </c:pt>
                <c:pt idx="202">
                  <c:v>27.090019226074201</c:v>
                </c:pt>
                <c:pt idx="203">
                  <c:v>26.090192794799801</c:v>
                </c:pt>
                <c:pt idx="204">
                  <c:v>25.090635299682599</c:v>
                </c:pt>
                <c:pt idx="205">
                  <c:v>24.090934753418001</c:v>
                </c:pt>
                <c:pt idx="206">
                  <c:v>23.091041564941399</c:v>
                </c:pt>
                <c:pt idx="207">
                  <c:v>22.0912780761719</c:v>
                </c:pt>
                <c:pt idx="208">
                  <c:v>21.091773986816399</c:v>
                </c:pt>
                <c:pt idx="209">
                  <c:v>20.0918292999268</c:v>
                </c:pt>
                <c:pt idx="210">
                  <c:v>19.09202003479</c:v>
                </c:pt>
                <c:pt idx="211">
                  <c:v>18.0923957824707</c:v>
                </c:pt>
                <c:pt idx="212">
                  <c:v>17.092563629150401</c:v>
                </c:pt>
                <c:pt idx="213">
                  <c:v>16.092937469482401</c:v>
                </c:pt>
                <c:pt idx="214">
                  <c:v>15.0927076339722</c:v>
                </c:pt>
                <c:pt idx="215">
                  <c:v>14.0926160812378</c:v>
                </c:pt>
                <c:pt idx="216">
                  <c:v>13.092587471008301</c:v>
                </c:pt>
                <c:pt idx="217">
                  <c:v>12.092405319213899</c:v>
                </c:pt>
                <c:pt idx="218">
                  <c:v>11.092358589172401</c:v>
                </c:pt>
                <c:pt idx="219">
                  <c:v>10.0922136306763</c:v>
                </c:pt>
                <c:pt idx="220">
                  <c:v>9.0921154022216797</c:v>
                </c:pt>
                <c:pt idx="221">
                  <c:v>8.0920581817627006</c:v>
                </c:pt>
                <c:pt idx="222">
                  <c:v>7.0920848846435502</c:v>
                </c:pt>
                <c:pt idx="223">
                  <c:v>6.0921506881713903</c:v>
                </c:pt>
                <c:pt idx="224">
                  <c:v>5.0922384262084996</c:v>
                </c:pt>
                <c:pt idx="225">
                  <c:v>4.0923190116882298</c:v>
                </c:pt>
                <c:pt idx="226">
                  <c:v>3.0922644138336199</c:v>
                </c:pt>
                <c:pt idx="227">
                  <c:v>2.0922944545745898</c:v>
                </c:pt>
                <c:pt idx="228">
                  <c:v>1.0922557115554801</c:v>
                </c:pt>
                <c:pt idx="229">
                  <c:v>9.2282697558403001E-2</c:v>
                </c:pt>
              </c:numCache>
            </c:numRef>
          </c:xVal>
          <c:yVal>
            <c:numRef>
              <c:f>Type_4_6__5___._1_thixotropy_rw!$D$2:$D$231</c:f>
              <c:numCache>
                <c:formatCode>General</c:formatCode>
                <c:ptCount val="230"/>
                <c:pt idx="0">
                  <c:v>4.1078987121581996</c:v>
                </c:pt>
                <c:pt idx="1">
                  <c:v>1.9773827791214</c:v>
                </c:pt>
                <c:pt idx="2">
                  <c:v>1.15112328529358</c:v>
                </c:pt>
                <c:pt idx="3">
                  <c:v>0.82450389862060502</c:v>
                </c:pt>
                <c:pt idx="4">
                  <c:v>1.18997442722321</c:v>
                </c:pt>
                <c:pt idx="5">
                  <c:v>1.16651964187622</c:v>
                </c:pt>
                <c:pt idx="6">
                  <c:v>1.2314268350601201</c:v>
                </c:pt>
                <c:pt idx="7">
                  <c:v>1.35079574584961</c:v>
                </c:pt>
                <c:pt idx="8">
                  <c:v>1.54523193836212</c:v>
                </c:pt>
                <c:pt idx="9">
                  <c:v>1.78161644935608</c:v>
                </c:pt>
                <c:pt idx="10">
                  <c:v>2.2646937370300302</c:v>
                </c:pt>
                <c:pt idx="11">
                  <c:v>2.5439910888671902</c:v>
                </c:pt>
                <c:pt idx="12">
                  <c:v>2.6246318817138699</c:v>
                </c:pt>
                <c:pt idx="13">
                  <c:v>2.3370299339294398</c:v>
                </c:pt>
                <c:pt idx="14">
                  <c:v>2.5359156131744398</c:v>
                </c:pt>
                <c:pt idx="15">
                  <c:v>2.82979440689087</c:v>
                </c:pt>
                <c:pt idx="16">
                  <c:v>3.5314600467681898</c:v>
                </c:pt>
                <c:pt idx="17">
                  <c:v>4.4853768348693803</c:v>
                </c:pt>
                <c:pt idx="18">
                  <c:v>5.10154008865356</c:v>
                </c:pt>
                <c:pt idx="19">
                  <c:v>5.0387163162231401</c:v>
                </c:pt>
                <c:pt idx="20">
                  <c:v>4.8491239547729501</c:v>
                </c:pt>
                <c:pt idx="21">
                  <c:v>5.2138986587524396</c:v>
                </c:pt>
                <c:pt idx="22">
                  <c:v>4.3543658256530797</c:v>
                </c:pt>
                <c:pt idx="23">
                  <c:v>5.1746850013732901</c:v>
                </c:pt>
                <c:pt idx="24">
                  <c:v>5.7103042602539098</c:v>
                </c:pt>
                <c:pt idx="25">
                  <c:v>5.4017353057861301</c:v>
                </c:pt>
                <c:pt idx="26">
                  <c:v>6.5002298355102504</c:v>
                </c:pt>
                <c:pt idx="27">
                  <c:v>5.9835691452026403</c:v>
                </c:pt>
                <c:pt idx="28">
                  <c:v>6.4805221557617196</c:v>
                </c:pt>
                <c:pt idx="29">
                  <c:v>7.0831732749939</c:v>
                </c:pt>
                <c:pt idx="30">
                  <c:v>8.1575298309326207</c:v>
                </c:pt>
                <c:pt idx="31">
                  <c:v>7.75064897537231</c:v>
                </c:pt>
                <c:pt idx="32">
                  <c:v>9.1396398544311506</c:v>
                </c:pt>
                <c:pt idx="33">
                  <c:v>8.9738273620605504</c:v>
                </c:pt>
                <c:pt idx="34">
                  <c:v>8.9986858367919904</c:v>
                </c:pt>
                <c:pt idx="35">
                  <c:v>10.1198329925537</c:v>
                </c:pt>
                <c:pt idx="36">
                  <c:v>10.155779838561999</c:v>
                </c:pt>
                <c:pt idx="37">
                  <c:v>11.416017532348601</c:v>
                </c:pt>
                <c:pt idx="38">
                  <c:v>12.264406204223601</c:v>
                </c:pt>
                <c:pt idx="39">
                  <c:v>13.241385459899901</c:v>
                </c:pt>
                <c:pt idx="40">
                  <c:v>12.216555595397899</c:v>
                </c:pt>
                <c:pt idx="41">
                  <c:v>14.1427145004272</c:v>
                </c:pt>
                <c:pt idx="42">
                  <c:v>13.890513420105</c:v>
                </c:pt>
                <c:pt idx="43">
                  <c:v>14.063362121581999</c:v>
                </c:pt>
                <c:pt idx="44">
                  <c:v>14.770793914794901</c:v>
                </c:pt>
                <c:pt idx="45">
                  <c:v>15.461368560791</c:v>
                </c:pt>
                <c:pt idx="46">
                  <c:v>14.822471618652299</c:v>
                </c:pt>
                <c:pt idx="47">
                  <c:v>16.467109680175799</c:v>
                </c:pt>
                <c:pt idx="48">
                  <c:v>16.138786315918001</c:v>
                </c:pt>
                <c:pt idx="49">
                  <c:v>16.062648773193398</c:v>
                </c:pt>
                <c:pt idx="50">
                  <c:v>17.124311447143601</c:v>
                </c:pt>
                <c:pt idx="51">
                  <c:v>17.2963752746582</c:v>
                </c:pt>
                <c:pt idx="52">
                  <c:v>20.620063781738299</c:v>
                </c:pt>
                <c:pt idx="53">
                  <c:v>21.748836517333999</c:v>
                </c:pt>
                <c:pt idx="54">
                  <c:v>19.847633361816399</c:v>
                </c:pt>
                <c:pt idx="55">
                  <c:v>21.108909606933601</c:v>
                </c:pt>
                <c:pt idx="56">
                  <c:v>22.182460784912099</c:v>
                </c:pt>
                <c:pt idx="57">
                  <c:v>23.1258850097656</c:v>
                </c:pt>
                <c:pt idx="58">
                  <c:v>25.925565719604499</c:v>
                </c:pt>
                <c:pt idx="59">
                  <c:v>25.373262405395501</c:v>
                </c:pt>
                <c:pt idx="60">
                  <c:v>26.738201141357401</c:v>
                </c:pt>
                <c:pt idx="61">
                  <c:v>26.640199661254901</c:v>
                </c:pt>
                <c:pt idx="62">
                  <c:v>27.970075607299801</c:v>
                </c:pt>
                <c:pt idx="63">
                  <c:v>27.743085861206101</c:v>
                </c:pt>
                <c:pt idx="64">
                  <c:v>30.438280105590799</c:v>
                </c:pt>
                <c:pt idx="65">
                  <c:v>29.460222244262699</c:v>
                </c:pt>
                <c:pt idx="66">
                  <c:v>31.138807296752901</c:v>
                </c:pt>
                <c:pt idx="67">
                  <c:v>32.769649505615199</c:v>
                </c:pt>
                <c:pt idx="68">
                  <c:v>34.395313262939503</c:v>
                </c:pt>
                <c:pt idx="69">
                  <c:v>37.331809997558601</c:v>
                </c:pt>
                <c:pt idx="70">
                  <c:v>38.327404022216797</c:v>
                </c:pt>
                <c:pt idx="71">
                  <c:v>37.946342468261697</c:v>
                </c:pt>
                <c:pt idx="72">
                  <c:v>37.254928588867202</c:v>
                </c:pt>
                <c:pt idx="73">
                  <c:v>37.661975860595703</c:v>
                </c:pt>
                <c:pt idx="74">
                  <c:v>40.008689880371101</c:v>
                </c:pt>
                <c:pt idx="75">
                  <c:v>39.924461364746101</c:v>
                </c:pt>
                <c:pt idx="76">
                  <c:v>40.198116302490199</c:v>
                </c:pt>
                <c:pt idx="77">
                  <c:v>40.761856079101598</c:v>
                </c:pt>
                <c:pt idx="78">
                  <c:v>42.577156066894503</c:v>
                </c:pt>
                <c:pt idx="79">
                  <c:v>45.210865020752003</c:v>
                </c:pt>
                <c:pt idx="80">
                  <c:v>46.698379516601598</c:v>
                </c:pt>
                <c:pt idx="81">
                  <c:v>47.384086608886697</c:v>
                </c:pt>
                <c:pt idx="82">
                  <c:v>48.039459228515597</c:v>
                </c:pt>
                <c:pt idx="83">
                  <c:v>47.832439422607401</c:v>
                </c:pt>
                <c:pt idx="84">
                  <c:v>51.809295654296903</c:v>
                </c:pt>
                <c:pt idx="85">
                  <c:v>50.866878509521499</c:v>
                </c:pt>
                <c:pt idx="86">
                  <c:v>49.804420471191399</c:v>
                </c:pt>
                <c:pt idx="87">
                  <c:v>48.460414886474602</c:v>
                </c:pt>
                <c:pt idx="88">
                  <c:v>47.282844543457003</c:v>
                </c:pt>
                <c:pt idx="89">
                  <c:v>51.3639106750488</c:v>
                </c:pt>
                <c:pt idx="90">
                  <c:v>49.5311470031738</c:v>
                </c:pt>
                <c:pt idx="91">
                  <c:v>51.269790649414098</c:v>
                </c:pt>
                <c:pt idx="92">
                  <c:v>52.247806549072301</c:v>
                </c:pt>
                <c:pt idx="93">
                  <c:v>53.863605499267599</c:v>
                </c:pt>
                <c:pt idx="94">
                  <c:v>51.211616516113303</c:v>
                </c:pt>
                <c:pt idx="95">
                  <c:v>53.941410064697301</c:v>
                </c:pt>
                <c:pt idx="96">
                  <c:v>54.010005950927699</c:v>
                </c:pt>
                <c:pt idx="97">
                  <c:v>54.103622436523402</c:v>
                </c:pt>
                <c:pt idx="98">
                  <c:v>55.4723091125488</c:v>
                </c:pt>
                <c:pt idx="99">
                  <c:v>54.5515327453613</c:v>
                </c:pt>
                <c:pt idx="100">
                  <c:v>54.585269927978501</c:v>
                </c:pt>
                <c:pt idx="101">
                  <c:v>55.460731506347699</c:v>
                </c:pt>
                <c:pt idx="102">
                  <c:v>56.838134765625</c:v>
                </c:pt>
                <c:pt idx="103">
                  <c:v>54.735176086425803</c:v>
                </c:pt>
                <c:pt idx="104">
                  <c:v>55.413417816162102</c:v>
                </c:pt>
                <c:pt idx="105">
                  <c:v>55.757457733154297</c:v>
                </c:pt>
                <c:pt idx="106">
                  <c:v>54.548419952392599</c:v>
                </c:pt>
                <c:pt idx="107">
                  <c:v>53.0655708312988</c:v>
                </c:pt>
                <c:pt idx="108">
                  <c:v>54.693572998046903</c:v>
                </c:pt>
                <c:pt idx="109">
                  <c:v>54.771121978759801</c:v>
                </c:pt>
                <c:pt idx="110">
                  <c:v>53.679141998291001</c:v>
                </c:pt>
                <c:pt idx="111">
                  <c:v>55.668769836425803</c:v>
                </c:pt>
                <c:pt idx="112">
                  <c:v>55.024955749511697</c:v>
                </c:pt>
                <c:pt idx="113">
                  <c:v>53.918262481689503</c:v>
                </c:pt>
                <c:pt idx="114">
                  <c:v>55.479827880859403</c:v>
                </c:pt>
                <c:pt idx="115">
                  <c:v>54.209362030029297</c:v>
                </c:pt>
                <c:pt idx="116">
                  <c:v>55.360664367675803</c:v>
                </c:pt>
                <c:pt idx="117">
                  <c:v>53.552742004394503</c:v>
                </c:pt>
                <c:pt idx="118">
                  <c:v>54.999553680419901</c:v>
                </c:pt>
                <c:pt idx="119">
                  <c:v>56.5559692382813</c:v>
                </c:pt>
                <c:pt idx="120">
                  <c:v>53.053371429443402</c:v>
                </c:pt>
                <c:pt idx="121">
                  <c:v>53.9361381530762</c:v>
                </c:pt>
                <c:pt idx="122">
                  <c:v>56.512100219726598</c:v>
                </c:pt>
                <c:pt idx="123">
                  <c:v>59.244102478027301</c:v>
                </c:pt>
                <c:pt idx="124">
                  <c:v>55.098384857177699</c:v>
                </c:pt>
                <c:pt idx="125">
                  <c:v>57.135166168212898</c:v>
                </c:pt>
                <c:pt idx="126">
                  <c:v>55.3290824890137</c:v>
                </c:pt>
                <c:pt idx="127">
                  <c:v>55.579315185546903</c:v>
                </c:pt>
                <c:pt idx="128">
                  <c:v>54.1082153320313</c:v>
                </c:pt>
                <c:pt idx="129">
                  <c:v>54.328018188476598</c:v>
                </c:pt>
                <c:pt idx="130">
                  <c:v>53.6130180358887</c:v>
                </c:pt>
                <c:pt idx="131">
                  <c:v>54.223217010497997</c:v>
                </c:pt>
                <c:pt idx="132">
                  <c:v>52.239658355712898</c:v>
                </c:pt>
                <c:pt idx="133">
                  <c:v>52.499904632568402</c:v>
                </c:pt>
                <c:pt idx="134">
                  <c:v>50.000980377197301</c:v>
                </c:pt>
                <c:pt idx="135">
                  <c:v>52.818817138671903</c:v>
                </c:pt>
                <c:pt idx="136">
                  <c:v>48.621135711669901</c:v>
                </c:pt>
                <c:pt idx="137">
                  <c:v>48.813045501708999</c:v>
                </c:pt>
                <c:pt idx="138">
                  <c:v>50.248161315917997</c:v>
                </c:pt>
                <c:pt idx="139">
                  <c:v>49.392784118652301</c:v>
                </c:pt>
                <c:pt idx="140">
                  <c:v>47.991954803466797</c:v>
                </c:pt>
                <c:pt idx="141">
                  <c:v>45.367210388183601</c:v>
                </c:pt>
                <c:pt idx="142">
                  <c:v>45.016525268554702</c:v>
                </c:pt>
                <c:pt idx="143">
                  <c:v>45.453529357910199</c:v>
                </c:pt>
                <c:pt idx="144">
                  <c:v>44.232669830322301</c:v>
                </c:pt>
                <c:pt idx="145">
                  <c:v>43.561546325683601</c:v>
                </c:pt>
                <c:pt idx="146">
                  <c:v>41.871707916259801</c:v>
                </c:pt>
                <c:pt idx="147">
                  <c:v>43.749687194824197</c:v>
                </c:pt>
                <c:pt idx="148">
                  <c:v>42.884712219238303</c:v>
                </c:pt>
                <c:pt idx="149">
                  <c:v>40.77001953125</c:v>
                </c:pt>
                <c:pt idx="150">
                  <c:v>39.713489532470703</c:v>
                </c:pt>
                <c:pt idx="151">
                  <c:v>44.091236114502003</c:v>
                </c:pt>
                <c:pt idx="152">
                  <c:v>37.788642883300803</c:v>
                </c:pt>
                <c:pt idx="153">
                  <c:v>37.462516784667997</c:v>
                </c:pt>
                <c:pt idx="154">
                  <c:v>37.889080047607401</c:v>
                </c:pt>
                <c:pt idx="155">
                  <c:v>36.881092071533203</c:v>
                </c:pt>
                <c:pt idx="156">
                  <c:v>37.184211730957003</c:v>
                </c:pt>
                <c:pt idx="157">
                  <c:v>35.963760375976598</c:v>
                </c:pt>
                <c:pt idx="158">
                  <c:v>35.587966918945298</c:v>
                </c:pt>
                <c:pt idx="159">
                  <c:v>34.077606201171903</c:v>
                </c:pt>
                <c:pt idx="160">
                  <c:v>33.958076477050803</c:v>
                </c:pt>
                <c:pt idx="161">
                  <c:v>34.106796264648402</c:v>
                </c:pt>
                <c:pt idx="162">
                  <c:v>33.502017974853501</c:v>
                </c:pt>
                <c:pt idx="163">
                  <c:v>31.873796463012699</c:v>
                </c:pt>
                <c:pt idx="164">
                  <c:v>31.4566955566406</c:v>
                </c:pt>
                <c:pt idx="165">
                  <c:v>28.4713745117188</c:v>
                </c:pt>
                <c:pt idx="166">
                  <c:v>26.748216629028299</c:v>
                </c:pt>
                <c:pt idx="167">
                  <c:v>28.248476028442401</c:v>
                </c:pt>
                <c:pt idx="168">
                  <c:v>24.215898513793899</c:v>
                </c:pt>
                <c:pt idx="169">
                  <c:v>25.4647426605225</c:v>
                </c:pt>
                <c:pt idx="170">
                  <c:v>24.76096534729</c:v>
                </c:pt>
                <c:pt idx="171">
                  <c:v>22.560693740844702</c:v>
                </c:pt>
                <c:pt idx="172">
                  <c:v>21.922754287719702</c:v>
                </c:pt>
                <c:pt idx="173">
                  <c:v>22.700841903686499</c:v>
                </c:pt>
                <c:pt idx="174">
                  <c:v>21.569969177246101</c:v>
                </c:pt>
                <c:pt idx="175">
                  <c:v>21.4813556671143</c:v>
                </c:pt>
                <c:pt idx="176">
                  <c:v>19.090518951416001</c:v>
                </c:pt>
                <c:pt idx="177">
                  <c:v>18.732242584228501</c:v>
                </c:pt>
                <c:pt idx="178">
                  <c:v>17.9950160980225</c:v>
                </c:pt>
                <c:pt idx="179">
                  <c:v>18.4581413269043</c:v>
                </c:pt>
                <c:pt idx="180">
                  <c:v>16.5872917175293</c:v>
                </c:pt>
                <c:pt idx="181">
                  <c:v>15.928459167480501</c:v>
                </c:pt>
                <c:pt idx="182">
                  <c:v>15.9218664169312</c:v>
                </c:pt>
                <c:pt idx="183">
                  <c:v>15.672611236572299</c:v>
                </c:pt>
                <c:pt idx="184">
                  <c:v>14.722126007080099</c:v>
                </c:pt>
                <c:pt idx="185">
                  <c:v>14.143293380737299</c:v>
                </c:pt>
                <c:pt idx="186">
                  <c:v>13.657361984252899</c:v>
                </c:pt>
                <c:pt idx="187">
                  <c:v>13.6997575759888</c:v>
                </c:pt>
                <c:pt idx="188">
                  <c:v>12.3927221298218</c:v>
                </c:pt>
                <c:pt idx="189">
                  <c:v>12.290956497192401</c:v>
                </c:pt>
                <c:pt idx="190">
                  <c:v>11.576376914978001</c:v>
                </c:pt>
                <c:pt idx="191">
                  <c:v>10.2151803970337</c:v>
                </c:pt>
                <c:pt idx="192">
                  <c:v>10.9295148849487</c:v>
                </c:pt>
                <c:pt idx="193">
                  <c:v>9.9417295455932599</c:v>
                </c:pt>
                <c:pt idx="194">
                  <c:v>9.7423076629638707</c:v>
                </c:pt>
                <c:pt idx="195">
                  <c:v>9.5330533981323207</c:v>
                </c:pt>
                <c:pt idx="196">
                  <c:v>9.1188220977783203</c:v>
                </c:pt>
                <c:pt idx="197">
                  <c:v>8.2848119735717791</c:v>
                </c:pt>
                <c:pt idx="198">
                  <c:v>8.4944219589233398</c:v>
                </c:pt>
                <c:pt idx="199">
                  <c:v>7.4200749397277797</c:v>
                </c:pt>
                <c:pt idx="200">
                  <c:v>6.4091100692748997</c:v>
                </c:pt>
                <c:pt idx="201">
                  <c:v>7.4050273895263699</c:v>
                </c:pt>
                <c:pt idx="202">
                  <c:v>6.0325126647949201</c:v>
                </c:pt>
                <c:pt idx="203">
                  <c:v>6.2358317375183097</c:v>
                </c:pt>
                <c:pt idx="204">
                  <c:v>5.4953556060790998</c:v>
                </c:pt>
                <c:pt idx="205">
                  <c:v>4.9619221687316903</c:v>
                </c:pt>
                <c:pt idx="206">
                  <c:v>5.14931392669678</c:v>
                </c:pt>
                <c:pt idx="207">
                  <c:v>4.1995983123779297</c:v>
                </c:pt>
                <c:pt idx="208">
                  <c:v>3.9334745407104501</c:v>
                </c:pt>
                <c:pt idx="209">
                  <c:v>4.0299816131591797</c:v>
                </c:pt>
                <c:pt idx="210">
                  <c:v>3.7366535663604701</c:v>
                </c:pt>
                <c:pt idx="211">
                  <c:v>3.0499451160430899</c:v>
                </c:pt>
                <c:pt idx="212">
                  <c:v>2.8640298843383798</c:v>
                </c:pt>
                <c:pt idx="213">
                  <c:v>2.44447994232178</c:v>
                </c:pt>
                <c:pt idx="214">
                  <c:v>2.300137758255</c:v>
                </c:pt>
                <c:pt idx="215">
                  <c:v>2.1269104480743399</c:v>
                </c:pt>
                <c:pt idx="216">
                  <c:v>2.0382320880889901</c:v>
                </c:pt>
                <c:pt idx="217">
                  <c:v>1.74735891819</c:v>
                </c:pt>
                <c:pt idx="218">
                  <c:v>1.59491515159607</c:v>
                </c:pt>
                <c:pt idx="219">
                  <c:v>1.3888300657272299</c:v>
                </c:pt>
                <c:pt idx="220">
                  <c:v>1.2059369087219201</c:v>
                </c:pt>
                <c:pt idx="221">
                  <c:v>0.97701603174209595</c:v>
                </c:pt>
                <c:pt idx="222">
                  <c:v>0.78193014860153198</c:v>
                </c:pt>
                <c:pt idx="223">
                  <c:v>0.68846380710601796</c:v>
                </c:pt>
                <c:pt idx="224">
                  <c:v>0.49168619513511702</c:v>
                </c:pt>
                <c:pt idx="225">
                  <c:v>0.37465268373489402</c:v>
                </c:pt>
                <c:pt idx="226">
                  <c:v>0.22366933524608601</c:v>
                </c:pt>
                <c:pt idx="227">
                  <c:v>9.8221816122531905E-2</c:v>
                </c:pt>
                <c:pt idx="228">
                  <c:v>0.19915682077407801</c:v>
                </c:pt>
                <c:pt idx="229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D809-4C21-A8C1-953A7BBB6C89}"/>
            </c:ext>
          </c:extLst>
        </c:ser>
        <c:ser>
          <c:idx val="2"/>
          <c:order val="2"/>
          <c:tx>
            <c:v>10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Type_4_6_10___._3_thixotropy_rw!$F$2:$F$231</c:f>
              <c:numCache>
                <c:formatCode>General</c:formatCode>
                <c:ptCount val="230"/>
                <c:pt idx="0">
                  <c:v>0.92486441135406505</c:v>
                </c:pt>
                <c:pt idx="1">
                  <c:v>1.9248188734054601</c:v>
                </c:pt>
                <c:pt idx="2">
                  <c:v>2.9249007701873802</c:v>
                </c:pt>
                <c:pt idx="3">
                  <c:v>3.9248075485229501</c:v>
                </c:pt>
                <c:pt idx="4">
                  <c:v>4.9276652336120597</c:v>
                </c:pt>
                <c:pt idx="5">
                  <c:v>5.9275650978088397</c:v>
                </c:pt>
                <c:pt idx="6">
                  <c:v>6.9275803565979004</c:v>
                </c:pt>
                <c:pt idx="7">
                  <c:v>7.9274191856384304</c:v>
                </c:pt>
                <c:pt idx="8">
                  <c:v>8.9275312423706108</c:v>
                </c:pt>
                <c:pt idx="9">
                  <c:v>9.9248428344726598</c:v>
                </c:pt>
                <c:pt idx="10">
                  <c:v>10.9249153137207</c:v>
                </c:pt>
                <c:pt idx="11">
                  <c:v>11.925090789794901</c:v>
                </c:pt>
                <c:pt idx="12">
                  <c:v>12.925153732299799</c:v>
                </c:pt>
                <c:pt idx="13">
                  <c:v>13.9251384735107</c:v>
                </c:pt>
                <c:pt idx="14">
                  <c:v>14.9252843856812</c:v>
                </c:pt>
                <c:pt idx="15">
                  <c:v>15.9254817962646</c:v>
                </c:pt>
                <c:pt idx="16">
                  <c:v>16.925188064575199</c:v>
                </c:pt>
                <c:pt idx="17">
                  <c:v>17.9248867034912</c:v>
                </c:pt>
                <c:pt idx="18">
                  <c:v>18.9247531890869</c:v>
                </c:pt>
                <c:pt idx="19">
                  <c:v>19.9244289398193</c:v>
                </c:pt>
                <c:pt idx="20">
                  <c:v>20.924289703369102</c:v>
                </c:pt>
                <c:pt idx="21">
                  <c:v>21.923915863037099</c:v>
                </c:pt>
                <c:pt idx="22">
                  <c:v>22.9238471984863</c:v>
                </c:pt>
                <c:pt idx="23">
                  <c:v>23.923469543456999</c:v>
                </c:pt>
                <c:pt idx="24">
                  <c:v>24.923152923583999</c:v>
                </c:pt>
                <c:pt idx="25">
                  <c:v>25.922901153564499</c:v>
                </c:pt>
                <c:pt idx="26">
                  <c:v>26.922695159912099</c:v>
                </c:pt>
                <c:pt idx="27">
                  <c:v>27.9253234863281</c:v>
                </c:pt>
                <c:pt idx="28">
                  <c:v>28.925048828125</c:v>
                </c:pt>
                <c:pt idx="29">
                  <c:v>29.924789428710898</c:v>
                </c:pt>
                <c:pt idx="30">
                  <c:v>30.924369812011701</c:v>
                </c:pt>
                <c:pt idx="31">
                  <c:v>31.924188613891602</c:v>
                </c:pt>
                <c:pt idx="32">
                  <c:v>32.924121856689503</c:v>
                </c:pt>
                <c:pt idx="33">
                  <c:v>33.923896789550803</c:v>
                </c:pt>
                <c:pt idx="34">
                  <c:v>34.923652648925803</c:v>
                </c:pt>
                <c:pt idx="35">
                  <c:v>35.923332214355497</c:v>
                </c:pt>
                <c:pt idx="36">
                  <c:v>36.923274993896499</c:v>
                </c:pt>
                <c:pt idx="37">
                  <c:v>37.9229125976563</c:v>
                </c:pt>
                <c:pt idx="38">
                  <c:v>38.922767639160199</c:v>
                </c:pt>
                <c:pt idx="39">
                  <c:v>39.922203063964801</c:v>
                </c:pt>
                <c:pt idx="40">
                  <c:v>40.9219970703125</c:v>
                </c:pt>
                <c:pt idx="41">
                  <c:v>41.921695709228501</c:v>
                </c:pt>
                <c:pt idx="42">
                  <c:v>42.921630859375</c:v>
                </c:pt>
                <c:pt idx="43">
                  <c:v>43.921363830566399</c:v>
                </c:pt>
                <c:pt idx="44">
                  <c:v>44.921607971191399</c:v>
                </c:pt>
                <c:pt idx="45">
                  <c:v>45.920707702636697</c:v>
                </c:pt>
                <c:pt idx="46">
                  <c:v>46.920780181884801</c:v>
                </c:pt>
                <c:pt idx="47">
                  <c:v>47.920406341552699</c:v>
                </c:pt>
                <c:pt idx="48">
                  <c:v>48.920131683349602</c:v>
                </c:pt>
                <c:pt idx="49">
                  <c:v>49.919879913330099</c:v>
                </c:pt>
                <c:pt idx="50">
                  <c:v>50.919593811035199</c:v>
                </c:pt>
                <c:pt idx="51">
                  <c:v>51.919506072997997</c:v>
                </c:pt>
                <c:pt idx="52">
                  <c:v>52.919219970703097</c:v>
                </c:pt>
                <c:pt idx="53">
                  <c:v>53.918651580810497</c:v>
                </c:pt>
                <c:pt idx="54">
                  <c:v>54.918960571289098</c:v>
                </c:pt>
                <c:pt idx="55">
                  <c:v>55.918746948242202</c:v>
                </c:pt>
                <c:pt idx="56">
                  <c:v>56.917984008789098</c:v>
                </c:pt>
                <c:pt idx="57">
                  <c:v>57.918121337890597</c:v>
                </c:pt>
                <c:pt idx="58">
                  <c:v>58.917671203613303</c:v>
                </c:pt>
                <c:pt idx="59">
                  <c:v>59.917942047119098</c:v>
                </c:pt>
                <c:pt idx="60">
                  <c:v>60.917304992675803</c:v>
                </c:pt>
                <c:pt idx="61">
                  <c:v>61.916919708252003</c:v>
                </c:pt>
                <c:pt idx="62">
                  <c:v>62.916782379150398</c:v>
                </c:pt>
                <c:pt idx="63">
                  <c:v>63.916584014892599</c:v>
                </c:pt>
                <c:pt idx="64">
                  <c:v>64.916183471679702</c:v>
                </c:pt>
                <c:pt idx="65">
                  <c:v>65.915634155273395</c:v>
                </c:pt>
                <c:pt idx="66">
                  <c:v>66.915710449218807</c:v>
                </c:pt>
                <c:pt idx="67">
                  <c:v>67.915176391601605</c:v>
                </c:pt>
                <c:pt idx="68">
                  <c:v>68.914993286132798</c:v>
                </c:pt>
                <c:pt idx="69">
                  <c:v>69.914962768554702</c:v>
                </c:pt>
                <c:pt idx="70">
                  <c:v>70.915168762207003</c:v>
                </c:pt>
                <c:pt idx="71">
                  <c:v>71.914955139160199</c:v>
                </c:pt>
                <c:pt idx="72">
                  <c:v>72.914283752441406</c:v>
                </c:pt>
                <c:pt idx="73">
                  <c:v>73.913970947265597</c:v>
                </c:pt>
                <c:pt idx="74">
                  <c:v>74.913871765136705</c:v>
                </c:pt>
                <c:pt idx="75">
                  <c:v>75.913894653320298</c:v>
                </c:pt>
                <c:pt idx="76">
                  <c:v>76.912261962890597</c:v>
                </c:pt>
                <c:pt idx="77">
                  <c:v>77.913810729980497</c:v>
                </c:pt>
                <c:pt idx="78">
                  <c:v>78.912055969238295</c:v>
                </c:pt>
                <c:pt idx="79">
                  <c:v>79.913131713867202</c:v>
                </c:pt>
                <c:pt idx="80">
                  <c:v>80.912033081054702</c:v>
                </c:pt>
                <c:pt idx="81">
                  <c:v>81.912414550781307</c:v>
                </c:pt>
                <c:pt idx="82">
                  <c:v>82.912216186523395</c:v>
                </c:pt>
                <c:pt idx="83">
                  <c:v>83.909019470214801</c:v>
                </c:pt>
                <c:pt idx="84">
                  <c:v>84.910736083984403</c:v>
                </c:pt>
                <c:pt idx="85">
                  <c:v>85.910438537597699</c:v>
                </c:pt>
                <c:pt idx="86">
                  <c:v>86.910758972167997</c:v>
                </c:pt>
                <c:pt idx="87">
                  <c:v>87.909523010253906</c:v>
                </c:pt>
                <c:pt idx="88">
                  <c:v>88.912109375</c:v>
                </c:pt>
                <c:pt idx="89">
                  <c:v>89.911170959472699</c:v>
                </c:pt>
                <c:pt idx="90">
                  <c:v>90.909385681152301</c:v>
                </c:pt>
                <c:pt idx="91">
                  <c:v>91.908706665039105</c:v>
                </c:pt>
                <c:pt idx="92">
                  <c:v>92.908592224121094</c:v>
                </c:pt>
                <c:pt idx="93">
                  <c:v>93.910171508789105</c:v>
                </c:pt>
                <c:pt idx="94">
                  <c:v>94.907318115234403</c:v>
                </c:pt>
                <c:pt idx="95">
                  <c:v>95.908615112304702</c:v>
                </c:pt>
                <c:pt idx="96">
                  <c:v>96.909004211425795</c:v>
                </c:pt>
                <c:pt idx="97">
                  <c:v>97.907257080078097</c:v>
                </c:pt>
                <c:pt idx="98">
                  <c:v>98.908241271972699</c:v>
                </c:pt>
                <c:pt idx="99">
                  <c:v>99.907196044921903</c:v>
                </c:pt>
                <c:pt idx="100">
                  <c:v>100.00172424316401</c:v>
                </c:pt>
                <c:pt idx="101">
                  <c:v>100.001815795898</c:v>
                </c:pt>
                <c:pt idx="102">
                  <c:v>99.999504089355497</c:v>
                </c:pt>
                <c:pt idx="103">
                  <c:v>99.999374389648395</c:v>
                </c:pt>
                <c:pt idx="104">
                  <c:v>100.002090454102</c:v>
                </c:pt>
                <c:pt idx="105">
                  <c:v>100.000053405762</c:v>
                </c:pt>
                <c:pt idx="106">
                  <c:v>99.999656677246094</c:v>
                </c:pt>
                <c:pt idx="107">
                  <c:v>99.999137878417997</c:v>
                </c:pt>
                <c:pt idx="108">
                  <c:v>100.000785827637</c:v>
                </c:pt>
                <c:pt idx="109">
                  <c:v>99.998771667480497</c:v>
                </c:pt>
                <c:pt idx="110">
                  <c:v>99.998466491699205</c:v>
                </c:pt>
                <c:pt idx="111">
                  <c:v>99.998031616210895</c:v>
                </c:pt>
                <c:pt idx="112">
                  <c:v>99.999099731445298</c:v>
                </c:pt>
                <c:pt idx="113">
                  <c:v>100.00070953369099</c:v>
                </c:pt>
                <c:pt idx="114">
                  <c:v>99.999366760253906</c:v>
                </c:pt>
                <c:pt idx="115">
                  <c:v>100.001007080078</c:v>
                </c:pt>
                <c:pt idx="116">
                  <c:v>100.00080871582</c:v>
                </c:pt>
                <c:pt idx="117">
                  <c:v>99.999885559082003</c:v>
                </c:pt>
                <c:pt idx="118">
                  <c:v>100.000053405762</c:v>
                </c:pt>
                <c:pt idx="119">
                  <c:v>100.00160980224599</c:v>
                </c:pt>
                <c:pt idx="120">
                  <c:v>100.000297546387</c:v>
                </c:pt>
                <c:pt idx="121">
                  <c:v>100.001022338867</c:v>
                </c:pt>
                <c:pt idx="122">
                  <c:v>99.994888305664105</c:v>
                </c:pt>
                <c:pt idx="123">
                  <c:v>100.00009155273401</c:v>
                </c:pt>
                <c:pt idx="124">
                  <c:v>99.9986572265625</c:v>
                </c:pt>
                <c:pt idx="125">
                  <c:v>99.999206542968807</c:v>
                </c:pt>
                <c:pt idx="126">
                  <c:v>99.999977111816406</c:v>
                </c:pt>
                <c:pt idx="127">
                  <c:v>100.00188446044901</c:v>
                </c:pt>
                <c:pt idx="128">
                  <c:v>100.000648498535</c:v>
                </c:pt>
                <c:pt idx="129">
                  <c:v>99.99853515625</c:v>
                </c:pt>
                <c:pt idx="130">
                  <c:v>99.076087951660199</c:v>
                </c:pt>
                <c:pt idx="131">
                  <c:v>98.074348449707003</c:v>
                </c:pt>
                <c:pt idx="132">
                  <c:v>97.073493957519503</c:v>
                </c:pt>
                <c:pt idx="133">
                  <c:v>96.072227478027301</c:v>
                </c:pt>
                <c:pt idx="134">
                  <c:v>95.076683044433594</c:v>
                </c:pt>
                <c:pt idx="135">
                  <c:v>94.077056884765597</c:v>
                </c:pt>
                <c:pt idx="136">
                  <c:v>93.076690673828097</c:v>
                </c:pt>
                <c:pt idx="137">
                  <c:v>92.075950622558594</c:v>
                </c:pt>
                <c:pt idx="138">
                  <c:v>91.076347351074205</c:v>
                </c:pt>
                <c:pt idx="139">
                  <c:v>90.078414916992202</c:v>
                </c:pt>
                <c:pt idx="140">
                  <c:v>89.079437255859403</c:v>
                </c:pt>
                <c:pt idx="141">
                  <c:v>88.075538635253906</c:v>
                </c:pt>
                <c:pt idx="142">
                  <c:v>87.073600769042997</c:v>
                </c:pt>
                <c:pt idx="143">
                  <c:v>86.078964233398395</c:v>
                </c:pt>
                <c:pt idx="144">
                  <c:v>85.079856872558594</c:v>
                </c:pt>
                <c:pt idx="145">
                  <c:v>84.079933166503906</c:v>
                </c:pt>
                <c:pt idx="146">
                  <c:v>83.078163146972699</c:v>
                </c:pt>
                <c:pt idx="147">
                  <c:v>82.079849243164105</c:v>
                </c:pt>
                <c:pt idx="148">
                  <c:v>81.079002380371094</c:v>
                </c:pt>
                <c:pt idx="149">
                  <c:v>80.081077575683594</c:v>
                </c:pt>
                <c:pt idx="150">
                  <c:v>79.080505371093807</c:v>
                </c:pt>
                <c:pt idx="151">
                  <c:v>78.081436157226605</c:v>
                </c:pt>
                <c:pt idx="152">
                  <c:v>77.080673217773395</c:v>
                </c:pt>
                <c:pt idx="153">
                  <c:v>76.081100463867202</c:v>
                </c:pt>
                <c:pt idx="154">
                  <c:v>75.080825805664105</c:v>
                </c:pt>
                <c:pt idx="155">
                  <c:v>74.081672668457003</c:v>
                </c:pt>
                <c:pt idx="156">
                  <c:v>73.081642150878906</c:v>
                </c:pt>
                <c:pt idx="157">
                  <c:v>72.081588745117202</c:v>
                </c:pt>
                <c:pt idx="158">
                  <c:v>71.082466125488295</c:v>
                </c:pt>
                <c:pt idx="159">
                  <c:v>70.082290649414105</c:v>
                </c:pt>
                <c:pt idx="160">
                  <c:v>69.079879760742202</c:v>
                </c:pt>
                <c:pt idx="161">
                  <c:v>68.080131530761705</c:v>
                </c:pt>
                <c:pt idx="162">
                  <c:v>67.080299377441406</c:v>
                </c:pt>
                <c:pt idx="163">
                  <c:v>66.081237792968807</c:v>
                </c:pt>
                <c:pt idx="164">
                  <c:v>65.080825805664105</c:v>
                </c:pt>
                <c:pt idx="165">
                  <c:v>64.081260681152301</c:v>
                </c:pt>
                <c:pt idx="166">
                  <c:v>63.081367492675803</c:v>
                </c:pt>
                <c:pt idx="167">
                  <c:v>62.081802368164098</c:v>
                </c:pt>
                <c:pt idx="168">
                  <c:v>61.082435607910199</c:v>
                </c:pt>
                <c:pt idx="169">
                  <c:v>60.081771850585902</c:v>
                </c:pt>
                <c:pt idx="170">
                  <c:v>59.081844329833999</c:v>
                </c:pt>
                <c:pt idx="171">
                  <c:v>58.082611083984403</c:v>
                </c:pt>
                <c:pt idx="172">
                  <c:v>57.082771301269503</c:v>
                </c:pt>
                <c:pt idx="173">
                  <c:v>56.083217620849602</c:v>
                </c:pt>
                <c:pt idx="174">
                  <c:v>55.0829467773438</c:v>
                </c:pt>
                <c:pt idx="175">
                  <c:v>54.083446502685497</c:v>
                </c:pt>
                <c:pt idx="176">
                  <c:v>53.083480834960902</c:v>
                </c:pt>
                <c:pt idx="177">
                  <c:v>52.083812713622997</c:v>
                </c:pt>
                <c:pt idx="178">
                  <c:v>51.083885192871101</c:v>
                </c:pt>
                <c:pt idx="179">
                  <c:v>50.084392547607401</c:v>
                </c:pt>
                <c:pt idx="180">
                  <c:v>49.084529876708999</c:v>
                </c:pt>
                <c:pt idx="181">
                  <c:v>48.0851860046387</c:v>
                </c:pt>
                <c:pt idx="182">
                  <c:v>47.084896087646499</c:v>
                </c:pt>
                <c:pt idx="183">
                  <c:v>46.085247039794901</c:v>
                </c:pt>
                <c:pt idx="184">
                  <c:v>45.086009979247997</c:v>
                </c:pt>
                <c:pt idx="185">
                  <c:v>44.0864067077637</c:v>
                </c:pt>
                <c:pt idx="186">
                  <c:v>43.086082458496101</c:v>
                </c:pt>
                <c:pt idx="187">
                  <c:v>42.086380004882798</c:v>
                </c:pt>
                <c:pt idx="188">
                  <c:v>41.086708068847699</c:v>
                </c:pt>
                <c:pt idx="189">
                  <c:v>40.086978912353501</c:v>
                </c:pt>
                <c:pt idx="190">
                  <c:v>39.087146759033203</c:v>
                </c:pt>
                <c:pt idx="191">
                  <c:v>38.087471008300803</c:v>
                </c:pt>
                <c:pt idx="192">
                  <c:v>37.087677001953097</c:v>
                </c:pt>
                <c:pt idx="193">
                  <c:v>36.087936401367202</c:v>
                </c:pt>
                <c:pt idx="194">
                  <c:v>35.087882995605497</c:v>
                </c:pt>
                <c:pt idx="195">
                  <c:v>34.088573455810497</c:v>
                </c:pt>
                <c:pt idx="196">
                  <c:v>33.088798522949197</c:v>
                </c:pt>
                <c:pt idx="197">
                  <c:v>32.088977813720703</c:v>
                </c:pt>
                <c:pt idx="198">
                  <c:v>31.089309692382798</c:v>
                </c:pt>
                <c:pt idx="199">
                  <c:v>30.089452743530298</c:v>
                </c:pt>
                <c:pt idx="200">
                  <c:v>29.089626312255898</c:v>
                </c:pt>
                <c:pt idx="201">
                  <c:v>28.089838027954102</c:v>
                </c:pt>
                <c:pt idx="202">
                  <c:v>27.09010887146</c:v>
                </c:pt>
                <c:pt idx="203">
                  <c:v>26.090391159057599</c:v>
                </c:pt>
                <c:pt idx="204">
                  <c:v>25.090511322021499</c:v>
                </c:pt>
                <c:pt idx="205">
                  <c:v>24.090892791748001</c:v>
                </c:pt>
                <c:pt idx="206">
                  <c:v>23.091114044189499</c:v>
                </c:pt>
                <c:pt idx="207">
                  <c:v>22.0914707183838</c:v>
                </c:pt>
                <c:pt idx="208">
                  <c:v>21.091758728027301</c:v>
                </c:pt>
                <c:pt idx="209">
                  <c:v>20.091953277587901</c:v>
                </c:pt>
                <c:pt idx="210">
                  <c:v>19.0921535491943</c:v>
                </c:pt>
                <c:pt idx="211">
                  <c:v>18.092290878295898</c:v>
                </c:pt>
                <c:pt idx="212">
                  <c:v>17.092487335205099</c:v>
                </c:pt>
                <c:pt idx="213">
                  <c:v>16.092889785766602</c:v>
                </c:pt>
                <c:pt idx="214">
                  <c:v>15.0927333831787</c:v>
                </c:pt>
                <c:pt idx="215">
                  <c:v>14.0925893783569</c:v>
                </c:pt>
                <c:pt idx="216">
                  <c:v>13.09255027771</c:v>
                </c:pt>
                <c:pt idx="217">
                  <c:v>12.092485427856399</c:v>
                </c:pt>
                <c:pt idx="218">
                  <c:v>11.092383384704601</c:v>
                </c:pt>
                <c:pt idx="219">
                  <c:v>10.0923109054565</c:v>
                </c:pt>
                <c:pt idx="220">
                  <c:v>9.0923280715942401</c:v>
                </c:pt>
                <c:pt idx="221">
                  <c:v>8.0921049118041992</c:v>
                </c:pt>
                <c:pt idx="222">
                  <c:v>7.0921268463134801</c:v>
                </c:pt>
                <c:pt idx="223">
                  <c:v>6.0923194885253897</c:v>
                </c:pt>
                <c:pt idx="224">
                  <c:v>5.0923147201538104</c:v>
                </c:pt>
                <c:pt idx="225">
                  <c:v>4.0924139022827104</c:v>
                </c:pt>
                <c:pt idx="226">
                  <c:v>3.09244656562805</c:v>
                </c:pt>
                <c:pt idx="227">
                  <c:v>2.0922799110412602</c:v>
                </c:pt>
                <c:pt idx="228">
                  <c:v>1.0923725366592401</c:v>
                </c:pt>
                <c:pt idx="229">
                  <c:v>9.2405728995800004E-2</c:v>
                </c:pt>
              </c:numCache>
            </c:numRef>
          </c:xVal>
          <c:yVal>
            <c:numRef>
              <c:f>Type_4_6_10___._3_thixotropy_rw!$D$2:$D$231</c:f>
              <c:numCache>
                <c:formatCode>General</c:formatCode>
                <c:ptCount val="230"/>
                <c:pt idx="0">
                  <c:v>3.6705839633941699</c:v>
                </c:pt>
                <c:pt idx="1">
                  <c:v>4.5090165138244602</c:v>
                </c:pt>
                <c:pt idx="2">
                  <c:v>5.8589987754821804</c:v>
                </c:pt>
                <c:pt idx="3">
                  <c:v>6.3447365760803196</c:v>
                </c:pt>
                <c:pt idx="4">
                  <c:v>6.3853940963745099</c:v>
                </c:pt>
                <c:pt idx="5">
                  <c:v>6.6238827705383301</c:v>
                </c:pt>
                <c:pt idx="6">
                  <c:v>7.6519799232482901</c:v>
                </c:pt>
                <c:pt idx="7">
                  <c:v>7.83103370666504</c:v>
                </c:pt>
                <c:pt idx="8">
                  <c:v>7.75783014297485</c:v>
                </c:pt>
                <c:pt idx="9">
                  <c:v>7.9867415428161603</c:v>
                </c:pt>
                <c:pt idx="10">
                  <c:v>8.3910903930664098</c:v>
                </c:pt>
                <c:pt idx="11">
                  <c:v>8.7977676391601598</c:v>
                </c:pt>
                <c:pt idx="12">
                  <c:v>9.2972383499145508</c:v>
                </c:pt>
                <c:pt idx="13">
                  <c:v>10.0370626449585</c:v>
                </c:pt>
                <c:pt idx="14">
                  <c:v>9.9553785324096697</c:v>
                </c:pt>
                <c:pt idx="15">
                  <c:v>10.5538673400879</c:v>
                </c:pt>
                <c:pt idx="16">
                  <c:v>11.114474296569799</c:v>
                </c:pt>
                <c:pt idx="17">
                  <c:v>11.591007232666</c:v>
                </c:pt>
                <c:pt idx="18">
                  <c:v>12.546312332153301</c:v>
                </c:pt>
                <c:pt idx="19">
                  <c:v>12.7309713363647</c:v>
                </c:pt>
                <c:pt idx="20">
                  <c:v>13.379956245422401</c:v>
                </c:pt>
                <c:pt idx="21">
                  <c:v>14.2792778015137</c:v>
                </c:pt>
                <c:pt idx="22">
                  <c:v>15.866868019104</c:v>
                </c:pt>
                <c:pt idx="23">
                  <c:v>17.5189094543457</c:v>
                </c:pt>
                <c:pt idx="24">
                  <c:v>17.714321136474599</c:v>
                </c:pt>
                <c:pt idx="25">
                  <c:v>18.372493743896499</c:v>
                </c:pt>
                <c:pt idx="26">
                  <c:v>19.504350662231399</c:v>
                </c:pt>
                <c:pt idx="27">
                  <c:v>20.845680236816399</c:v>
                </c:pt>
                <c:pt idx="28">
                  <c:v>21.638463973998999</c:v>
                </c:pt>
                <c:pt idx="29">
                  <c:v>22.675531387329102</c:v>
                </c:pt>
                <c:pt idx="30">
                  <c:v>24.456422805786101</c:v>
                </c:pt>
                <c:pt idx="31">
                  <c:v>25.627611160278299</c:v>
                </c:pt>
                <c:pt idx="32">
                  <c:v>28.138721466064499</c:v>
                </c:pt>
                <c:pt idx="33">
                  <c:v>27.891687393188501</c:v>
                </c:pt>
                <c:pt idx="34">
                  <c:v>28.003391265869102</c:v>
                </c:pt>
                <c:pt idx="35">
                  <c:v>29.642213821411101</c:v>
                </c:pt>
                <c:pt idx="36">
                  <c:v>30.9012241363525</c:v>
                </c:pt>
                <c:pt idx="37">
                  <c:v>31.9303302764893</c:v>
                </c:pt>
                <c:pt idx="38">
                  <c:v>32.291793823242202</c:v>
                </c:pt>
                <c:pt idx="39">
                  <c:v>33.579238891601598</c:v>
                </c:pt>
                <c:pt idx="40">
                  <c:v>34.614513397216797</c:v>
                </c:pt>
                <c:pt idx="41">
                  <c:v>36.009181976318402</c:v>
                </c:pt>
                <c:pt idx="42">
                  <c:v>37.2065620422363</c:v>
                </c:pt>
                <c:pt idx="43">
                  <c:v>38.859031677246101</c:v>
                </c:pt>
                <c:pt idx="44">
                  <c:v>40.971549987792997</c:v>
                </c:pt>
                <c:pt idx="45">
                  <c:v>42.2581596374512</c:v>
                </c:pt>
                <c:pt idx="46">
                  <c:v>43.315395355224602</c:v>
                </c:pt>
                <c:pt idx="47">
                  <c:v>44.214630126953097</c:v>
                </c:pt>
                <c:pt idx="48">
                  <c:v>46.295906066894503</c:v>
                </c:pt>
                <c:pt idx="49">
                  <c:v>47.029708862304702</c:v>
                </c:pt>
                <c:pt idx="50">
                  <c:v>49.4478759765625</c:v>
                </c:pt>
                <c:pt idx="51">
                  <c:v>49.453483581542997</c:v>
                </c:pt>
                <c:pt idx="52">
                  <c:v>51.190254211425803</c:v>
                </c:pt>
                <c:pt idx="53">
                  <c:v>51.48291015625</c:v>
                </c:pt>
                <c:pt idx="54">
                  <c:v>52.225261688232401</c:v>
                </c:pt>
                <c:pt idx="55">
                  <c:v>53.8769340515137</c:v>
                </c:pt>
                <c:pt idx="56">
                  <c:v>55.291057586669901</c:v>
                </c:pt>
                <c:pt idx="57">
                  <c:v>61.257366180419901</c:v>
                </c:pt>
                <c:pt idx="58">
                  <c:v>60.186355590820298</c:v>
                </c:pt>
                <c:pt idx="59">
                  <c:v>61.2208251953125</c:v>
                </c:pt>
                <c:pt idx="60">
                  <c:v>61.401847839355497</c:v>
                </c:pt>
                <c:pt idx="61">
                  <c:v>61.955886840820298</c:v>
                </c:pt>
                <c:pt idx="62">
                  <c:v>62.338874816894503</c:v>
                </c:pt>
                <c:pt idx="63">
                  <c:v>63.801773071289098</c:v>
                </c:pt>
                <c:pt idx="64">
                  <c:v>66.657806396484403</c:v>
                </c:pt>
                <c:pt idx="65">
                  <c:v>61.9088134765625</c:v>
                </c:pt>
                <c:pt idx="66">
                  <c:v>63.021450042724602</c:v>
                </c:pt>
                <c:pt idx="67">
                  <c:v>62.734169006347699</c:v>
                </c:pt>
                <c:pt idx="68">
                  <c:v>67.907768249511705</c:v>
                </c:pt>
                <c:pt idx="69">
                  <c:v>68.820213317871094</c:v>
                </c:pt>
                <c:pt idx="70">
                  <c:v>73.537651062011705</c:v>
                </c:pt>
                <c:pt idx="71">
                  <c:v>72.933746337890597</c:v>
                </c:pt>
                <c:pt idx="72">
                  <c:v>76.960655212402301</c:v>
                </c:pt>
                <c:pt idx="73">
                  <c:v>74.656936645507798</c:v>
                </c:pt>
                <c:pt idx="74">
                  <c:v>77.206375122070298</c:v>
                </c:pt>
                <c:pt idx="75">
                  <c:v>77.414199829101605</c:v>
                </c:pt>
                <c:pt idx="76">
                  <c:v>79.673805236816406</c:v>
                </c:pt>
                <c:pt idx="77">
                  <c:v>79.0653076171875</c:v>
                </c:pt>
                <c:pt idx="78">
                  <c:v>78.919883728027301</c:v>
                </c:pt>
                <c:pt idx="79">
                  <c:v>79.603546142578097</c:v>
                </c:pt>
                <c:pt idx="80">
                  <c:v>80.777633666992202</c:v>
                </c:pt>
                <c:pt idx="81">
                  <c:v>81.750083923339801</c:v>
                </c:pt>
                <c:pt idx="82">
                  <c:v>83.919502258300795</c:v>
                </c:pt>
                <c:pt idx="83">
                  <c:v>80.298294067382798</c:v>
                </c:pt>
                <c:pt idx="84">
                  <c:v>85.062126159667997</c:v>
                </c:pt>
                <c:pt idx="85">
                  <c:v>84.713424682617202</c:v>
                </c:pt>
                <c:pt idx="86">
                  <c:v>86.177505493164105</c:v>
                </c:pt>
                <c:pt idx="87">
                  <c:v>86.214515686035199</c:v>
                </c:pt>
                <c:pt idx="88">
                  <c:v>85.688858032226605</c:v>
                </c:pt>
                <c:pt idx="89">
                  <c:v>84.642898559570298</c:v>
                </c:pt>
                <c:pt idx="90">
                  <c:v>84.832160949707003</c:v>
                </c:pt>
                <c:pt idx="91">
                  <c:v>87.848190307617202</c:v>
                </c:pt>
                <c:pt idx="92">
                  <c:v>91.193107604980497</c:v>
                </c:pt>
                <c:pt idx="93">
                  <c:v>84.765945434570298</c:v>
                </c:pt>
                <c:pt idx="94">
                  <c:v>86.828826904296903</c:v>
                </c:pt>
                <c:pt idx="95">
                  <c:v>90.793243408203097</c:v>
                </c:pt>
                <c:pt idx="96">
                  <c:v>92.989181518554702</c:v>
                </c:pt>
                <c:pt idx="97">
                  <c:v>92.142707824707003</c:v>
                </c:pt>
                <c:pt idx="98">
                  <c:v>93.499458312988295</c:v>
                </c:pt>
                <c:pt idx="99">
                  <c:v>94.549880981445298</c:v>
                </c:pt>
                <c:pt idx="100">
                  <c:v>89.079032897949205</c:v>
                </c:pt>
                <c:pt idx="101">
                  <c:v>88.889190673828097</c:v>
                </c:pt>
                <c:pt idx="102">
                  <c:v>90.955650329589801</c:v>
                </c:pt>
                <c:pt idx="103">
                  <c:v>96.110748291015597</c:v>
                </c:pt>
                <c:pt idx="104">
                  <c:v>92.913055419921903</c:v>
                </c:pt>
                <c:pt idx="105">
                  <c:v>95.785972595214801</c:v>
                </c:pt>
                <c:pt idx="106">
                  <c:v>91.642601013183594</c:v>
                </c:pt>
                <c:pt idx="107">
                  <c:v>94.249412536621094</c:v>
                </c:pt>
                <c:pt idx="108">
                  <c:v>92.465110778808594</c:v>
                </c:pt>
                <c:pt idx="109">
                  <c:v>91.102294921875</c:v>
                </c:pt>
                <c:pt idx="110">
                  <c:v>93.101264953613295</c:v>
                </c:pt>
                <c:pt idx="111">
                  <c:v>92.591575622558594</c:v>
                </c:pt>
                <c:pt idx="112">
                  <c:v>93.176948547363295</c:v>
                </c:pt>
                <c:pt idx="113">
                  <c:v>93.868927001953097</c:v>
                </c:pt>
                <c:pt idx="114">
                  <c:v>95.835769653320298</c:v>
                </c:pt>
                <c:pt idx="115">
                  <c:v>92.053054809570298</c:v>
                </c:pt>
                <c:pt idx="116">
                  <c:v>91.870071411132798</c:v>
                </c:pt>
                <c:pt idx="117">
                  <c:v>94.071083068847699</c:v>
                </c:pt>
                <c:pt idx="118">
                  <c:v>96.154037475585895</c:v>
                </c:pt>
                <c:pt idx="119">
                  <c:v>94.748229980468807</c:v>
                </c:pt>
                <c:pt idx="120">
                  <c:v>91.7982177734375</c:v>
                </c:pt>
                <c:pt idx="121">
                  <c:v>92.763694763183594</c:v>
                </c:pt>
                <c:pt idx="122">
                  <c:v>94.430953979492202</c:v>
                </c:pt>
                <c:pt idx="123">
                  <c:v>89.341827392578097</c:v>
                </c:pt>
                <c:pt idx="124">
                  <c:v>91.111068725585895</c:v>
                </c:pt>
                <c:pt idx="125">
                  <c:v>92.904869079589801</c:v>
                </c:pt>
                <c:pt idx="126">
                  <c:v>94.955123901367202</c:v>
                </c:pt>
                <c:pt idx="127">
                  <c:v>93.020729064941406</c:v>
                </c:pt>
                <c:pt idx="128">
                  <c:v>90.449913024902301</c:v>
                </c:pt>
                <c:pt idx="129">
                  <c:v>94.371002197265597</c:v>
                </c:pt>
                <c:pt idx="130">
                  <c:v>96.043708801269503</c:v>
                </c:pt>
                <c:pt idx="131">
                  <c:v>90.527992248535199</c:v>
                </c:pt>
                <c:pt idx="132">
                  <c:v>93.123573303222699</c:v>
                </c:pt>
                <c:pt idx="133">
                  <c:v>90.399101257324205</c:v>
                </c:pt>
                <c:pt idx="134">
                  <c:v>91.560539245605497</c:v>
                </c:pt>
                <c:pt idx="135">
                  <c:v>87.390670776367202</c:v>
                </c:pt>
                <c:pt idx="136">
                  <c:v>85.405448913574205</c:v>
                </c:pt>
                <c:pt idx="137">
                  <c:v>90.305732727050795</c:v>
                </c:pt>
                <c:pt idx="138">
                  <c:v>87.895622253417997</c:v>
                </c:pt>
                <c:pt idx="139">
                  <c:v>87.744621276855497</c:v>
                </c:pt>
                <c:pt idx="140">
                  <c:v>85.735237121582003</c:v>
                </c:pt>
                <c:pt idx="141">
                  <c:v>87.752357482910199</c:v>
                </c:pt>
                <c:pt idx="142">
                  <c:v>81.723121643066406</c:v>
                </c:pt>
                <c:pt idx="143">
                  <c:v>85.074981689453097</c:v>
                </c:pt>
                <c:pt idx="144">
                  <c:v>84.734107971191406</c:v>
                </c:pt>
                <c:pt idx="145">
                  <c:v>85.982597351074205</c:v>
                </c:pt>
                <c:pt idx="146">
                  <c:v>85.322967529296903</c:v>
                </c:pt>
                <c:pt idx="147">
                  <c:v>82.222473144531307</c:v>
                </c:pt>
                <c:pt idx="148">
                  <c:v>79.606109619140597</c:v>
                </c:pt>
                <c:pt idx="149">
                  <c:v>73.603111267089801</c:v>
                </c:pt>
                <c:pt idx="150">
                  <c:v>77.0926513671875</c:v>
                </c:pt>
                <c:pt idx="151">
                  <c:v>79.407775878906307</c:v>
                </c:pt>
                <c:pt idx="152">
                  <c:v>77.718894958496094</c:v>
                </c:pt>
                <c:pt idx="153">
                  <c:v>78.979316711425795</c:v>
                </c:pt>
                <c:pt idx="154">
                  <c:v>77.2806396484375</c:v>
                </c:pt>
                <c:pt idx="155">
                  <c:v>74.388351440429702</c:v>
                </c:pt>
                <c:pt idx="156">
                  <c:v>74.092674255371094</c:v>
                </c:pt>
                <c:pt idx="157">
                  <c:v>71.242645263671903</c:v>
                </c:pt>
                <c:pt idx="158">
                  <c:v>71.813690185546903</c:v>
                </c:pt>
                <c:pt idx="159">
                  <c:v>70.495361328125</c:v>
                </c:pt>
                <c:pt idx="160">
                  <c:v>67.981468200683594</c:v>
                </c:pt>
                <c:pt idx="161">
                  <c:v>67.505210876464801</c:v>
                </c:pt>
                <c:pt idx="162">
                  <c:v>65.126007080078097</c:v>
                </c:pt>
                <c:pt idx="163">
                  <c:v>68.390968322753906</c:v>
                </c:pt>
                <c:pt idx="164">
                  <c:v>62.936527252197301</c:v>
                </c:pt>
                <c:pt idx="165">
                  <c:v>61.267322540283203</c:v>
                </c:pt>
                <c:pt idx="166">
                  <c:v>61.404781341552699</c:v>
                </c:pt>
                <c:pt idx="167">
                  <c:v>58.819972991943402</c:v>
                </c:pt>
                <c:pt idx="168">
                  <c:v>55.423877716064503</c:v>
                </c:pt>
                <c:pt idx="169">
                  <c:v>55.193244934082003</c:v>
                </c:pt>
                <c:pt idx="170">
                  <c:v>51.662933349609403</c:v>
                </c:pt>
                <c:pt idx="171">
                  <c:v>49.110874176025398</c:v>
                </c:pt>
                <c:pt idx="172">
                  <c:v>49.403202056884801</c:v>
                </c:pt>
                <c:pt idx="173">
                  <c:v>49.679500579833999</c:v>
                </c:pt>
                <c:pt idx="174">
                  <c:v>47.414875030517599</c:v>
                </c:pt>
                <c:pt idx="175">
                  <c:v>46.341732025146499</c:v>
                </c:pt>
                <c:pt idx="176">
                  <c:v>45.095924377441399</c:v>
                </c:pt>
                <c:pt idx="177">
                  <c:v>42.926811218261697</c:v>
                </c:pt>
                <c:pt idx="178">
                  <c:v>41.050308227539098</c:v>
                </c:pt>
                <c:pt idx="179">
                  <c:v>39.3217582702637</c:v>
                </c:pt>
                <c:pt idx="180">
                  <c:v>38.642684936523402</c:v>
                </c:pt>
                <c:pt idx="181">
                  <c:v>36.030067443847699</c:v>
                </c:pt>
                <c:pt idx="182">
                  <c:v>37.332508087158203</c:v>
                </c:pt>
                <c:pt idx="183">
                  <c:v>34.283378601074197</c:v>
                </c:pt>
                <c:pt idx="184">
                  <c:v>37.139923095703097</c:v>
                </c:pt>
                <c:pt idx="185">
                  <c:v>34.443572998046903</c:v>
                </c:pt>
                <c:pt idx="186">
                  <c:v>34.407150268554702</c:v>
                </c:pt>
                <c:pt idx="187">
                  <c:v>34.364814758300803</c:v>
                </c:pt>
                <c:pt idx="188">
                  <c:v>33.134078979492202</c:v>
                </c:pt>
                <c:pt idx="189">
                  <c:v>31.943569183349599</c:v>
                </c:pt>
                <c:pt idx="190">
                  <c:v>31.0431098937988</c:v>
                </c:pt>
                <c:pt idx="191">
                  <c:v>32.570854187011697</c:v>
                </c:pt>
                <c:pt idx="192">
                  <c:v>29.982112884521499</c:v>
                </c:pt>
                <c:pt idx="193">
                  <c:v>29.104566574096701</c:v>
                </c:pt>
                <c:pt idx="194">
                  <c:v>29.5048923492432</c:v>
                </c:pt>
                <c:pt idx="195">
                  <c:v>26.782718658447301</c:v>
                </c:pt>
                <c:pt idx="196">
                  <c:v>25.644855499267599</c:v>
                </c:pt>
                <c:pt idx="197">
                  <c:v>25.160305023193398</c:v>
                </c:pt>
                <c:pt idx="198">
                  <c:v>24.711408615112301</c:v>
                </c:pt>
                <c:pt idx="199">
                  <c:v>24.1978054046631</c:v>
                </c:pt>
                <c:pt idx="200">
                  <c:v>23.5858459472656</c:v>
                </c:pt>
                <c:pt idx="201">
                  <c:v>21.926799774169901</c:v>
                </c:pt>
                <c:pt idx="202">
                  <c:v>19.882217407226602</c:v>
                </c:pt>
                <c:pt idx="203">
                  <c:v>19.109888076782202</c:v>
                </c:pt>
                <c:pt idx="204">
                  <c:v>18.240777969360401</c:v>
                </c:pt>
                <c:pt idx="205">
                  <c:v>17.375644683837901</c:v>
                </c:pt>
                <c:pt idx="206">
                  <c:v>16.266677856445298</c:v>
                </c:pt>
                <c:pt idx="207">
                  <c:v>16.170848846435501</c:v>
                </c:pt>
                <c:pt idx="208">
                  <c:v>15.3143224716187</c:v>
                </c:pt>
                <c:pt idx="209">
                  <c:v>14.0760660171509</c:v>
                </c:pt>
                <c:pt idx="210">
                  <c:v>13.2227535247803</c:v>
                </c:pt>
                <c:pt idx="211">
                  <c:v>12.635271072387701</c:v>
                </c:pt>
                <c:pt idx="212">
                  <c:v>11.7747240066528</c:v>
                </c:pt>
                <c:pt idx="213">
                  <c:v>10.5383911132813</c:v>
                </c:pt>
                <c:pt idx="214">
                  <c:v>10.128454208374</c:v>
                </c:pt>
                <c:pt idx="215">
                  <c:v>9.5098724365234393</c:v>
                </c:pt>
                <c:pt idx="216">
                  <c:v>9.0383539199829102</c:v>
                </c:pt>
                <c:pt idx="217">
                  <c:v>8.8272552490234393</c:v>
                </c:pt>
                <c:pt idx="218">
                  <c:v>8.3594665527343803</c:v>
                </c:pt>
                <c:pt idx="219">
                  <c:v>7.8319230079650897</c:v>
                </c:pt>
                <c:pt idx="220">
                  <c:v>7.5501456260681197</c:v>
                </c:pt>
                <c:pt idx="221">
                  <c:v>6.8842034339904803</c:v>
                </c:pt>
                <c:pt idx="222">
                  <c:v>6.4368734359741202</c:v>
                </c:pt>
                <c:pt idx="223">
                  <c:v>6.1325345039367702</c:v>
                </c:pt>
                <c:pt idx="224">
                  <c:v>5.5750184059143102</c:v>
                </c:pt>
                <c:pt idx="225">
                  <c:v>5.5740714073181197</c:v>
                </c:pt>
                <c:pt idx="226">
                  <c:v>5.1118292808532697</c:v>
                </c:pt>
                <c:pt idx="227">
                  <c:v>3.8748948574066202</c:v>
                </c:pt>
                <c:pt idx="228">
                  <c:v>3.1923756599426301</c:v>
                </c:pt>
                <c:pt idx="229">
                  <c:v>1.5690983533859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D809-4C21-A8C1-953A7BBB6C89}"/>
            </c:ext>
          </c:extLst>
        </c:ser>
        <c:ser>
          <c:idx val="1"/>
          <c:order val="3"/>
          <c:tx>
            <c:v>15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Type_1_3_15___._1_thixotropy_rw!$F$2:$F$231</c:f>
              <c:numCache>
                <c:formatCode>General</c:formatCode>
                <c:ptCount val="230"/>
                <c:pt idx="0">
                  <c:v>0.92749416828155495</c:v>
                </c:pt>
                <c:pt idx="1">
                  <c:v>1.92762279510498</c:v>
                </c:pt>
                <c:pt idx="2">
                  <c:v>2.9249918460845898</c:v>
                </c:pt>
                <c:pt idx="3">
                  <c:v>3.9247882366180402</c:v>
                </c:pt>
                <c:pt idx="4">
                  <c:v>4.9249305725097701</c:v>
                </c:pt>
                <c:pt idx="5">
                  <c:v>5.9246292114257804</c:v>
                </c:pt>
                <c:pt idx="6">
                  <c:v>6.9248676300048801</c:v>
                </c:pt>
                <c:pt idx="7">
                  <c:v>7.9274625778198198</c:v>
                </c:pt>
                <c:pt idx="8">
                  <c:v>8.9246387481689506</c:v>
                </c:pt>
                <c:pt idx="9">
                  <c:v>9.9247522354125994</c:v>
                </c:pt>
                <c:pt idx="10">
                  <c:v>10.924975395202599</c:v>
                </c:pt>
                <c:pt idx="11">
                  <c:v>11.9251165390015</c:v>
                </c:pt>
                <c:pt idx="12">
                  <c:v>12.925035476684601</c:v>
                </c:pt>
                <c:pt idx="13">
                  <c:v>13.9250793457031</c:v>
                </c:pt>
                <c:pt idx="14">
                  <c:v>14.925269126892101</c:v>
                </c:pt>
                <c:pt idx="15">
                  <c:v>15.925611495971699</c:v>
                </c:pt>
                <c:pt idx="16">
                  <c:v>16.925256729126001</c:v>
                </c:pt>
                <c:pt idx="17">
                  <c:v>17.9248657226563</c:v>
                </c:pt>
                <c:pt idx="18">
                  <c:v>18.924766540527301</c:v>
                </c:pt>
                <c:pt idx="19">
                  <c:v>19.924472808837901</c:v>
                </c:pt>
                <c:pt idx="20">
                  <c:v>20.924217224121101</c:v>
                </c:pt>
                <c:pt idx="21">
                  <c:v>21.924299240112301</c:v>
                </c:pt>
                <c:pt idx="22">
                  <c:v>22.9238395690918</c:v>
                </c:pt>
                <c:pt idx="23">
                  <c:v>23.924106597900401</c:v>
                </c:pt>
                <c:pt idx="24">
                  <c:v>24.923313140869102</c:v>
                </c:pt>
                <c:pt idx="25">
                  <c:v>25.923233032226602</c:v>
                </c:pt>
                <c:pt idx="26">
                  <c:v>26.922630310058601</c:v>
                </c:pt>
                <c:pt idx="27">
                  <c:v>27.9225158691406</c:v>
                </c:pt>
                <c:pt idx="28">
                  <c:v>28.922531127929702</c:v>
                </c:pt>
                <c:pt idx="29">
                  <c:v>29.922182083129901</c:v>
                </c:pt>
                <c:pt idx="30">
                  <c:v>30.921577453613299</c:v>
                </c:pt>
                <c:pt idx="31">
                  <c:v>31.921236038208001</c:v>
                </c:pt>
                <c:pt idx="32">
                  <c:v>32.9244995117188</c:v>
                </c:pt>
                <c:pt idx="33">
                  <c:v>33.924667358398402</c:v>
                </c:pt>
                <c:pt idx="34">
                  <c:v>34.923782348632798</c:v>
                </c:pt>
                <c:pt idx="35">
                  <c:v>35.923301696777301</c:v>
                </c:pt>
                <c:pt idx="36">
                  <c:v>36.922988891601598</c:v>
                </c:pt>
                <c:pt idx="37">
                  <c:v>37.9230766296387</c:v>
                </c:pt>
                <c:pt idx="38">
                  <c:v>38.922573089599602</c:v>
                </c:pt>
                <c:pt idx="39">
                  <c:v>39.922565460205099</c:v>
                </c:pt>
                <c:pt idx="40">
                  <c:v>40.9217720031738</c:v>
                </c:pt>
                <c:pt idx="41">
                  <c:v>41.922111511230497</c:v>
                </c:pt>
                <c:pt idx="42">
                  <c:v>42.921607971191399</c:v>
                </c:pt>
                <c:pt idx="43">
                  <c:v>43.9217338562012</c:v>
                </c:pt>
                <c:pt idx="44">
                  <c:v>44.921287536621101</c:v>
                </c:pt>
                <c:pt idx="45">
                  <c:v>45.921062469482401</c:v>
                </c:pt>
                <c:pt idx="46">
                  <c:v>46.920360565185497</c:v>
                </c:pt>
                <c:pt idx="47">
                  <c:v>47.920742034912102</c:v>
                </c:pt>
                <c:pt idx="48">
                  <c:v>48.920253753662102</c:v>
                </c:pt>
                <c:pt idx="49">
                  <c:v>49.919960021972699</c:v>
                </c:pt>
                <c:pt idx="50">
                  <c:v>50.919731140136697</c:v>
                </c:pt>
                <c:pt idx="51">
                  <c:v>51.919479370117202</c:v>
                </c:pt>
                <c:pt idx="52">
                  <c:v>52.919498443603501</c:v>
                </c:pt>
                <c:pt idx="53">
                  <c:v>53.919029235839801</c:v>
                </c:pt>
                <c:pt idx="54">
                  <c:v>54.918674468994098</c:v>
                </c:pt>
                <c:pt idx="55">
                  <c:v>55.918365478515597</c:v>
                </c:pt>
                <c:pt idx="56">
                  <c:v>56.918289184570298</c:v>
                </c:pt>
                <c:pt idx="57">
                  <c:v>57.918067932128899</c:v>
                </c:pt>
                <c:pt idx="58">
                  <c:v>58.917896270752003</c:v>
                </c:pt>
                <c:pt idx="59">
                  <c:v>59.917167663574197</c:v>
                </c:pt>
                <c:pt idx="60">
                  <c:v>60.917179107666001</c:v>
                </c:pt>
                <c:pt idx="61">
                  <c:v>61.916862487792997</c:v>
                </c:pt>
                <c:pt idx="62">
                  <c:v>62.916614532470703</c:v>
                </c:pt>
                <c:pt idx="63">
                  <c:v>63.916465759277301</c:v>
                </c:pt>
                <c:pt idx="64">
                  <c:v>64.916053771972699</c:v>
                </c:pt>
                <c:pt idx="65">
                  <c:v>65.916191101074205</c:v>
                </c:pt>
                <c:pt idx="66">
                  <c:v>66.915977478027301</c:v>
                </c:pt>
                <c:pt idx="67">
                  <c:v>67.915245056152301</c:v>
                </c:pt>
                <c:pt idx="68">
                  <c:v>68.915191650390597</c:v>
                </c:pt>
                <c:pt idx="69">
                  <c:v>69.915321350097699</c:v>
                </c:pt>
                <c:pt idx="70">
                  <c:v>70.914634704589801</c:v>
                </c:pt>
                <c:pt idx="71">
                  <c:v>71.914581298828097</c:v>
                </c:pt>
                <c:pt idx="72">
                  <c:v>72.914215087890597</c:v>
                </c:pt>
                <c:pt idx="73">
                  <c:v>73.914215087890597</c:v>
                </c:pt>
                <c:pt idx="74">
                  <c:v>74.913436889648395</c:v>
                </c:pt>
                <c:pt idx="75">
                  <c:v>75.913276672363295</c:v>
                </c:pt>
                <c:pt idx="76">
                  <c:v>76.913070678710895</c:v>
                </c:pt>
                <c:pt idx="77">
                  <c:v>77.913223266601605</c:v>
                </c:pt>
                <c:pt idx="78">
                  <c:v>78.912513732910199</c:v>
                </c:pt>
                <c:pt idx="79">
                  <c:v>79.912673950195298</c:v>
                </c:pt>
                <c:pt idx="80">
                  <c:v>80.912315368652301</c:v>
                </c:pt>
                <c:pt idx="81">
                  <c:v>81.912063598632798</c:v>
                </c:pt>
                <c:pt idx="82">
                  <c:v>82.911750793457003</c:v>
                </c:pt>
                <c:pt idx="83">
                  <c:v>83.9107666015625</c:v>
                </c:pt>
                <c:pt idx="84">
                  <c:v>84.910575866699205</c:v>
                </c:pt>
                <c:pt idx="85">
                  <c:v>85.910758972167997</c:v>
                </c:pt>
                <c:pt idx="86">
                  <c:v>86.911361694335895</c:v>
                </c:pt>
                <c:pt idx="87">
                  <c:v>87.910194396972699</c:v>
                </c:pt>
                <c:pt idx="88">
                  <c:v>88.910026550292997</c:v>
                </c:pt>
                <c:pt idx="89">
                  <c:v>89.910385131835895</c:v>
                </c:pt>
                <c:pt idx="90">
                  <c:v>90.9102783203125</c:v>
                </c:pt>
                <c:pt idx="91">
                  <c:v>91.909423828125</c:v>
                </c:pt>
                <c:pt idx="92">
                  <c:v>92.909339904785199</c:v>
                </c:pt>
                <c:pt idx="93">
                  <c:v>93.909027099609403</c:v>
                </c:pt>
                <c:pt idx="94">
                  <c:v>94.909507751464801</c:v>
                </c:pt>
                <c:pt idx="95">
                  <c:v>95.906730651855497</c:v>
                </c:pt>
                <c:pt idx="96">
                  <c:v>96.909759521484403</c:v>
                </c:pt>
                <c:pt idx="97">
                  <c:v>97.908027648925795</c:v>
                </c:pt>
                <c:pt idx="98">
                  <c:v>98.908370971679702</c:v>
                </c:pt>
                <c:pt idx="99">
                  <c:v>99.907455444335895</c:v>
                </c:pt>
                <c:pt idx="100">
                  <c:v>100.00090789794901</c:v>
                </c:pt>
                <c:pt idx="101">
                  <c:v>99.999618530273395</c:v>
                </c:pt>
                <c:pt idx="102">
                  <c:v>99.999092102050795</c:v>
                </c:pt>
                <c:pt idx="103">
                  <c:v>99.999359130859403</c:v>
                </c:pt>
                <c:pt idx="104">
                  <c:v>100.000564575195</c:v>
                </c:pt>
                <c:pt idx="105">
                  <c:v>99.999870300292997</c:v>
                </c:pt>
                <c:pt idx="106">
                  <c:v>99.999984741210895</c:v>
                </c:pt>
                <c:pt idx="107">
                  <c:v>99.999336242675795</c:v>
                </c:pt>
                <c:pt idx="108">
                  <c:v>100.00006103515599</c:v>
                </c:pt>
                <c:pt idx="109">
                  <c:v>100.000526428223</c:v>
                </c:pt>
                <c:pt idx="110">
                  <c:v>100.000198364258</c:v>
                </c:pt>
                <c:pt idx="111">
                  <c:v>99.999992370605497</c:v>
                </c:pt>
                <c:pt idx="112">
                  <c:v>99.998985290527301</c:v>
                </c:pt>
                <c:pt idx="113">
                  <c:v>99.999588012695298</c:v>
                </c:pt>
                <c:pt idx="114">
                  <c:v>100.00065612793</c:v>
                </c:pt>
                <c:pt idx="115">
                  <c:v>100.000701904297</c:v>
                </c:pt>
                <c:pt idx="116">
                  <c:v>99.999900817871094</c:v>
                </c:pt>
                <c:pt idx="117">
                  <c:v>100.000350952148</c:v>
                </c:pt>
                <c:pt idx="118">
                  <c:v>99.999557495117202</c:v>
                </c:pt>
                <c:pt idx="119">
                  <c:v>99.999427795410199</c:v>
                </c:pt>
                <c:pt idx="120">
                  <c:v>100.000160217285</c:v>
                </c:pt>
                <c:pt idx="121">
                  <c:v>100.00018310546901</c:v>
                </c:pt>
                <c:pt idx="122">
                  <c:v>100.003089904785</c:v>
                </c:pt>
                <c:pt idx="123">
                  <c:v>100.00001525878901</c:v>
                </c:pt>
                <c:pt idx="124">
                  <c:v>99.999984741210895</c:v>
                </c:pt>
                <c:pt idx="125">
                  <c:v>100.001174926758</c:v>
                </c:pt>
                <c:pt idx="126">
                  <c:v>99.999938964843807</c:v>
                </c:pt>
                <c:pt idx="127">
                  <c:v>99.999855041503906</c:v>
                </c:pt>
                <c:pt idx="128">
                  <c:v>99.999900817871094</c:v>
                </c:pt>
                <c:pt idx="129">
                  <c:v>100.00051116943401</c:v>
                </c:pt>
                <c:pt idx="130">
                  <c:v>99.073875427246094</c:v>
                </c:pt>
                <c:pt idx="131">
                  <c:v>98.074424743652301</c:v>
                </c:pt>
                <c:pt idx="132">
                  <c:v>97.074905395507798</c:v>
                </c:pt>
                <c:pt idx="133">
                  <c:v>96.072319030761705</c:v>
                </c:pt>
                <c:pt idx="134">
                  <c:v>95.074562072753906</c:v>
                </c:pt>
                <c:pt idx="135">
                  <c:v>94.075408935546903</c:v>
                </c:pt>
                <c:pt idx="136">
                  <c:v>93.075653076171903</c:v>
                </c:pt>
                <c:pt idx="137">
                  <c:v>92.076065063476605</c:v>
                </c:pt>
                <c:pt idx="138">
                  <c:v>91.072883605957003</c:v>
                </c:pt>
                <c:pt idx="139">
                  <c:v>90.076408386230497</c:v>
                </c:pt>
                <c:pt idx="140">
                  <c:v>89.076416015625</c:v>
                </c:pt>
                <c:pt idx="141">
                  <c:v>88.076530456542997</c:v>
                </c:pt>
                <c:pt idx="142">
                  <c:v>87.076828002929702</c:v>
                </c:pt>
                <c:pt idx="143">
                  <c:v>86.077667236328097</c:v>
                </c:pt>
                <c:pt idx="144">
                  <c:v>85.077255249023395</c:v>
                </c:pt>
                <c:pt idx="145">
                  <c:v>84.077568054199205</c:v>
                </c:pt>
                <c:pt idx="146">
                  <c:v>83.078041076660199</c:v>
                </c:pt>
                <c:pt idx="147">
                  <c:v>82.078697204589801</c:v>
                </c:pt>
                <c:pt idx="148">
                  <c:v>81.077980041503906</c:v>
                </c:pt>
                <c:pt idx="149">
                  <c:v>80.078514099121094</c:v>
                </c:pt>
                <c:pt idx="150">
                  <c:v>79.078231811523395</c:v>
                </c:pt>
                <c:pt idx="151">
                  <c:v>78.078971862792997</c:v>
                </c:pt>
                <c:pt idx="152">
                  <c:v>77.079521179199205</c:v>
                </c:pt>
                <c:pt idx="153">
                  <c:v>76.079551696777301</c:v>
                </c:pt>
                <c:pt idx="154">
                  <c:v>75.079620361328097</c:v>
                </c:pt>
                <c:pt idx="155">
                  <c:v>74.080383300781307</c:v>
                </c:pt>
                <c:pt idx="156">
                  <c:v>73.080291748046903</c:v>
                </c:pt>
                <c:pt idx="157">
                  <c:v>72.080833435058594</c:v>
                </c:pt>
                <c:pt idx="158">
                  <c:v>71.081047058105497</c:v>
                </c:pt>
                <c:pt idx="159">
                  <c:v>70.081237792968807</c:v>
                </c:pt>
                <c:pt idx="160">
                  <c:v>69.081375122070298</c:v>
                </c:pt>
                <c:pt idx="161">
                  <c:v>68.081901550292997</c:v>
                </c:pt>
                <c:pt idx="162">
                  <c:v>67.081703186035199</c:v>
                </c:pt>
                <c:pt idx="163">
                  <c:v>66.08203125</c:v>
                </c:pt>
                <c:pt idx="164">
                  <c:v>65.082160949707003</c:v>
                </c:pt>
                <c:pt idx="165">
                  <c:v>64.079833984375</c:v>
                </c:pt>
                <c:pt idx="166">
                  <c:v>63.080028533935497</c:v>
                </c:pt>
                <c:pt idx="167">
                  <c:v>62.080307006835902</c:v>
                </c:pt>
                <c:pt idx="168">
                  <c:v>61.080516815185497</c:v>
                </c:pt>
                <c:pt idx="169">
                  <c:v>60.080513000488303</c:v>
                </c:pt>
                <c:pt idx="170">
                  <c:v>59.081260681152301</c:v>
                </c:pt>
                <c:pt idx="171">
                  <c:v>58.081329345703097</c:v>
                </c:pt>
                <c:pt idx="172">
                  <c:v>57.081527709960902</c:v>
                </c:pt>
                <c:pt idx="173">
                  <c:v>56.081794738769503</c:v>
                </c:pt>
                <c:pt idx="174">
                  <c:v>55.081817626953097</c:v>
                </c:pt>
                <c:pt idx="175">
                  <c:v>54.082149505615199</c:v>
                </c:pt>
                <c:pt idx="176">
                  <c:v>53.082244873046903</c:v>
                </c:pt>
                <c:pt idx="177">
                  <c:v>52.082588195800803</c:v>
                </c:pt>
                <c:pt idx="178">
                  <c:v>51.083042144775398</c:v>
                </c:pt>
                <c:pt idx="179">
                  <c:v>50.083091735839801</c:v>
                </c:pt>
                <c:pt idx="180">
                  <c:v>49.083194732666001</c:v>
                </c:pt>
                <c:pt idx="181">
                  <c:v>48.083545684814503</c:v>
                </c:pt>
                <c:pt idx="182">
                  <c:v>47.083732604980497</c:v>
                </c:pt>
                <c:pt idx="183">
                  <c:v>46.084129333496101</c:v>
                </c:pt>
                <c:pt idx="184">
                  <c:v>45.0841674804688</c:v>
                </c:pt>
                <c:pt idx="185">
                  <c:v>44.0846138000488</c:v>
                </c:pt>
                <c:pt idx="186">
                  <c:v>43.0848197937012</c:v>
                </c:pt>
                <c:pt idx="187">
                  <c:v>42.085113525390597</c:v>
                </c:pt>
                <c:pt idx="188">
                  <c:v>41.085277557372997</c:v>
                </c:pt>
                <c:pt idx="189">
                  <c:v>40.085617065429702</c:v>
                </c:pt>
                <c:pt idx="190">
                  <c:v>39.085727691650398</c:v>
                </c:pt>
                <c:pt idx="191">
                  <c:v>38.086002349853501</c:v>
                </c:pt>
                <c:pt idx="192">
                  <c:v>37.086360931396499</c:v>
                </c:pt>
                <c:pt idx="193">
                  <c:v>36.0865287780762</c:v>
                </c:pt>
                <c:pt idx="194">
                  <c:v>35.086734771728501</c:v>
                </c:pt>
                <c:pt idx="195">
                  <c:v>34.086917877197301</c:v>
                </c:pt>
                <c:pt idx="196">
                  <c:v>33.087306976318402</c:v>
                </c:pt>
                <c:pt idx="197">
                  <c:v>32.087474822997997</c:v>
                </c:pt>
                <c:pt idx="198">
                  <c:v>31.0878200531006</c:v>
                </c:pt>
                <c:pt idx="199">
                  <c:v>30.0879917144775</c:v>
                </c:pt>
                <c:pt idx="200">
                  <c:v>29.088201522827099</c:v>
                </c:pt>
                <c:pt idx="201">
                  <c:v>28.088436126708999</c:v>
                </c:pt>
                <c:pt idx="202">
                  <c:v>27.088647842407202</c:v>
                </c:pt>
                <c:pt idx="203">
                  <c:v>26.0887966156006</c:v>
                </c:pt>
                <c:pt idx="204">
                  <c:v>25.089197158813501</c:v>
                </c:pt>
                <c:pt idx="205">
                  <c:v>24.0895175933838</c:v>
                </c:pt>
                <c:pt idx="206">
                  <c:v>23.0897731781006</c:v>
                </c:pt>
                <c:pt idx="207">
                  <c:v>22.089849472045898</c:v>
                </c:pt>
                <c:pt idx="208">
                  <c:v>21.0900688171387</c:v>
                </c:pt>
                <c:pt idx="209">
                  <c:v>20.090377807617202</c:v>
                </c:pt>
                <c:pt idx="210">
                  <c:v>19.0903224945068</c:v>
                </c:pt>
                <c:pt idx="211">
                  <c:v>18.0909309387207</c:v>
                </c:pt>
                <c:pt idx="212">
                  <c:v>17.091241836547901</c:v>
                </c:pt>
                <c:pt idx="213">
                  <c:v>16.091352462768601</c:v>
                </c:pt>
                <c:pt idx="214">
                  <c:v>15.091256141662599</c:v>
                </c:pt>
                <c:pt idx="215">
                  <c:v>14.0912427902222</c:v>
                </c:pt>
                <c:pt idx="216">
                  <c:v>13.091035842895501</c:v>
                </c:pt>
                <c:pt idx="217">
                  <c:v>12.0911102294922</c:v>
                </c:pt>
                <c:pt idx="218">
                  <c:v>11.090981483459499</c:v>
                </c:pt>
                <c:pt idx="219">
                  <c:v>10.0908851623535</c:v>
                </c:pt>
                <c:pt idx="220">
                  <c:v>9.0907726287841797</c:v>
                </c:pt>
                <c:pt idx="221">
                  <c:v>8.0906276702880895</c:v>
                </c:pt>
                <c:pt idx="222">
                  <c:v>7.0907926559448198</c:v>
                </c:pt>
                <c:pt idx="223">
                  <c:v>6.0908002853393599</c:v>
                </c:pt>
                <c:pt idx="224">
                  <c:v>5.0908713340759304</c:v>
                </c:pt>
                <c:pt idx="225">
                  <c:v>4.09085941314697</c:v>
                </c:pt>
                <c:pt idx="226">
                  <c:v>3.0908973217010498</c:v>
                </c:pt>
                <c:pt idx="227">
                  <c:v>2.09092020988464</c:v>
                </c:pt>
                <c:pt idx="228">
                  <c:v>1.09087038040161</c:v>
                </c:pt>
                <c:pt idx="229">
                  <c:v>9.1139867901802105E-2</c:v>
                </c:pt>
              </c:numCache>
            </c:numRef>
          </c:xVal>
          <c:yVal>
            <c:numRef>
              <c:f>Type_1_3_15___._1_thixotropy_rw!$D$2:$D$231</c:f>
              <c:numCache>
                <c:formatCode>General</c:formatCode>
                <c:ptCount val="230"/>
                <c:pt idx="0">
                  <c:v>12.6811256408691</c:v>
                </c:pt>
                <c:pt idx="1">
                  <c:v>16.914382934570298</c:v>
                </c:pt>
                <c:pt idx="2">
                  <c:v>19.209810256958001</c:v>
                </c:pt>
                <c:pt idx="3">
                  <c:v>21.3268013000488</c:v>
                </c:pt>
                <c:pt idx="4">
                  <c:v>23.753725051879901</c:v>
                </c:pt>
                <c:pt idx="5">
                  <c:v>24.827163696289102</c:v>
                </c:pt>
                <c:pt idx="6">
                  <c:v>26.530307769775401</c:v>
                </c:pt>
                <c:pt idx="7">
                  <c:v>27.445976257324201</c:v>
                </c:pt>
                <c:pt idx="8">
                  <c:v>28.434616088867202</c:v>
                </c:pt>
                <c:pt idx="9">
                  <c:v>30.118629455566399</c:v>
                </c:pt>
                <c:pt idx="10">
                  <c:v>31.170160293579102</c:v>
                </c:pt>
                <c:pt idx="11">
                  <c:v>32.433513641357401</c:v>
                </c:pt>
                <c:pt idx="12">
                  <c:v>33.6984252929688</c:v>
                </c:pt>
                <c:pt idx="13">
                  <c:v>35.957283020019503</c:v>
                </c:pt>
                <c:pt idx="14">
                  <c:v>37.338180541992202</c:v>
                </c:pt>
                <c:pt idx="15">
                  <c:v>39.268814086914098</c:v>
                </c:pt>
                <c:pt idx="16">
                  <c:v>39.521797180175803</c:v>
                </c:pt>
                <c:pt idx="17">
                  <c:v>40.8016357421875</c:v>
                </c:pt>
                <c:pt idx="18">
                  <c:v>42.1961860656738</c:v>
                </c:pt>
                <c:pt idx="19">
                  <c:v>44.942798614502003</c:v>
                </c:pt>
                <c:pt idx="20">
                  <c:v>47.181686401367202</c:v>
                </c:pt>
                <c:pt idx="21">
                  <c:v>46.444507598877003</c:v>
                </c:pt>
                <c:pt idx="22">
                  <c:v>46.955760955810497</c:v>
                </c:pt>
                <c:pt idx="23">
                  <c:v>48.678546905517599</c:v>
                </c:pt>
                <c:pt idx="24">
                  <c:v>49.726863861083999</c:v>
                </c:pt>
                <c:pt idx="25">
                  <c:v>51.405612945556598</c:v>
                </c:pt>
                <c:pt idx="26">
                  <c:v>52.011219024658203</c:v>
                </c:pt>
                <c:pt idx="27">
                  <c:v>52.416221618652301</c:v>
                </c:pt>
                <c:pt idx="28">
                  <c:v>53.466732025146499</c:v>
                </c:pt>
                <c:pt idx="29">
                  <c:v>54.294773101806598</c:v>
                </c:pt>
                <c:pt idx="30">
                  <c:v>56.638870239257798</c:v>
                </c:pt>
                <c:pt idx="31">
                  <c:v>56.638328552246101</c:v>
                </c:pt>
                <c:pt idx="32">
                  <c:v>56.777034759521499</c:v>
                </c:pt>
                <c:pt idx="33">
                  <c:v>57.904994964599602</c:v>
                </c:pt>
                <c:pt idx="34">
                  <c:v>58.895057678222699</c:v>
                </c:pt>
                <c:pt idx="35">
                  <c:v>59.092350006103501</c:v>
                </c:pt>
                <c:pt idx="36">
                  <c:v>60.767486572265597</c:v>
                </c:pt>
                <c:pt idx="37">
                  <c:v>61.680061340332003</c:v>
                </c:pt>
                <c:pt idx="38">
                  <c:v>63.187370300292997</c:v>
                </c:pt>
                <c:pt idx="39">
                  <c:v>63.114845275878899</c:v>
                </c:pt>
                <c:pt idx="40">
                  <c:v>64.069030761718807</c:v>
                </c:pt>
                <c:pt idx="41">
                  <c:v>65.366424560546903</c:v>
                </c:pt>
                <c:pt idx="42">
                  <c:v>66.837532043457003</c:v>
                </c:pt>
                <c:pt idx="43">
                  <c:v>67.937606811523395</c:v>
                </c:pt>
                <c:pt idx="44">
                  <c:v>68.362632751464801</c:v>
                </c:pt>
                <c:pt idx="45">
                  <c:v>69.157699584960895</c:v>
                </c:pt>
                <c:pt idx="46">
                  <c:v>70.600738525390597</c:v>
                </c:pt>
                <c:pt idx="47">
                  <c:v>75.885505676269503</c:v>
                </c:pt>
                <c:pt idx="48">
                  <c:v>73.319740295410199</c:v>
                </c:pt>
                <c:pt idx="49">
                  <c:v>75.350326538085895</c:v>
                </c:pt>
                <c:pt idx="50">
                  <c:v>76.641731262207003</c:v>
                </c:pt>
                <c:pt idx="51">
                  <c:v>78.326126098632798</c:v>
                </c:pt>
                <c:pt idx="52">
                  <c:v>80.500404357910199</c:v>
                </c:pt>
                <c:pt idx="53">
                  <c:v>82.399688720703097</c:v>
                </c:pt>
                <c:pt idx="54">
                  <c:v>84.626121520996094</c:v>
                </c:pt>
                <c:pt idx="55">
                  <c:v>85.751243591308594</c:v>
                </c:pt>
                <c:pt idx="56">
                  <c:v>88.125053405761705</c:v>
                </c:pt>
                <c:pt idx="57">
                  <c:v>91.016082763671903</c:v>
                </c:pt>
                <c:pt idx="58">
                  <c:v>92.863365173339801</c:v>
                </c:pt>
                <c:pt idx="59">
                  <c:v>95.190383911132798</c:v>
                </c:pt>
                <c:pt idx="60">
                  <c:v>97.639617919921903</c:v>
                </c:pt>
                <c:pt idx="61">
                  <c:v>100.327102661133</c:v>
                </c:pt>
                <c:pt idx="62">
                  <c:v>102.542839050293</c:v>
                </c:pt>
                <c:pt idx="63">
                  <c:v>105.13812255859401</c:v>
                </c:pt>
                <c:pt idx="64">
                  <c:v>107.550155639648</c:v>
                </c:pt>
                <c:pt idx="65">
                  <c:v>109.189323425293</c:v>
                </c:pt>
                <c:pt idx="66">
                  <c:v>111.700790405273</c:v>
                </c:pt>
                <c:pt idx="67">
                  <c:v>115.299942016602</c:v>
                </c:pt>
                <c:pt idx="68">
                  <c:v>115.73583984375</c:v>
                </c:pt>
                <c:pt idx="69">
                  <c:v>119.69687652587901</c:v>
                </c:pt>
                <c:pt idx="70">
                  <c:v>121.33798217773401</c:v>
                </c:pt>
                <c:pt idx="71">
                  <c:v>123.73900604248</c:v>
                </c:pt>
                <c:pt idx="72">
                  <c:v>125.54776763916</c:v>
                </c:pt>
                <c:pt idx="73">
                  <c:v>129.434814453125</c:v>
                </c:pt>
                <c:pt idx="74">
                  <c:v>132.65040588378901</c:v>
                </c:pt>
                <c:pt idx="75">
                  <c:v>137.63204956054699</c:v>
                </c:pt>
                <c:pt idx="76">
                  <c:v>139.76266479492199</c:v>
                </c:pt>
                <c:pt idx="77">
                  <c:v>141.37864685058599</c:v>
                </c:pt>
                <c:pt idx="78">
                  <c:v>142.536544799805</c:v>
                </c:pt>
                <c:pt idx="79">
                  <c:v>146.40127563476599</c:v>
                </c:pt>
                <c:pt idx="80">
                  <c:v>147.92991638183599</c:v>
                </c:pt>
                <c:pt idx="81">
                  <c:v>151.28936767578099</c:v>
                </c:pt>
                <c:pt idx="82">
                  <c:v>154.148193359375</c:v>
                </c:pt>
                <c:pt idx="83">
                  <c:v>159.82939147949199</c:v>
                </c:pt>
                <c:pt idx="84">
                  <c:v>159.80166625976599</c:v>
                </c:pt>
                <c:pt idx="85">
                  <c:v>163.372970581055</c:v>
                </c:pt>
                <c:pt idx="86">
                  <c:v>167.907638549805</c:v>
                </c:pt>
                <c:pt idx="87">
                  <c:v>169.96200561523401</c:v>
                </c:pt>
                <c:pt idx="88">
                  <c:v>173.50094604492199</c:v>
                </c:pt>
                <c:pt idx="89">
                  <c:v>177.80270385742199</c:v>
                </c:pt>
                <c:pt idx="90">
                  <c:v>183.99586486816401</c:v>
                </c:pt>
                <c:pt idx="91">
                  <c:v>184.02041625976599</c:v>
                </c:pt>
                <c:pt idx="92">
                  <c:v>187.30038452148401</c:v>
                </c:pt>
                <c:pt idx="93">
                  <c:v>190.78073120117199</c:v>
                </c:pt>
                <c:pt idx="94">
                  <c:v>193.07833862304699</c:v>
                </c:pt>
                <c:pt idx="95">
                  <c:v>199.23773193359401</c:v>
                </c:pt>
                <c:pt idx="96">
                  <c:v>200.41958618164099</c:v>
                </c:pt>
                <c:pt idx="97">
                  <c:v>202.529296875</c:v>
                </c:pt>
                <c:pt idx="98">
                  <c:v>205.47146606445301</c:v>
                </c:pt>
                <c:pt idx="99">
                  <c:v>210.84846496582</c:v>
                </c:pt>
                <c:pt idx="100">
                  <c:v>209.32884216308599</c:v>
                </c:pt>
                <c:pt idx="101">
                  <c:v>211.39767456054699</c:v>
                </c:pt>
                <c:pt idx="102">
                  <c:v>209.446533203125</c:v>
                </c:pt>
                <c:pt idx="103">
                  <c:v>210.110763549805</c:v>
                </c:pt>
                <c:pt idx="104">
                  <c:v>211.33888244628901</c:v>
                </c:pt>
                <c:pt idx="105">
                  <c:v>209.90629577636699</c:v>
                </c:pt>
                <c:pt idx="106">
                  <c:v>210.3388671875</c:v>
                </c:pt>
                <c:pt idx="107">
                  <c:v>212.45928955078099</c:v>
                </c:pt>
                <c:pt idx="108">
                  <c:v>211.41293334960901</c:v>
                </c:pt>
                <c:pt idx="109">
                  <c:v>211.22384643554699</c:v>
                </c:pt>
                <c:pt idx="110">
                  <c:v>207.98748779296901</c:v>
                </c:pt>
                <c:pt idx="111">
                  <c:v>208.90750122070301</c:v>
                </c:pt>
                <c:pt idx="112">
                  <c:v>208.677658081055</c:v>
                </c:pt>
                <c:pt idx="113">
                  <c:v>209.44638061523401</c:v>
                </c:pt>
                <c:pt idx="114">
                  <c:v>209.05064392089801</c:v>
                </c:pt>
                <c:pt idx="115">
                  <c:v>208.99911499023401</c:v>
                </c:pt>
                <c:pt idx="116">
                  <c:v>208.75494384765599</c:v>
                </c:pt>
                <c:pt idx="117">
                  <c:v>208.83979797363301</c:v>
                </c:pt>
                <c:pt idx="118">
                  <c:v>209.13368225097699</c:v>
                </c:pt>
                <c:pt idx="119">
                  <c:v>208.62571716308599</c:v>
                </c:pt>
                <c:pt idx="120">
                  <c:v>207.67085266113301</c:v>
                </c:pt>
                <c:pt idx="121">
                  <c:v>209.46778869628901</c:v>
                </c:pt>
                <c:pt idx="122">
                  <c:v>213.86634826660199</c:v>
                </c:pt>
                <c:pt idx="123">
                  <c:v>204.96922302246099</c:v>
                </c:pt>
                <c:pt idx="124">
                  <c:v>203.18745422363301</c:v>
                </c:pt>
                <c:pt idx="125">
                  <c:v>203.76972961425801</c:v>
                </c:pt>
                <c:pt idx="126">
                  <c:v>202.41305541992199</c:v>
                </c:pt>
                <c:pt idx="127">
                  <c:v>203.29617309570301</c:v>
                </c:pt>
                <c:pt idx="128">
                  <c:v>203.49273681640599</c:v>
                </c:pt>
                <c:pt idx="129">
                  <c:v>203.50704956054699</c:v>
                </c:pt>
                <c:pt idx="130">
                  <c:v>199.87467956543</c:v>
                </c:pt>
                <c:pt idx="131">
                  <c:v>196.10296630859401</c:v>
                </c:pt>
                <c:pt idx="132">
                  <c:v>192.85157775878901</c:v>
                </c:pt>
                <c:pt idx="133">
                  <c:v>186.21745300293</c:v>
                </c:pt>
                <c:pt idx="134">
                  <c:v>184.91394042968801</c:v>
                </c:pt>
                <c:pt idx="135">
                  <c:v>182.19244384765599</c:v>
                </c:pt>
                <c:pt idx="136">
                  <c:v>177.33689880371099</c:v>
                </c:pt>
                <c:pt idx="137">
                  <c:v>174.11250305175801</c:v>
                </c:pt>
                <c:pt idx="138">
                  <c:v>170.26448059082</c:v>
                </c:pt>
                <c:pt idx="139">
                  <c:v>167.327560424805</c:v>
                </c:pt>
                <c:pt idx="140">
                  <c:v>165.85488891601599</c:v>
                </c:pt>
                <c:pt idx="141">
                  <c:v>162.54542541503901</c:v>
                </c:pt>
                <c:pt idx="142">
                  <c:v>158.70248413085901</c:v>
                </c:pt>
                <c:pt idx="143">
                  <c:v>158.12321472168</c:v>
                </c:pt>
                <c:pt idx="144">
                  <c:v>152.62727355957</c:v>
                </c:pt>
                <c:pt idx="145">
                  <c:v>148.92790222168</c:v>
                </c:pt>
                <c:pt idx="146">
                  <c:v>146.48727416992199</c:v>
                </c:pt>
                <c:pt idx="147">
                  <c:v>146.32061767578099</c:v>
                </c:pt>
                <c:pt idx="148">
                  <c:v>141.96217346191401</c:v>
                </c:pt>
                <c:pt idx="149">
                  <c:v>140.9951171875</c:v>
                </c:pt>
                <c:pt idx="150">
                  <c:v>136.35365295410199</c:v>
                </c:pt>
                <c:pt idx="151">
                  <c:v>132.41378784179699</c:v>
                </c:pt>
                <c:pt idx="152">
                  <c:v>133.43394470214801</c:v>
                </c:pt>
                <c:pt idx="153">
                  <c:v>127.664756774902</c:v>
                </c:pt>
                <c:pt idx="154">
                  <c:v>125.580680847168</c:v>
                </c:pt>
                <c:pt idx="155">
                  <c:v>122.78790283203099</c:v>
                </c:pt>
                <c:pt idx="156">
                  <c:v>118.22638702392599</c:v>
                </c:pt>
                <c:pt idx="157">
                  <c:v>116.448768615723</c:v>
                </c:pt>
                <c:pt idx="158">
                  <c:v>114.172737121582</c:v>
                </c:pt>
                <c:pt idx="159">
                  <c:v>110.91408538818401</c:v>
                </c:pt>
                <c:pt idx="160">
                  <c:v>107.979194641113</c:v>
                </c:pt>
                <c:pt idx="161">
                  <c:v>106.104133605957</c:v>
                </c:pt>
                <c:pt idx="162">
                  <c:v>102.532592773438</c:v>
                </c:pt>
                <c:pt idx="163">
                  <c:v>100.03045654296901</c:v>
                </c:pt>
                <c:pt idx="164">
                  <c:v>97.087738037109403</c:v>
                </c:pt>
                <c:pt idx="165">
                  <c:v>94.933288574218807</c:v>
                </c:pt>
                <c:pt idx="166">
                  <c:v>92.645050048828097</c:v>
                </c:pt>
                <c:pt idx="167">
                  <c:v>89.309020996093807</c:v>
                </c:pt>
                <c:pt idx="168">
                  <c:v>86.585212707519503</c:v>
                </c:pt>
                <c:pt idx="169">
                  <c:v>84.782371520996094</c:v>
                </c:pt>
                <c:pt idx="170">
                  <c:v>83.607040405273395</c:v>
                </c:pt>
                <c:pt idx="171">
                  <c:v>79.767379760742202</c:v>
                </c:pt>
                <c:pt idx="172">
                  <c:v>77.335441589355497</c:v>
                </c:pt>
                <c:pt idx="173">
                  <c:v>74.930023193359403</c:v>
                </c:pt>
                <c:pt idx="174">
                  <c:v>72.918716430664105</c:v>
                </c:pt>
                <c:pt idx="175">
                  <c:v>71.058174133300795</c:v>
                </c:pt>
                <c:pt idx="176">
                  <c:v>69.917884826660199</c:v>
                </c:pt>
                <c:pt idx="177">
                  <c:v>66.332145690917997</c:v>
                </c:pt>
                <c:pt idx="178">
                  <c:v>64.7060546875</c:v>
                </c:pt>
                <c:pt idx="179">
                  <c:v>62.879508972167997</c:v>
                </c:pt>
                <c:pt idx="180">
                  <c:v>61.124431610107401</c:v>
                </c:pt>
                <c:pt idx="181">
                  <c:v>60.075618743896499</c:v>
                </c:pt>
                <c:pt idx="182">
                  <c:v>58.083763122558601</c:v>
                </c:pt>
                <c:pt idx="183">
                  <c:v>56.192474365234403</c:v>
                </c:pt>
                <c:pt idx="184">
                  <c:v>55.658779144287102</c:v>
                </c:pt>
                <c:pt idx="185">
                  <c:v>54.797981262207003</c:v>
                </c:pt>
                <c:pt idx="186">
                  <c:v>52.979042053222699</c:v>
                </c:pt>
                <c:pt idx="187">
                  <c:v>52.246162414550803</c:v>
                </c:pt>
                <c:pt idx="188">
                  <c:v>50.989803314208999</c:v>
                </c:pt>
                <c:pt idx="189">
                  <c:v>50.366767883300803</c:v>
                </c:pt>
                <c:pt idx="190">
                  <c:v>50.011985778808601</c:v>
                </c:pt>
                <c:pt idx="191">
                  <c:v>47.621219635009801</c:v>
                </c:pt>
                <c:pt idx="192">
                  <c:v>46.580631256103501</c:v>
                </c:pt>
                <c:pt idx="193">
                  <c:v>45.5569877624512</c:v>
                </c:pt>
                <c:pt idx="194">
                  <c:v>45.0060005187988</c:v>
                </c:pt>
                <c:pt idx="195">
                  <c:v>44.103904724121101</c:v>
                </c:pt>
                <c:pt idx="196">
                  <c:v>43.265983581542997</c:v>
                </c:pt>
                <c:pt idx="197">
                  <c:v>42.826438903808601</c:v>
                </c:pt>
                <c:pt idx="198">
                  <c:v>41.300041198730497</c:v>
                </c:pt>
                <c:pt idx="199">
                  <c:v>41.0874214172363</c:v>
                </c:pt>
                <c:pt idx="200">
                  <c:v>40.727077484130902</c:v>
                </c:pt>
                <c:pt idx="201">
                  <c:v>39.782630920410199</c:v>
                </c:pt>
                <c:pt idx="202">
                  <c:v>38.620128631591797</c:v>
                </c:pt>
                <c:pt idx="203">
                  <c:v>38.012516021728501</c:v>
                </c:pt>
                <c:pt idx="204">
                  <c:v>37.345615386962898</c:v>
                </c:pt>
                <c:pt idx="205">
                  <c:v>36.578598022460902</c:v>
                </c:pt>
                <c:pt idx="206">
                  <c:v>35.700878143310497</c:v>
                </c:pt>
                <c:pt idx="207">
                  <c:v>34.974075317382798</c:v>
                </c:pt>
                <c:pt idx="208">
                  <c:v>34.235549926757798</c:v>
                </c:pt>
                <c:pt idx="209">
                  <c:v>33.503337860107401</c:v>
                </c:pt>
                <c:pt idx="210">
                  <c:v>32.665992736816399</c:v>
                </c:pt>
                <c:pt idx="211">
                  <c:v>31.5846557617188</c:v>
                </c:pt>
                <c:pt idx="212">
                  <c:v>30.706947326660199</c:v>
                </c:pt>
                <c:pt idx="213">
                  <c:v>29.426977157592798</c:v>
                </c:pt>
                <c:pt idx="214">
                  <c:v>28.418342590331999</c:v>
                </c:pt>
                <c:pt idx="215">
                  <c:v>27.355045318603501</c:v>
                </c:pt>
                <c:pt idx="216">
                  <c:v>26.565710067748999</c:v>
                </c:pt>
                <c:pt idx="217">
                  <c:v>25.206272125244102</c:v>
                </c:pt>
                <c:pt idx="218">
                  <c:v>23.9947204589844</c:v>
                </c:pt>
                <c:pt idx="219">
                  <c:v>22.819604873657202</c:v>
                </c:pt>
                <c:pt idx="220">
                  <c:v>21.868436813354499</c:v>
                </c:pt>
                <c:pt idx="221">
                  <c:v>20.832107543945298</c:v>
                </c:pt>
                <c:pt idx="222">
                  <c:v>19.775964736938501</c:v>
                </c:pt>
                <c:pt idx="223">
                  <c:v>18.617557525634801</c:v>
                </c:pt>
                <c:pt idx="224">
                  <c:v>17.258590698242202</c:v>
                </c:pt>
                <c:pt idx="225">
                  <c:v>15.893308639526399</c:v>
                </c:pt>
                <c:pt idx="226">
                  <c:v>14.206082344055201</c:v>
                </c:pt>
                <c:pt idx="227">
                  <c:v>12.352954864501999</c:v>
                </c:pt>
                <c:pt idx="228">
                  <c:v>9.3632688522338903</c:v>
                </c:pt>
                <c:pt idx="229">
                  <c:v>4.26414775848389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809-4C21-A8C1-953A7BBB6C89}"/>
            </c:ext>
          </c:extLst>
        </c:ser>
        <c:ser>
          <c:idx val="7"/>
          <c:order val="4"/>
          <c:tx>
            <c:v>2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xVal>
            <c:numRef>
              <c:f>_27_01_bss_4_6_thixotropy_3_1_r!$F$2:$F$231</c:f>
              <c:numCache>
                <c:formatCode>General</c:formatCode>
                <c:ptCount val="230"/>
                <c:pt idx="0">
                  <c:v>0.925326287746429</c:v>
                </c:pt>
                <c:pt idx="1">
                  <c:v>1.9250180721282999</c:v>
                </c:pt>
                <c:pt idx="2">
                  <c:v>2.9249427318572998</c:v>
                </c:pt>
                <c:pt idx="3">
                  <c:v>3.9244627952575701</c:v>
                </c:pt>
                <c:pt idx="4">
                  <c:v>4.9248609542846697</c:v>
                </c:pt>
                <c:pt idx="5">
                  <c:v>5.92501020431519</c:v>
                </c:pt>
                <c:pt idx="6">
                  <c:v>6.9273104667663601</c:v>
                </c:pt>
                <c:pt idx="7">
                  <c:v>7.9274401664733896</c:v>
                </c:pt>
                <c:pt idx="8">
                  <c:v>8.9265632629394496</c:v>
                </c:pt>
                <c:pt idx="9">
                  <c:v>9.9250736236572301</c:v>
                </c:pt>
                <c:pt idx="10">
                  <c:v>10.924939155578601</c:v>
                </c:pt>
                <c:pt idx="11">
                  <c:v>11.924943923950201</c:v>
                </c:pt>
                <c:pt idx="12">
                  <c:v>12.9252328872681</c:v>
                </c:pt>
                <c:pt idx="13">
                  <c:v>13.925402641296399</c:v>
                </c:pt>
                <c:pt idx="14">
                  <c:v>14.925350189209</c:v>
                </c:pt>
                <c:pt idx="15">
                  <c:v>15.925523757934601</c:v>
                </c:pt>
                <c:pt idx="16">
                  <c:v>16.925308227539102</c:v>
                </c:pt>
                <c:pt idx="17">
                  <c:v>17.9251098632813</c:v>
                </c:pt>
                <c:pt idx="18">
                  <c:v>18.924699783325199</c:v>
                </c:pt>
                <c:pt idx="19">
                  <c:v>19.9246120452881</c:v>
                </c:pt>
                <c:pt idx="20">
                  <c:v>20.9242153167725</c:v>
                </c:pt>
                <c:pt idx="21">
                  <c:v>21.924192428588899</c:v>
                </c:pt>
                <c:pt idx="22">
                  <c:v>22.923662185668899</c:v>
                </c:pt>
                <c:pt idx="23">
                  <c:v>23.9236660003662</c:v>
                </c:pt>
                <c:pt idx="24">
                  <c:v>24.9232063293457</c:v>
                </c:pt>
                <c:pt idx="25">
                  <c:v>25.922876358032202</c:v>
                </c:pt>
                <c:pt idx="26">
                  <c:v>26.922914505004901</c:v>
                </c:pt>
                <c:pt idx="27">
                  <c:v>27.922348022460898</c:v>
                </c:pt>
                <c:pt idx="28">
                  <c:v>28.922288894653299</c:v>
                </c:pt>
                <c:pt idx="29">
                  <c:v>29.922113418579102</c:v>
                </c:pt>
                <c:pt idx="30">
                  <c:v>30.921867370605501</c:v>
                </c:pt>
                <c:pt idx="31">
                  <c:v>31.921556472778299</c:v>
                </c:pt>
                <c:pt idx="32">
                  <c:v>32.921169281005902</c:v>
                </c:pt>
                <c:pt idx="33">
                  <c:v>33.920936584472699</c:v>
                </c:pt>
                <c:pt idx="34">
                  <c:v>34.920928955078097</c:v>
                </c:pt>
                <c:pt idx="35">
                  <c:v>35.920711517333999</c:v>
                </c:pt>
                <c:pt idx="36">
                  <c:v>36.920211791992202</c:v>
                </c:pt>
                <c:pt idx="37">
                  <c:v>37.919822692871101</c:v>
                </c:pt>
                <c:pt idx="38">
                  <c:v>38.919647216796903</c:v>
                </c:pt>
                <c:pt idx="39">
                  <c:v>39.9195556640625</c:v>
                </c:pt>
                <c:pt idx="40">
                  <c:v>40.919002532958999</c:v>
                </c:pt>
                <c:pt idx="41">
                  <c:v>41.922046661377003</c:v>
                </c:pt>
                <c:pt idx="42">
                  <c:v>42.921627044677699</c:v>
                </c:pt>
                <c:pt idx="43">
                  <c:v>43.922645568847699</c:v>
                </c:pt>
                <c:pt idx="44">
                  <c:v>44.920997619628899</c:v>
                </c:pt>
                <c:pt idx="45">
                  <c:v>45.9207954406738</c:v>
                </c:pt>
                <c:pt idx="46">
                  <c:v>46.920650482177699</c:v>
                </c:pt>
                <c:pt idx="47">
                  <c:v>47.920352935791001</c:v>
                </c:pt>
                <c:pt idx="48">
                  <c:v>48.920230865478501</c:v>
                </c:pt>
                <c:pt idx="49">
                  <c:v>49.919921875</c:v>
                </c:pt>
                <c:pt idx="50">
                  <c:v>50.919975280761697</c:v>
                </c:pt>
                <c:pt idx="51">
                  <c:v>51.919239044189503</c:v>
                </c:pt>
                <c:pt idx="52">
                  <c:v>52.919300079345703</c:v>
                </c:pt>
                <c:pt idx="53">
                  <c:v>53.919216156005902</c:v>
                </c:pt>
                <c:pt idx="54">
                  <c:v>54.918704986572301</c:v>
                </c:pt>
                <c:pt idx="55">
                  <c:v>55.918739318847699</c:v>
                </c:pt>
                <c:pt idx="56">
                  <c:v>56.918239593505902</c:v>
                </c:pt>
                <c:pt idx="57">
                  <c:v>57.918216705322301</c:v>
                </c:pt>
                <c:pt idx="58">
                  <c:v>58.917587280273402</c:v>
                </c:pt>
                <c:pt idx="59">
                  <c:v>59.917667388916001</c:v>
                </c:pt>
                <c:pt idx="60">
                  <c:v>60.916980743408203</c:v>
                </c:pt>
                <c:pt idx="61">
                  <c:v>61.917282104492202</c:v>
                </c:pt>
                <c:pt idx="62">
                  <c:v>62.916923522949197</c:v>
                </c:pt>
                <c:pt idx="63">
                  <c:v>63.916587829589801</c:v>
                </c:pt>
                <c:pt idx="64">
                  <c:v>64.916152954101605</c:v>
                </c:pt>
                <c:pt idx="65">
                  <c:v>65.916091918945298</c:v>
                </c:pt>
                <c:pt idx="66">
                  <c:v>66.915565490722699</c:v>
                </c:pt>
                <c:pt idx="67">
                  <c:v>67.915542602539105</c:v>
                </c:pt>
                <c:pt idx="68">
                  <c:v>68.915504455566406</c:v>
                </c:pt>
                <c:pt idx="69">
                  <c:v>69.915229797363295</c:v>
                </c:pt>
                <c:pt idx="70">
                  <c:v>70.914970397949205</c:v>
                </c:pt>
                <c:pt idx="71">
                  <c:v>71.914443969726605</c:v>
                </c:pt>
                <c:pt idx="72">
                  <c:v>72.914329528808594</c:v>
                </c:pt>
                <c:pt idx="73">
                  <c:v>73.914176940917997</c:v>
                </c:pt>
                <c:pt idx="74">
                  <c:v>74.913528442382798</c:v>
                </c:pt>
                <c:pt idx="75">
                  <c:v>75.913681030273395</c:v>
                </c:pt>
                <c:pt idx="76">
                  <c:v>76.913078308105497</c:v>
                </c:pt>
                <c:pt idx="77">
                  <c:v>77.912887573242202</c:v>
                </c:pt>
                <c:pt idx="78">
                  <c:v>78.912879943847699</c:v>
                </c:pt>
                <c:pt idx="79">
                  <c:v>79.912788391113295</c:v>
                </c:pt>
                <c:pt idx="80">
                  <c:v>80.912200927734403</c:v>
                </c:pt>
                <c:pt idx="81">
                  <c:v>81.912216186523395</c:v>
                </c:pt>
                <c:pt idx="82">
                  <c:v>82.911628723144503</c:v>
                </c:pt>
                <c:pt idx="83">
                  <c:v>83.911857604980497</c:v>
                </c:pt>
                <c:pt idx="84">
                  <c:v>84.911552429199205</c:v>
                </c:pt>
                <c:pt idx="85">
                  <c:v>85.910881042480497</c:v>
                </c:pt>
                <c:pt idx="86">
                  <c:v>86.911041259765597</c:v>
                </c:pt>
                <c:pt idx="87">
                  <c:v>87.910537719726605</c:v>
                </c:pt>
                <c:pt idx="88">
                  <c:v>88.910499572753906</c:v>
                </c:pt>
                <c:pt idx="89">
                  <c:v>89.910003662109403</c:v>
                </c:pt>
                <c:pt idx="90">
                  <c:v>90.909805297851605</c:v>
                </c:pt>
                <c:pt idx="91">
                  <c:v>91.909553527832003</c:v>
                </c:pt>
                <c:pt idx="92">
                  <c:v>92.909683227539105</c:v>
                </c:pt>
                <c:pt idx="93">
                  <c:v>93.908889770507798</c:v>
                </c:pt>
                <c:pt idx="94">
                  <c:v>94.909088134765597</c:v>
                </c:pt>
                <c:pt idx="95">
                  <c:v>95.908889770507798</c:v>
                </c:pt>
                <c:pt idx="96">
                  <c:v>96.908309936523395</c:v>
                </c:pt>
                <c:pt idx="97">
                  <c:v>97.908378601074205</c:v>
                </c:pt>
                <c:pt idx="98">
                  <c:v>98.908058166503906</c:v>
                </c:pt>
                <c:pt idx="99">
                  <c:v>99.907653808593807</c:v>
                </c:pt>
                <c:pt idx="100">
                  <c:v>100.000190734863</c:v>
                </c:pt>
                <c:pt idx="101">
                  <c:v>99.999687194824205</c:v>
                </c:pt>
                <c:pt idx="102">
                  <c:v>99.999801635742202</c:v>
                </c:pt>
                <c:pt idx="103">
                  <c:v>99.999977111816406</c:v>
                </c:pt>
                <c:pt idx="104">
                  <c:v>99.999610900878906</c:v>
                </c:pt>
                <c:pt idx="105">
                  <c:v>99.999809265136705</c:v>
                </c:pt>
                <c:pt idx="106">
                  <c:v>99.999946594238295</c:v>
                </c:pt>
                <c:pt idx="107">
                  <c:v>100.00006866455099</c:v>
                </c:pt>
                <c:pt idx="108">
                  <c:v>100.000030517578</c:v>
                </c:pt>
                <c:pt idx="109">
                  <c:v>99.999771118164105</c:v>
                </c:pt>
                <c:pt idx="110">
                  <c:v>100.00025177002</c:v>
                </c:pt>
                <c:pt idx="111">
                  <c:v>99.999778747558594</c:v>
                </c:pt>
                <c:pt idx="112">
                  <c:v>100.00016784668</c:v>
                </c:pt>
                <c:pt idx="113">
                  <c:v>99.999893188476605</c:v>
                </c:pt>
                <c:pt idx="114">
                  <c:v>100.000114440918</c:v>
                </c:pt>
                <c:pt idx="115">
                  <c:v>100.00054931640599</c:v>
                </c:pt>
                <c:pt idx="116">
                  <c:v>99.999961853027301</c:v>
                </c:pt>
                <c:pt idx="117">
                  <c:v>99.999954223632798</c:v>
                </c:pt>
                <c:pt idx="118">
                  <c:v>99.999954223632798</c:v>
                </c:pt>
                <c:pt idx="119">
                  <c:v>100.000190734863</c:v>
                </c:pt>
                <c:pt idx="120">
                  <c:v>100.00016784668</c:v>
                </c:pt>
                <c:pt idx="121">
                  <c:v>99.999977111816406</c:v>
                </c:pt>
                <c:pt idx="122">
                  <c:v>100.00002288818401</c:v>
                </c:pt>
                <c:pt idx="123">
                  <c:v>100.000137329102</c:v>
                </c:pt>
                <c:pt idx="124">
                  <c:v>99.999847412109403</c:v>
                </c:pt>
                <c:pt idx="125">
                  <c:v>99.999847412109403</c:v>
                </c:pt>
                <c:pt idx="126">
                  <c:v>99.999717712402301</c:v>
                </c:pt>
                <c:pt idx="127">
                  <c:v>99.999946594238295</c:v>
                </c:pt>
                <c:pt idx="128">
                  <c:v>99.999855041503906</c:v>
                </c:pt>
                <c:pt idx="129">
                  <c:v>100.000007629395</c:v>
                </c:pt>
                <c:pt idx="130">
                  <c:v>99.073982238769503</c:v>
                </c:pt>
                <c:pt idx="131">
                  <c:v>98.074455261230497</c:v>
                </c:pt>
                <c:pt idx="132">
                  <c:v>97.074432373046903</c:v>
                </c:pt>
                <c:pt idx="133">
                  <c:v>96.072044372558594</c:v>
                </c:pt>
                <c:pt idx="134">
                  <c:v>95.074951171875</c:v>
                </c:pt>
                <c:pt idx="135">
                  <c:v>94.075241088867202</c:v>
                </c:pt>
                <c:pt idx="136">
                  <c:v>93.075515747070298</c:v>
                </c:pt>
                <c:pt idx="137">
                  <c:v>92.075584411621094</c:v>
                </c:pt>
                <c:pt idx="138">
                  <c:v>91.073173522949205</c:v>
                </c:pt>
                <c:pt idx="139">
                  <c:v>90.076179504394503</c:v>
                </c:pt>
                <c:pt idx="140">
                  <c:v>89.076332092285199</c:v>
                </c:pt>
                <c:pt idx="141">
                  <c:v>88.076698303222699</c:v>
                </c:pt>
                <c:pt idx="142">
                  <c:v>87.076942443847699</c:v>
                </c:pt>
                <c:pt idx="143">
                  <c:v>86.077102661132798</c:v>
                </c:pt>
                <c:pt idx="144">
                  <c:v>85.077438354492202</c:v>
                </c:pt>
                <c:pt idx="145">
                  <c:v>84.077560424804702</c:v>
                </c:pt>
                <c:pt idx="146">
                  <c:v>83.077896118164105</c:v>
                </c:pt>
                <c:pt idx="147">
                  <c:v>82.078079223632798</c:v>
                </c:pt>
                <c:pt idx="148">
                  <c:v>81.078529357910199</c:v>
                </c:pt>
                <c:pt idx="149">
                  <c:v>80.078651428222699</c:v>
                </c:pt>
                <c:pt idx="150">
                  <c:v>79.078887939453097</c:v>
                </c:pt>
                <c:pt idx="151">
                  <c:v>78.079116821289105</c:v>
                </c:pt>
                <c:pt idx="152">
                  <c:v>77.079345703125</c:v>
                </c:pt>
                <c:pt idx="153">
                  <c:v>76.079475402832003</c:v>
                </c:pt>
                <c:pt idx="154">
                  <c:v>75.080116271972699</c:v>
                </c:pt>
                <c:pt idx="155">
                  <c:v>74.080017089843807</c:v>
                </c:pt>
                <c:pt idx="156">
                  <c:v>73.080276489257798</c:v>
                </c:pt>
                <c:pt idx="157">
                  <c:v>72.080795288085895</c:v>
                </c:pt>
                <c:pt idx="158">
                  <c:v>71.080703735351605</c:v>
                </c:pt>
                <c:pt idx="159">
                  <c:v>70.081336975097699</c:v>
                </c:pt>
                <c:pt idx="160">
                  <c:v>69.081375122070298</c:v>
                </c:pt>
                <c:pt idx="161">
                  <c:v>68.081535339355497</c:v>
                </c:pt>
                <c:pt idx="162">
                  <c:v>67.081756591796903</c:v>
                </c:pt>
                <c:pt idx="163">
                  <c:v>66.0821533203125</c:v>
                </c:pt>
                <c:pt idx="164">
                  <c:v>65.082115173339801</c:v>
                </c:pt>
                <c:pt idx="165">
                  <c:v>64.082305908203097</c:v>
                </c:pt>
                <c:pt idx="166">
                  <c:v>63.082748413085902</c:v>
                </c:pt>
                <c:pt idx="167">
                  <c:v>62.083065032958999</c:v>
                </c:pt>
                <c:pt idx="168">
                  <c:v>61.083229064941399</c:v>
                </c:pt>
                <c:pt idx="169">
                  <c:v>60.083518981933601</c:v>
                </c:pt>
                <c:pt idx="170">
                  <c:v>59.083702087402301</c:v>
                </c:pt>
                <c:pt idx="171">
                  <c:v>58.083938598632798</c:v>
                </c:pt>
                <c:pt idx="172">
                  <c:v>57.081375122070298</c:v>
                </c:pt>
                <c:pt idx="173">
                  <c:v>56.084259033203097</c:v>
                </c:pt>
                <c:pt idx="174">
                  <c:v>55.081790924072301</c:v>
                </c:pt>
                <c:pt idx="175">
                  <c:v>54.081993103027301</c:v>
                </c:pt>
                <c:pt idx="176">
                  <c:v>53.082523345947301</c:v>
                </c:pt>
                <c:pt idx="177">
                  <c:v>52.082721710205099</c:v>
                </c:pt>
                <c:pt idx="178">
                  <c:v>51.0827445983887</c:v>
                </c:pt>
                <c:pt idx="179">
                  <c:v>50.083309173583999</c:v>
                </c:pt>
                <c:pt idx="180">
                  <c:v>49.0832328796387</c:v>
                </c:pt>
                <c:pt idx="181">
                  <c:v>48.083683013916001</c:v>
                </c:pt>
                <c:pt idx="182">
                  <c:v>47.0837593078613</c:v>
                </c:pt>
                <c:pt idx="183">
                  <c:v>46.0841674804688</c:v>
                </c:pt>
                <c:pt idx="184">
                  <c:v>45.0843505859375</c:v>
                </c:pt>
                <c:pt idx="185">
                  <c:v>44.084659576416001</c:v>
                </c:pt>
                <c:pt idx="186">
                  <c:v>43.084793090820298</c:v>
                </c:pt>
                <c:pt idx="187">
                  <c:v>42.085159301757798</c:v>
                </c:pt>
                <c:pt idx="188">
                  <c:v>41.085094451904297</c:v>
                </c:pt>
                <c:pt idx="189">
                  <c:v>40.085643768310497</c:v>
                </c:pt>
                <c:pt idx="190">
                  <c:v>39.085777282714801</c:v>
                </c:pt>
                <c:pt idx="191">
                  <c:v>38.085914611816399</c:v>
                </c:pt>
                <c:pt idx="192">
                  <c:v>37.08642578125</c:v>
                </c:pt>
                <c:pt idx="193">
                  <c:v>36.086696624755902</c:v>
                </c:pt>
                <c:pt idx="194">
                  <c:v>35.086662292480497</c:v>
                </c:pt>
                <c:pt idx="195">
                  <c:v>34.0870170593262</c:v>
                </c:pt>
                <c:pt idx="196">
                  <c:v>33.087234497070298</c:v>
                </c:pt>
                <c:pt idx="197">
                  <c:v>32.087677001953097</c:v>
                </c:pt>
                <c:pt idx="198">
                  <c:v>31.087793350219702</c:v>
                </c:pt>
                <c:pt idx="199">
                  <c:v>30.088047027587901</c:v>
                </c:pt>
                <c:pt idx="200">
                  <c:v>29.088455200195298</c:v>
                </c:pt>
                <c:pt idx="201">
                  <c:v>28.088426589965799</c:v>
                </c:pt>
                <c:pt idx="202">
                  <c:v>27.0886344909668</c:v>
                </c:pt>
                <c:pt idx="203">
                  <c:v>26.088960647583001</c:v>
                </c:pt>
                <c:pt idx="204">
                  <c:v>25.089208602905298</c:v>
                </c:pt>
                <c:pt idx="205">
                  <c:v>24.0892848968506</c:v>
                </c:pt>
                <c:pt idx="206">
                  <c:v>23.089796066284201</c:v>
                </c:pt>
                <c:pt idx="207">
                  <c:v>22.090145111083999</c:v>
                </c:pt>
                <c:pt idx="208">
                  <c:v>21.090227127075199</c:v>
                </c:pt>
                <c:pt idx="209">
                  <c:v>20.09055519104</c:v>
                </c:pt>
                <c:pt idx="210">
                  <c:v>19.090866088867202</c:v>
                </c:pt>
                <c:pt idx="211">
                  <c:v>18.090736389160199</c:v>
                </c:pt>
                <c:pt idx="212">
                  <c:v>17.091123580932599</c:v>
                </c:pt>
                <c:pt idx="213">
                  <c:v>16.0915431976318</c:v>
                </c:pt>
                <c:pt idx="214">
                  <c:v>15.0914211273193</c:v>
                </c:pt>
                <c:pt idx="215">
                  <c:v>14.091381072998001</c:v>
                </c:pt>
                <c:pt idx="216">
                  <c:v>13.091391563415501</c:v>
                </c:pt>
                <c:pt idx="217">
                  <c:v>12.091112136840801</c:v>
                </c:pt>
                <c:pt idx="218">
                  <c:v>11.091106414794901</c:v>
                </c:pt>
                <c:pt idx="219">
                  <c:v>10.090822219848601</c:v>
                </c:pt>
                <c:pt idx="220">
                  <c:v>9.0907325744628906</c:v>
                </c:pt>
                <c:pt idx="221">
                  <c:v>8.0908527374267596</c:v>
                </c:pt>
                <c:pt idx="222">
                  <c:v>7.0905251502990696</c:v>
                </c:pt>
                <c:pt idx="223">
                  <c:v>6.0907683372497603</c:v>
                </c:pt>
                <c:pt idx="224">
                  <c:v>5.0907425880432102</c:v>
                </c:pt>
                <c:pt idx="225">
                  <c:v>4.0908570289611799</c:v>
                </c:pt>
                <c:pt idx="226">
                  <c:v>3.0910327434539799</c:v>
                </c:pt>
                <c:pt idx="227">
                  <c:v>2.0906355381011998</c:v>
                </c:pt>
                <c:pt idx="228">
                  <c:v>1.09076976776123</c:v>
                </c:pt>
                <c:pt idx="229">
                  <c:v>9.1086484491825104E-2</c:v>
                </c:pt>
              </c:numCache>
            </c:numRef>
          </c:xVal>
          <c:yVal>
            <c:numRef>
              <c:f>_27_01_bss_4_6_thixotropy_3_1_r!$D$2:$D$231</c:f>
              <c:numCache>
                <c:formatCode>General</c:formatCode>
                <c:ptCount val="230"/>
                <c:pt idx="0">
                  <c:v>415.9384765625</c:v>
                </c:pt>
                <c:pt idx="1">
                  <c:v>344.47695922851602</c:v>
                </c:pt>
                <c:pt idx="2">
                  <c:v>286.08810424804699</c:v>
                </c:pt>
                <c:pt idx="3">
                  <c:v>241.77169799804699</c:v>
                </c:pt>
                <c:pt idx="4">
                  <c:v>248.17408752441401</c:v>
                </c:pt>
                <c:pt idx="5">
                  <c:v>214.75753784179699</c:v>
                </c:pt>
                <c:pt idx="6">
                  <c:v>219.42068481445301</c:v>
                </c:pt>
                <c:pt idx="7">
                  <c:v>231.30740356445301</c:v>
                </c:pt>
                <c:pt idx="8">
                  <c:v>318.00906372070301</c:v>
                </c:pt>
                <c:pt idx="9">
                  <c:v>180.12809753418</c:v>
                </c:pt>
                <c:pt idx="10">
                  <c:v>171.58247375488301</c:v>
                </c:pt>
                <c:pt idx="11">
                  <c:v>186.74623107910199</c:v>
                </c:pt>
                <c:pt idx="12">
                  <c:v>191.45429992675801</c:v>
                </c:pt>
                <c:pt idx="13">
                  <c:v>202.21499633789099</c:v>
                </c:pt>
                <c:pt idx="14">
                  <c:v>201.54151916503901</c:v>
                </c:pt>
                <c:pt idx="15">
                  <c:v>199.07829284668</c:v>
                </c:pt>
                <c:pt idx="16">
                  <c:v>198.62570190429699</c:v>
                </c:pt>
                <c:pt idx="17">
                  <c:v>197.23106384277301</c:v>
                </c:pt>
                <c:pt idx="18">
                  <c:v>195.95938110351599</c:v>
                </c:pt>
                <c:pt idx="19">
                  <c:v>203.92332458496099</c:v>
                </c:pt>
                <c:pt idx="20">
                  <c:v>194.83679199218801</c:v>
                </c:pt>
                <c:pt idx="21">
                  <c:v>201.21292114257801</c:v>
                </c:pt>
                <c:pt idx="22">
                  <c:v>203.93356323242199</c:v>
                </c:pt>
                <c:pt idx="23">
                  <c:v>202.88003540039099</c:v>
                </c:pt>
                <c:pt idx="24">
                  <c:v>197.16445922851599</c:v>
                </c:pt>
                <c:pt idx="25">
                  <c:v>209.50492858886699</c:v>
                </c:pt>
                <c:pt idx="26">
                  <c:v>118.494506835938</c:v>
                </c:pt>
                <c:pt idx="27">
                  <c:v>125.90843200683599</c:v>
                </c:pt>
                <c:pt idx="28">
                  <c:v>125.506065368652</c:v>
                </c:pt>
                <c:pt idx="29">
                  <c:v>137.95291137695301</c:v>
                </c:pt>
                <c:pt idx="30">
                  <c:v>133.08470153808599</c:v>
                </c:pt>
                <c:pt idx="31">
                  <c:v>153.16014099121099</c:v>
                </c:pt>
                <c:pt idx="32">
                  <c:v>137.68524169921901</c:v>
                </c:pt>
                <c:pt idx="33">
                  <c:v>140.89437866210901</c:v>
                </c:pt>
                <c:pt idx="34">
                  <c:v>146.015869140625</c:v>
                </c:pt>
                <c:pt idx="35">
                  <c:v>146.28227233886699</c:v>
                </c:pt>
                <c:pt idx="36">
                  <c:v>163.05111694335901</c:v>
                </c:pt>
                <c:pt idx="37">
                  <c:v>149.19259643554699</c:v>
                </c:pt>
                <c:pt idx="38">
                  <c:v>145.32183837890599</c:v>
                </c:pt>
                <c:pt idx="39">
                  <c:v>143.25016784668</c:v>
                </c:pt>
                <c:pt idx="40">
                  <c:v>150.017654418945</c:v>
                </c:pt>
                <c:pt idx="41">
                  <c:v>138.32583618164099</c:v>
                </c:pt>
                <c:pt idx="42">
                  <c:v>166.13754272460901</c:v>
                </c:pt>
                <c:pt idx="43">
                  <c:v>151.58389282226599</c:v>
                </c:pt>
                <c:pt idx="44">
                  <c:v>150.56265258789099</c:v>
                </c:pt>
                <c:pt idx="45">
                  <c:v>153.49348449707</c:v>
                </c:pt>
                <c:pt idx="46">
                  <c:v>152.65243530273401</c:v>
                </c:pt>
                <c:pt idx="47">
                  <c:v>150.97552490234401</c:v>
                </c:pt>
                <c:pt idx="48">
                  <c:v>150.28875732421901</c:v>
                </c:pt>
                <c:pt idx="49">
                  <c:v>152.85168457031301</c:v>
                </c:pt>
                <c:pt idx="50">
                  <c:v>157.79591369628901</c:v>
                </c:pt>
                <c:pt idx="51">
                  <c:v>142.05604553222699</c:v>
                </c:pt>
                <c:pt idx="52">
                  <c:v>144.65686035156301</c:v>
                </c:pt>
                <c:pt idx="53">
                  <c:v>221.40182495117199</c:v>
                </c:pt>
                <c:pt idx="54">
                  <c:v>259.59762573242199</c:v>
                </c:pt>
                <c:pt idx="55">
                  <c:v>236.61006164550801</c:v>
                </c:pt>
                <c:pt idx="56">
                  <c:v>197.07574462890599</c:v>
                </c:pt>
                <c:pt idx="57">
                  <c:v>216.75192260742199</c:v>
                </c:pt>
                <c:pt idx="58">
                  <c:v>218.14685058593801</c:v>
                </c:pt>
                <c:pt idx="59">
                  <c:v>227.01231384277301</c:v>
                </c:pt>
                <c:pt idx="60">
                  <c:v>201.590576171875</c:v>
                </c:pt>
                <c:pt idx="61">
                  <c:v>196.62261962890599</c:v>
                </c:pt>
                <c:pt idx="62">
                  <c:v>208.84973144531301</c:v>
                </c:pt>
                <c:pt idx="63">
                  <c:v>198.74473571777301</c:v>
                </c:pt>
                <c:pt idx="64">
                  <c:v>215.97491455078099</c:v>
                </c:pt>
                <c:pt idx="65">
                  <c:v>225.40042114257801</c:v>
                </c:pt>
                <c:pt idx="66">
                  <c:v>208.33522033691401</c:v>
                </c:pt>
                <c:pt idx="67">
                  <c:v>205.146408081055</c:v>
                </c:pt>
                <c:pt idx="68">
                  <c:v>210.94024658203099</c:v>
                </c:pt>
                <c:pt idx="69">
                  <c:v>215.51631164550801</c:v>
                </c:pt>
                <c:pt idx="70">
                  <c:v>216.13714599609401</c:v>
                </c:pt>
                <c:pt idx="71">
                  <c:v>236.77899169921901</c:v>
                </c:pt>
                <c:pt idx="72">
                  <c:v>219.84451293945301</c:v>
                </c:pt>
                <c:pt idx="73">
                  <c:v>219.7099609375</c:v>
                </c:pt>
                <c:pt idx="74">
                  <c:v>218.63926696777301</c:v>
                </c:pt>
                <c:pt idx="75">
                  <c:v>225.19418334960901</c:v>
                </c:pt>
                <c:pt idx="76">
                  <c:v>221.43760681152301</c:v>
                </c:pt>
                <c:pt idx="77">
                  <c:v>236.99261474609401</c:v>
                </c:pt>
                <c:pt idx="78">
                  <c:v>241.88813781738301</c:v>
                </c:pt>
                <c:pt idx="79">
                  <c:v>241.46824645996099</c:v>
                </c:pt>
                <c:pt idx="80">
                  <c:v>249.68238830566401</c:v>
                </c:pt>
                <c:pt idx="81">
                  <c:v>244.507247924805</c:v>
                </c:pt>
                <c:pt idx="82">
                  <c:v>270.62243652343801</c:v>
                </c:pt>
                <c:pt idx="83">
                  <c:v>258.27737426757801</c:v>
                </c:pt>
                <c:pt idx="84">
                  <c:v>246.99391174316401</c:v>
                </c:pt>
                <c:pt idx="85">
                  <c:v>246.41769409179699</c:v>
                </c:pt>
                <c:pt idx="86">
                  <c:v>250.98019409179699</c:v>
                </c:pt>
                <c:pt idx="87">
                  <c:v>251.589767456055</c:v>
                </c:pt>
                <c:pt idx="88">
                  <c:v>256.53250122070301</c:v>
                </c:pt>
                <c:pt idx="89">
                  <c:v>268.05221557617199</c:v>
                </c:pt>
                <c:pt idx="90">
                  <c:v>262.48684692382801</c:v>
                </c:pt>
                <c:pt idx="91">
                  <c:v>287.89590454101602</c:v>
                </c:pt>
                <c:pt idx="92">
                  <c:v>260.43591308593801</c:v>
                </c:pt>
                <c:pt idx="93">
                  <c:v>281.13876342773398</c:v>
                </c:pt>
                <c:pt idx="94">
                  <c:v>302.34387207031301</c:v>
                </c:pt>
                <c:pt idx="95">
                  <c:v>288.1494140625</c:v>
                </c:pt>
                <c:pt idx="96">
                  <c:v>309.64889526367199</c:v>
                </c:pt>
                <c:pt idx="97">
                  <c:v>304.83380126953102</c:v>
                </c:pt>
                <c:pt idx="98">
                  <c:v>275.28009033203102</c:v>
                </c:pt>
                <c:pt idx="99">
                  <c:v>296.46896362304699</c:v>
                </c:pt>
                <c:pt idx="100">
                  <c:v>291.37167358398398</c:v>
                </c:pt>
                <c:pt idx="101">
                  <c:v>294.05612182617199</c:v>
                </c:pt>
                <c:pt idx="102">
                  <c:v>298.22604370117199</c:v>
                </c:pt>
                <c:pt idx="103">
                  <c:v>300.32913208007801</c:v>
                </c:pt>
                <c:pt idx="104">
                  <c:v>295.43218994140602</c:v>
                </c:pt>
                <c:pt idx="105">
                  <c:v>298.30731201171898</c:v>
                </c:pt>
                <c:pt idx="106">
                  <c:v>307.90087890625</c:v>
                </c:pt>
                <c:pt idx="107">
                  <c:v>309.85028076171898</c:v>
                </c:pt>
                <c:pt idx="108">
                  <c:v>309.97250366210898</c:v>
                </c:pt>
                <c:pt idx="109">
                  <c:v>317.48370361328102</c:v>
                </c:pt>
                <c:pt idx="110">
                  <c:v>312.85800170898398</c:v>
                </c:pt>
                <c:pt idx="111">
                  <c:v>317.50311279296898</c:v>
                </c:pt>
                <c:pt idx="112">
                  <c:v>325.53662109375</c:v>
                </c:pt>
                <c:pt idx="113">
                  <c:v>322.00735473632801</c:v>
                </c:pt>
                <c:pt idx="114">
                  <c:v>327.180908203125</c:v>
                </c:pt>
                <c:pt idx="115">
                  <c:v>353.52340698242199</c:v>
                </c:pt>
                <c:pt idx="116">
                  <c:v>350.31964111328102</c:v>
                </c:pt>
                <c:pt idx="117">
                  <c:v>370.68634033203102</c:v>
                </c:pt>
                <c:pt idx="118">
                  <c:v>360.87533569335898</c:v>
                </c:pt>
                <c:pt idx="119">
                  <c:v>372.49734497070301</c:v>
                </c:pt>
                <c:pt idx="120">
                  <c:v>357.1328125</c:v>
                </c:pt>
                <c:pt idx="121">
                  <c:v>350.91067504882801</c:v>
                </c:pt>
                <c:pt idx="122">
                  <c:v>347.78375244140602</c:v>
                </c:pt>
                <c:pt idx="123">
                  <c:v>346.41732788085898</c:v>
                </c:pt>
                <c:pt idx="124">
                  <c:v>332.05798339843801</c:v>
                </c:pt>
                <c:pt idx="125">
                  <c:v>338.04803466796898</c:v>
                </c:pt>
                <c:pt idx="126">
                  <c:v>328.77969360351602</c:v>
                </c:pt>
                <c:pt idx="127">
                  <c:v>321.96600341796898</c:v>
                </c:pt>
                <c:pt idx="128">
                  <c:v>324.99359130859398</c:v>
                </c:pt>
                <c:pt idx="129">
                  <c:v>321.02328491210898</c:v>
                </c:pt>
                <c:pt idx="130">
                  <c:v>321.07482910156301</c:v>
                </c:pt>
                <c:pt idx="131">
                  <c:v>318.59640502929699</c:v>
                </c:pt>
                <c:pt idx="132">
                  <c:v>313.94796752929699</c:v>
                </c:pt>
                <c:pt idx="133">
                  <c:v>307.23580932617199</c:v>
                </c:pt>
                <c:pt idx="134">
                  <c:v>301.94110107421898</c:v>
                </c:pt>
                <c:pt idx="135">
                  <c:v>307.51336669921898</c:v>
                </c:pt>
                <c:pt idx="136">
                  <c:v>308.45568847656301</c:v>
                </c:pt>
                <c:pt idx="137">
                  <c:v>319.06982421875</c:v>
                </c:pt>
                <c:pt idx="138">
                  <c:v>343.93127441406301</c:v>
                </c:pt>
                <c:pt idx="139">
                  <c:v>326.41567993164102</c:v>
                </c:pt>
                <c:pt idx="140">
                  <c:v>311.76724243164102</c:v>
                </c:pt>
                <c:pt idx="141">
                  <c:v>303.06808471679699</c:v>
                </c:pt>
                <c:pt idx="142">
                  <c:v>282.75567626953102</c:v>
                </c:pt>
                <c:pt idx="143">
                  <c:v>273.92419433593801</c:v>
                </c:pt>
                <c:pt idx="144">
                  <c:v>266.75</c:v>
                </c:pt>
                <c:pt idx="145">
                  <c:v>266.64321899414102</c:v>
                </c:pt>
                <c:pt idx="146">
                  <c:v>252.30668640136699</c:v>
                </c:pt>
                <c:pt idx="147">
                  <c:v>250.86099243164099</c:v>
                </c:pt>
                <c:pt idx="148">
                  <c:v>256.55163574218801</c:v>
                </c:pt>
                <c:pt idx="149">
                  <c:v>249.83239746093801</c:v>
                </c:pt>
                <c:pt idx="150">
                  <c:v>250.16752624511699</c:v>
                </c:pt>
                <c:pt idx="151">
                  <c:v>244.44889831543</c:v>
                </c:pt>
                <c:pt idx="152">
                  <c:v>241.37440490722699</c:v>
                </c:pt>
                <c:pt idx="153">
                  <c:v>241.46656799316401</c:v>
                </c:pt>
                <c:pt idx="154">
                  <c:v>233.33583068847699</c:v>
                </c:pt>
                <c:pt idx="155">
                  <c:v>230.20103454589801</c:v>
                </c:pt>
                <c:pt idx="156">
                  <c:v>223.34706115722699</c:v>
                </c:pt>
                <c:pt idx="157">
                  <c:v>211.29148864746099</c:v>
                </c:pt>
                <c:pt idx="158">
                  <c:v>219.43399047851599</c:v>
                </c:pt>
                <c:pt idx="159">
                  <c:v>222.56921386718801</c:v>
                </c:pt>
                <c:pt idx="160">
                  <c:v>219.52194213867199</c:v>
                </c:pt>
                <c:pt idx="161">
                  <c:v>223.086837768555</c:v>
                </c:pt>
                <c:pt idx="162">
                  <c:v>215.50721740722699</c:v>
                </c:pt>
                <c:pt idx="163">
                  <c:v>217.35578918457</c:v>
                </c:pt>
                <c:pt idx="164">
                  <c:v>215.24024963378901</c:v>
                </c:pt>
                <c:pt idx="165">
                  <c:v>214.14709472656301</c:v>
                </c:pt>
                <c:pt idx="166">
                  <c:v>209.93246459960901</c:v>
                </c:pt>
                <c:pt idx="167">
                  <c:v>207.23408508300801</c:v>
                </c:pt>
                <c:pt idx="168">
                  <c:v>208.63873291015599</c:v>
                </c:pt>
                <c:pt idx="169">
                  <c:v>198.81147766113301</c:v>
                </c:pt>
                <c:pt idx="170">
                  <c:v>201.66355895996099</c:v>
                </c:pt>
                <c:pt idx="171">
                  <c:v>197.99191284179699</c:v>
                </c:pt>
                <c:pt idx="172">
                  <c:v>191.15194702148401</c:v>
                </c:pt>
                <c:pt idx="173">
                  <c:v>196.07458496093801</c:v>
                </c:pt>
                <c:pt idx="174">
                  <c:v>203.12098693847699</c:v>
                </c:pt>
                <c:pt idx="175">
                  <c:v>201.52659606933599</c:v>
                </c:pt>
                <c:pt idx="176">
                  <c:v>202.46723937988301</c:v>
                </c:pt>
                <c:pt idx="177">
                  <c:v>199.28266906738301</c:v>
                </c:pt>
                <c:pt idx="178">
                  <c:v>191.63807678222699</c:v>
                </c:pt>
                <c:pt idx="179">
                  <c:v>186.47085571289099</c:v>
                </c:pt>
                <c:pt idx="180">
                  <c:v>192.42425537109401</c:v>
                </c:pt>
                <c:pt idx="181">
                  <c:v>177.63604736328099</c:v>
                </c:pt>
                <c:pt idx="182">
                  <c:v>162.21600341796901</c:v>
                </c:pt>
                <c:pt idx="183">
                  <c:v>174.44950866699199</c:v>
                </c:pt>
                <c:pt idx="184">
                  <c:v>168.14927673339801</c:v>
                </c:pt>
                <c:pt idx="185">
                  <c:v>163.84030151367199</c:v>
                </c:pt>
                <c:pt idx="186">
                  <c:v>159.01744079589801</c:v>
                </c:pt>
                <c:pt idx="187">
                  <c:v>164.13955688476599</c:v>
                </c:pt>
                <c:pt idx="188">
                  <c:v>156.68417358398401</c:v>
                </c:pt>
                <c:pt idx="189">
                  <c:v>157.064865112305</c:v>
                </c:pt>
                <c:pt idx="190">
                  <c:v>152.16374206543</c:v>
                </c:pt>
                <c:pt idx="191">
                  <c:v>155.41961669921901</c:v>
                </c:pt>
                <c:pt idx="192">
                  <c:v>157.81832885742199</c:v>
                </c:pt>
                <c:pt idx="193">
                  <c:v>150.10298156738301</c:v>
                </c:pt>
                <c:pt idx="194">
                  <c:v>143.27403259277301</c:v>
                </c:pt>
                <c:pt idx="195">
                  <c:v>134.01490783691401</c:v>
                </c:pt>
                <c:pt idx="196">
                  <c:v>134.91567993164099</c:v>
                </c:pt>
                <c:pt idx="197">
                  <c:v>125.24991607666</c:v>
                </c:pt>
                <c:pt idx="198">
                  <c:v>137.52540588378901</c:v>
                </c:pt>
                <c:pt idx="199">
                  <c:v>140.97642517089801</c:v>
                </c:pt>
                <c:pt idx="200">
                  <c:v>118.55320739746099</c:v>
                </c:pt>
                <c:pt idx="201">
                  <c:v>115.85480499267599</c:v>
                </c:pt>
                <c:pt idx="202">
                  <c:v>108.543663024902</c:v>
                </c:pt>
                <c:pt idx="203">
                  <c:v>114.292526245117</c:v>
                </c:pt>
                <c:pt idx="204">
                  <c:v>118.505668640137</c:v>
                </c:pt>
                <c:pt idx="205">
                  <c:v>119.732040405273</c:v>
                </c:pt>
                <c:pt idx="206">
                  <c:v>118.28497314453099</c:v>
                </c:pt>
                <c:pt idx="207">
                  <c:v>117.307914733887</c:v>
                </c:pt>
                <c:pt idx="208">
                  <c:v>112.471328735352</c:v>
                </c:pt>
                <c:pt idx="209">
                  <c:v>114.969131469727</c:v>
                </c:pt>
                <c:pt idx="210">
                  <c:v>99.043701171875</c:v>
                </c:pt>
                <c:pt idx="211">
                  <c:v>99.780601501464801</c:v>
                </c:pt>
                <c:pt idx="212">
                  <c:v>65.537452697753906</c:v>
                </c:pt>
                <c:pt idx="213">
                  <c:v>69.122589111328097</c:v>
                </c:pt>
                <c:pt idx="214">
                  <c:v>69.673423767089801</c:v>
                </c:pt>
                <c:pt idx="215">
                  <c:v>72.262931823730497</c:v>
                </c:pt>
                <c:pt idx="216">
                  <c:v>79.281028747558594</c:v>
                </c:pt>
                <c:pt idx="217">
                  <c:v>76.3160400390625</c:v>
                </c:pt>
                <c:pt idx="218">
                  <c:v>75.850227355957003</c:v>
                </c:pt>
                <c:pt idx="219">
                  <c:v>72.713394165039105</c:v>
                </c:pt>
                <c:pt idx="220">
                  <c:v>67.790641784667997</c:v>
                </c:pt>
                <c:pt idx="221">
                  <c:v>62.882274627685497</c:v>
                </c:pt>
                <c:pt idx="222">
                  <c:v>60.313529968261697</c:v>
                </c:pt>
                <c:pt idx="223">
                  <c:v>57.055461883544901</c:v>
                </c:pt>
                <c:pt idx="224">
                  <c:v>56.7811889648438</c:v>
                </c:pt>
                <c:pt idx="225">
                  <c:v>58.655086517333999</c:v>
                </c:pt>
                <c:pt idx="226">
                  <c:v>54.588954925537102</c:v>
                </c:pt>
                <c:pt idx="227">
                  <c:v>56.0074272155762</c:v>
                </c:pt>
                <c:pt idx="228">
                  <c:v>51.144405364990199</c:v>
                </c:pt>
                <c:pt idx="229">
                  <c:v>30.9648361206055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D809-4C21-A8C1-953A7BBB6C89}"/>
            </c:ext>
          </c:extLst>
        </c:ser>
        <c:ser>
          <c:idx val="8"/>
          <c:order val="5"/>
          <c:tx>
            <c:v>34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>
                  <a:lumMod val="60000"/>
                </a:schemeClr>
              </a:solidFill>
              <a:ln w="9525">
                <a:solidFill>
                  <a:schemeClr val="accent3">
                    <a:lumMod val="60000"/>
                  </a:schemeClr>
                </a:solidFill>
              </a:ln>
              <a:effectLst/>
            </c:spPr>
          </c:marker>
          <c:xVal>
            <c:numRef>
              <c:f>_27_01_bss_1_3_thixotropy_5_1_r!$F$2:$F$231</c:f>
              <c:numCache>
                <c:formatCode>General</c:formatCode>
                <c:ptCount val="230"/>
                <c:pt idx="0">
                  <c:v>0.92746990919113204</c:v>
                </c:pt>
                <c:pt idx="1">
                  <c:v>1.9263508319854701</c:v>
                </c:pt>
                <c:pt idx="2">
                  <c:v>2.9294867515564</c:v>
                </c:pt>
                <c:pt idx="3">
                  <c:v>3.9254999160766602</c:v>
                </c:pt>
                <c:pt idx="4">
                  <c:v>4.9271521568298304</c:v>
                </c:pt>
                <c:pt idx="5">
                  <c:v>5.9281988143920898</c:v>
                </c:pt>
                <c:pt idx="6">
                  <c:v>6.9261608123779297</c:v>
                </c:pt>
                <c:pt idx="7">
                  <c:v>7.9247994422912598</c:v>
                </c:pt>
                <c:pt idx="8">
                  <c:v>8.9291582107543892</c:v>
                </c:pt>
                <c:pt idx="9">
                  <c:v>9.9269618988037092</c:v>
                </c:pt>
                <c:pt idx="10">
                  <c:v>10.9275369644165</c:v>
                </c:pt>
                <c:pt idx="11">
                  <c:v>11.9258527755737</c:v>
                </c:pt>
                <c:pt idx="12">
                  <c:v>12.9248647689819</c:v>
                </c:pt>
                <c:pt idx="13">
                  <c:v>13.927141189575201</c:v>
                </c:pt>
                <c:pt idx="14">
                  <c:v>14.9267492294312</c:v>
                </c:pt>
                <c:pt idx="15">
                  <c:v>15.929573059081999</c:v>
                </c:pt>
                <c:pt idx="16">
                  <c:v>16.929315567016602</c:v>
                </c:pt>
                <c:pt idx="17">
                  <c:v>17.928138732910199</c:v>
                </c:pt>
                <c:pt idx="18">
                  <c:v>18.929069519043001</c:v>
                </c:pt>
                <c:pt idx="19">
                  <c:v>19.928846359252901</c:v>
                </c:pt>
                <c:pt idx="20">
                  <c:v>20.928342819213899</c:v>
                </c:pt>
                <c:pt idx="21">
                  <c:v>21.927986145019499</c:v>
                </c:pt>
                <c:pt idx="22">
                  <c:v>22.927978515625</c:v>
                </c:pt>
                <c:pt idx="23">
                  <c:v>23.9278678894043</c:v>
                </c:pt>
                <c:pt idx="24">
                  <c:v>24.927385330200199</c:v>
                </c:pt>
                <c:pt idx="25">
                  <c:v>25.927171707153299</c:v>
                </c:pt>
                <c:pt idx="26">
                  <c:v>26.926836013793899</c:v>
                </c:pt>
                <c:pt idx="27">
                  <c:v>27.9267063140869</c:v>
                </c:pt>
                <c:pt idx="28">
                  <c:v>28.926446914672901</c:v>
                </c:pt>
                <c:pt idx="29">
                  <c:v>29.9261074066162</c:v>
                </c:pt>
                <c:pt idx="30">
                  <c:v>30.925786972045898</c:v>
                </c:pt>
                <c:pt idx="31">
                  <c:v>31.9256896972656</c:v>
                </c:pt>
                <c:pt idx="32">
                  <c:v>32.925548553466797</c:v>
                </c:pt>
                <c:pt idx="33">
                  <c:v>33.925224304199197</c:v>
                </c:pt>
                <c:pt idx="34">
                  <c:v>34.924922943115199</c:v>
                </c:pt>
                <c:pt idx="35">
                  <c:v>35.924758911132798</c:v>
                </c:pt>
                <c:pt idx="36">
                  <c:v>36.924514770507798</c:v>
                </c:pt>
                <c:pt idx="37">
                  <c:v>37.923812866210902</c:v>
                </c:pt>
                <c:pt idx="38">
                  <c:v>38.924076080322301</c:v>
                </c:pt>
                <c:pt idx="39">
                  <c:v>39.923618316650398</c:v>
                </c:pt>
                <c:pt idx="40">
                  <c:v>40.923313140869098</c:v>
                </c:pt>
                <c:pt idx="41">
                  <c:v>41.923255920410199</c:v>
                </c:pt>
                <c:pt idx="42">
                  <c:v>42.922985076904297</c:v>
                </c:pt>
                <c:pt idx="43">
                  <c:v>43.922679901122997</c:v>
                </c:pt>
                <c:pt idx="44">
                  <c:v>44.922519683837898</c:v>
                </c:pt>
                <c:pt idx="45">
                  <c:v>45.921962738037102</c:v>
                </c:pt>
                <c:pt idx="46">
                  <c:v>46.921974182128899</c:v>
                </c:pt>
                <c:pt idx="47">
                  <c:v>47.921848297119098</c:v>
                </c:pt>
                <c:pt idx="48">
                  <c:v>48.921581268310497</c:v>
                </c:pt>
                <c:pt idx="49">
                  <c:v>49.921382904052699</c:v>
                </c:pt>
                <c:pt idx="50">
                  <c:v>50.9210205078125</c:v>
                </c:pt>
                <c:pt idx="51">
                  <c:v>51.920719146728501</c:v>
                </c:pt>
                <c:pt idx="52">
                  <c:v>52.920608520507798</c:v>
                </c:pt>
                <c:pt idx="53">
                  <c:v>53.920452117919901</c:v>
                </c:pt>
                <c:pt idx="54">
                  <c:v>54.920120239257798</c:v>
                </c:pt>
                <c:pt idx="55">
                  <c:v>55.920120239257798</c:v>
                </c:pt>
                <c:pt idx="56">
                  <c:v>56.919620513916001</c:v>
                </c:pt>
                <c:pt idx="57">
                  <c:v>57.919296264648402</c:v>
                </c:pt>
                <c:pt idx="58">
                  <c:v>58.9191703796387</c:v>
                </c:pt>
                <c:pt idx="59">
                  <c:v>59.918872833252003</c:v>
                </c:pt>
                <c:pt idx="60">
                  <c:v>60.918567657470703</c:v>
                </c:pt>
                <c:pt idx="61">
                  <c:v>61.918384552002003</c:v>
                </c:pt>
                <c:pt idx="62">
                  <c:v>62.918167114257798</c:v>
                </c:pt>
                <c:pt idx="63">
                  <c:v>63.917877197265597</c:v>
                </c:pt>
                <c:pt idx="64">
                  <c:v>64.917755126953097</c:v>
                </c:pt>
                <c:pt idx="65">
                  <c:v>65.917419433593807</c:v>
                </c:pt>
                <c:pt idx="66">
                  <c:v>66.917121887207003</c:v>
                </c:pt>
                <c:pt idx="67">
                  <c:v>67.916976928710895</c:v>
                </c:pt>
                <c:pt idx="68">
                  <c:v>68.916755676269503</c:v>
                </c:pt>
                <c:pt idx="69">
                  <c:v>69.916564941406307</c:v>
                </c:pt>
                <c:pt idx="70">
                  <c:v>70.915954589843807</c:v>
                </c:pt>
                <c:pt idx="71">
                  <c:v>71.915885925292997</c:v>
                </c:pt>
                <c:pt idx="72">
                  <c:v>72.915954589843807</c:v>
                </c:pt>
                <c:pt idx="73">
                  <c:v>73.915519714355497</c:v>
                </c:pt>
                <c:pt idx="74">
                  <c:v>74.915328979492202</c:v>
                </c:pt>
                <c:pt idx="75">
                  <c:v>75.914932250976605</c:v>
                </c:pt>
                <c:pt idx="76">
                  <c:v>76.914642333984403</c:v>
                </c:pt>
                <c:pt idx="77">
                  <c:v>77.914482116699205</c:v>
                </c:pt>
                <c:pt idx="78">
                  <c:v>78.914199829101605</c:v>
                </c:pt>
                <c:pt idx="79">
                  <c:v>79.914016723632798</c:v>
                </c:pt>
                <c:pt idx="80">
                  <c:v>80.913711547851605</c:v>
                </c:pt>
                <c:pt idx="81">
                  <c:v>81.913436889648395</c:v>
                </c:pt>
                <c:pt idx="82">
                  <c:v>82.913307189941406</c:v>
                </c:pt>
                <c:pt idx="83">
                  <c:v>83.913040161132798</c:v>
                </c:pt>
                <c:pt idx="84">
                  <c:v>84.912704467773395</c:v>
                </c:pt>
                <c:pt idx="85">
                  <c:v>85.912490844726605</c:v>
                </c:pt>
                <c:pt idx="86">
                  <c:v>86.912300109863295</c:v>
                </c:pt>
                <c:pt idx="87">
                  <c:v>87.911956787109403</c:v>
                </c:pt>
                <c:pt idx="88">
                  <c:v>88.911720275878906</c:v>
                </c:pt>
                <c:pt idx="89">
                  <c:v>89.911590576171903</c:v>
                </c:pt>
                <c:pt idx="90">
                  <c:v>90.911033630371094</c:v>
                </c:pt>
                <c:pt idx="91">
                  <c:v>91.911392211914105</c:v>
                </c:pt>
                <c:pt idx="92">
                  <c:v>92.910713195800795</c:v>
                </c:pt>
                <c:pt idx="93">
                  <c:v>93.910774230957003</c:v>
                </c:pt>
                <c:pt idx="94">
                  <c:v>94.910606384277301</c:v>
                </c:pt>
                <c:pt idx="95">
                  <c:v>95.9100341796875</c:v>
                </c:pt>
                <c:pt idx="96">
                  <c:v>96.909957885742202</c:v>
                </c:pt>
                <c:pt idx="97">
                  <c:v>97.909599304199205</c:v>
                </c:pt>
                <c:pt idx="98">
                  <c:v>98.909469604492202</c:v>
                </c:pt>
                <c:pt idx="99">
                  <c:v>99.909149169921903</c:v>
                </c:pt>
                <c:pt idx="100">
                  <c:v>9.9998235702514595</c:v>
                </c:pt>
                <c:pt idx="101">
                  <c:v>10.0002136230469</c:v>
                </c:pt>
                <c:pt idx="102">
                  <c:v>10.0000553131104</c:v>
                </c:pt>
                <c:pt idx="103">
                  <c:v>9.9998998641967791</c:v>
                </c:pt>
                <c:pt idx="104">
                  <c:v>9.9998989105224592</c:v>
                </c:pt>
                <c:pt idx="105">
                  <c:v>9.9999074935913104</c:v>
                </c:pt>
                <c:pt idx="106">
                  <c:v>10.000013351440399</c:v>
                </c:pt>
                <c:pt idx="107">
                  <c:v>9.9998493194580096</c:v>
                </c:pt>
                <c:pt idx="108">
                  <c:v>10.0000953674316</c:v>
                </c:pt>
                <c:pt idx="109">
                  <c:v>10.000080108642599</c:v>
                </c:pt>
                <c:pt idx="110">
                  <c:v>9.9999790191650408</c:v>
                </c:pt>
                <c:pt idx="111">
                  <c:v>10.0000057220459</c:v>
                </c:pt>
                <c:pt idx="112">
                  <c:v>9.99993991851807</c:v>
                </c:pt>
                <c:pt idx="113">
                  <c:v>10.0002098083496</c:v>
                </c:pt>
                <c:pt idx="114">
                  <c:v>10.000036239624</c:v>
                </c:pt>
                <c:pt idx="115">
                  <c:v>9.9998569488525408</c:v>
                </c:pt>
                <c:pt idx="116">
                  <c:v>9.9999561309814506</c:v>
                </c:pt>
                <c:pt idx="117">
                  <c:v>9.9996814727783203</c:v>
                </c:pt>
                <c:pt idx="118">
                  <c:v>9.9998846054077095</c:v>
                </c:pt>
                <c:pt idx="119">
                  <c:v>10.0004940032959</c:v>
                </c:pt>
                <c:pt idx="120">
                  <c:v>9.9999217987060494</c:v>
                </c:pt>
                <c:pt idx="121">
                  <c:v>10.000313758850099</c:v>
                </c:pt>
                <c:pt idx="122">
                  <c:v>10.0003757476807</c:v>
                </c:pt>
                <c:pt idx="123">
                  <c:v>9.9995050430297905</c:v>
                </c:pt>
                <c:pt idx="124">
                  <c:v>9.9999094009399396</c:v>
                </c:pt>
                <c:pt idx="125">
                  <c:v>10.000500679016101</c:v>
                </c:pt>
                <c:pt idx="126">
                  <c:v>10.000328063964799</c:v>
                </c:pt>
                <c:pt idx="127">
                  <c:v>9.9997653961181605</c:v>
                </c:pt>
                <c:pt idx="128">
                  <c:v>10.0007619857788</c:v>
                </c:pt>
                <c:pt idx="129">
                  <c:v>9.9990234375</c:v>
                </c:pt>
                <c:pt idx="130">
                  <c:v>99.074867248535199</c:v>
                </c:pt>
                <c:pt idx="131">
                  <c:v>98.072578430175795</c:v>
                </c:pt>
                <c:pt idx="132">
                  <c:v>97.073051452636705</c:v>
                </c:pt>
                <c:pt idx="133">
                  <c:v>96.0731201171875</c:v>
                </c:pt>
                <c:pt idx="134">
                  <c:v>95.076057434082003</c:v>
                </c:pt>
                <c:pt idx="135">
                  <c:v>94.076972961425795</c:v>
                </c:pt>
                <c:pt idx="136">
                  <c:v>93.074447631835895</c:v>
                </c:pt>
                <c:pt idx="137">
                  <c:v>92.0750732421875</c:v>
                </c:pt>
                <c:pt idx="138">
                  <c:v>91.074562072753906</c:v>
                </c:pt>
                <c:pt idx="139">
                  <c:v>90.078018188476605</c:v>
                </c:pt>
                <c:pt idx="140">
                  <c:v>89.078697204589801</c:v>
                </c:pt>
                <c:pt idx="141">
                  <c:v>88.075027465820298</c:v>
                </c:pt>
                <c:pt idx="142">
                  <c:v>87.074714660644503</c:v>
                </c:pt>
                <c:pt idx="143">
                  <c:v>86.078292846679702</c:v>
                </c:pt>
                <c:pt idx="144">
                  <c:v>85.078483581542997</c:v>
                </c:pt>
                <c:pt idx="145">
                  <c:v>84.079132080078097</c:v>
                </c:pt>
                <c:pt idx="146">
                  <c:v>83.076843261718807</c:v>
                </c:pt>
                <c:pt idx="147">
                  <c:v>82.079277038574205</c:v>
                </c:pt>
                <c:pt idx="148">
                  <c:v>81.076095581054702</c:v>
                </c:pt>
                <c:pt idx="149">
                  <c:v>80.077354431152301</c:v>
                </c:pt>
                <c:pt idx="150">
                  <c:v>79.077590942382798</c:v>
                </c:pt>
                <c:pt idx="151">
                  <c:v>78.077598571777301</c:v>
                </c:pt>
                <c:pt idx="152">
                  <c:v>77.078056335449205</c:v>
                </c:pt>
                <c:pt idx="153">
                  <c:v>76.077659606933594</c:v>
                </c:pt>
                <c:pt idx="154">
                  <c:v>75.078338623046903</c:v>
                </c:pt>
                <c:pt idx="155">
                  <c:v>74.079093933105497</c:v>
                </c:pt>
                <c:pt idx="156">
                  <c:v>73.07470703125</c:v>
                </c:pt>
                <c:pt idx="157">
                  <c:v>72.079795837402301</c:v>
                </c:pt>
                <c:pt idx="158">
                  <c:v>71.079750061035199</c:v>
                </c:pt>
                <c:pt idx="159">
                  <c:v>70.079742431640597</c:v>
                </c:pt>
                <c:pt idx="160">
                  <c:v>69.079978942871094</c:v>
                </c:pt>
                <c:pt idx="161">
                  <c:v>68.080215454101605</c:v>
                </c:pt>
                <c:pt idx="162">
                  <c:v>67.080322265625</c:v>
                </c:pt>
                <c:pt idx="163">
                  <c:v>66.080650329589801</c:v>
                </c:pt>
                <c:pt idx="164">
                  <c:v>65.080894470214801</c:v>
                </c:pt>
                <c:pt idx="165">
                  <c:v>64.081130981445298</c:v>
                </c:pt>
                <c:pt idx="166">
                  <c:v>63.081325531005902</c:v>
                </c:pt>
                <c:pt idx="167">
                  <c:v>62.081703186035199</c:v>
                </c:pt>
                <c:pt idx="168">
                  <c:v>61.082004547119098</c:v>
                </c:pt>
                <c:pt idx="169">
                  <c:v>60.082073211669901</c:v>
                </c:pt>
                <c:pt idx="170">
                  <c:v>59.082374572753899</c:v>
                </c:pt>
                <c:pt idx="171">
                  <c:v>58.082557678222699</c:v>
                </c:pt>
                <c:pt idx="172">
                  <c:v>57.082790374755902</c:v>
                </c:pt>
                <c:pt idx="173">
                  <c:v>56.083118438720703</c:v>
                </c:pt>
                <c:pt idx="174">
                  <c:v>55.083263397216797</c:v>
                </c:pt>
                <c:pt idx="175">
                  <c:v>54.0837211608887</c:v>
                </c:pt>
                <c:pt idx="176">
                  <c:v>53.083770751953097</c:v>
                </c:pt>
                <c:pt idx="177">
                  <c:v>52.084220886230497</c:v>
                </c:pt>
                <c:pt idx="178">
                  <c:v>51.084255218505902</c:v>
                </c:pt>
                <c:pt idx="179">
                  <c:v>50.0845756530762</c:v>
                </c:pt>
                <c:pt idx="180">
                  <c:v>49.0848197937012</c:v>
                </c:pt>
                <c:pt idx="181">
                  <c:v>48.084716796875</c:v>
                </c:pt>
                <c:pt idx="182">
                  <c:v>47.085056304931598</c:v>
                </c:pt>
                <c:pt idx="183">
                  <c:v>46.085147857666001</c:v>
                </c:pt>
                <c:pt idx="184">
                  <c:v>45.085891723632798</c:v>
                </c:pt>
                <c:pt idx="185">
                  <c:v>44.086032867431598</c:v>
                </c:pt>
                <c:pt idx="186">
                  <c:v>43.085762023925803</c:v>
                </c:pt>
                <c:pt idx="187">
                  <c:v>42.086582183837898</c:v>
                </c:pt>
                <c:pt idx="188">
                  <c:v>41.086864471435497</c:v>
                </c:pt>
                <c:pt idx="189">
                  <c:v>40.087043762207003</c:v>
                </c:pt>
                <c:pt idx="190">
                  <c:v>39.0871772766113</c:v>
                </c:pt>
                <c:pt idx="191">
                  <c:v>38.087356567382798</c:v>
                </c:pt>
                <c:pt idx="192">
                  <c:v>37.0879936218262</c:v>
                </c:pt>
                <c:pt idx="193">
                  <c:v>36.088138580322301</c:v>
                </c:pt>
                <c:pt idx="194">
                  <c:v>35.088283538818402</c:v>
                </c:pt>
                <c:pt idx="195">
                  <c:v>34.088504791259801</c:v>
                </c:pt>
                <c:pt idx="196">
                  <c:v>33.088722229003899</c:v>
                </c:pt>
                <c:pt idx="197">
                  <c:v>32.088737487792997</c:v>
                </c:pt>
                <c:pt idx="198">
                  <c:v>31.089210510253899</c:v>
                </c:pt>
                <c:pt idx="199">
                  <c:v>30.089490890502901</c:v>
                </c:pt>
                <c:pt idx="200">
                  <c:v>29.089912414550799</c:v>
                </c:pt>
                <c:pt idx="201">
                  <c:v>28.089931488037099</c:v>
                </c:pt>
                <c:pt idx="202">
                  <c:v>27.0901699066162</c:v>
                </c:pt>
                <c:pt idx="203">
                  <c:v>26.0903835296631</c:v>
                </c:pt>
                <c:pt idx="204">
                  <c:v>25.090610504150401</c:v>
                </c:pt>
                <c:pt idx="205">
                  <c:v>24.090980529785199</c:v>
                </c:pt>
                <c:pt idx="206">
                  <c:v>23.0911159515381</c:v>
                </c:pt>
                <c:pt idx="207">
                  <c:v>22.091373443603501</c:v>
                </c:pt>
                <c:pt idx="208">
                  <c:v>21.091596603393601</c:v>
                </c:pt>
                <c:pt idx="209">
                  <c:v>20.091789245605501</c:v>
                </c:pt>
                <c:pt idx="210">
                  <c:v>19.092149734497099</c:v>
                </c:pt>
                <c:pt idx="211">
                  <c:v>18.092290878295898</c:v>
                </c:pt>
                <c:pt idx="212">
                  <c:v>17.092571258544901</c:v>
                </c:pt>
                <c:pt idx="213">
                  <c:v>16.092891693115199</c:v>
                </c:pt>
                <c:pt idx="214">
                  <c:v>15.092775344848601</c:v>
                </c:pt>
                <c:pt idx="215">
                  <c:v>14.092614173889199</c:v>
                </c:pt>
                <c:pt idx="216">
                  <c:v>13.0926570892334</c:v>
                </c:pt>
                <c:pt idx="217">
                  <c:v>12.092460632324199</c:v>
                </c:pt>
                <c:pt idx="218">
                  <c:v>11.0924644470215</c:v>
                </c:pt>
                <c:pt idx="219">
                  <c:v>10.0923051834106</c:v>
                </c:pt>
                <c:pt idx="220">
                  <c:v>9.0921173095703107</c:v>
                </c:pt>
                <c:pt idx="221">
                  <c:v>8.0919857025146502</c:v>
                </c:pt>
                <c:pt idx="222">
                  <c:v>7.0920114517211896</c:v>
                </c:pt>
                <c:pt idx="223">
                  <c:v>6.09216213226318</c:v>
                </c:pt>
                <c:pt idx="224">
                  <c:v>5.0921382904052699</c:v>
                </c:pt>
                <c:pt idx="225">
                  <c:v>4.0923447608947798</c:v>
                </c:pt>
                <c:pt idx="226">
                  <c:v>3.09224605560303</c:v>
                </c:pt>
                <c:pt idx="227">
                  <c:v>2.0923087596893302</c:v>
                </c:pt>
                <c:pt idx="228">
                  <c:v>1.09219741821289</c:v>
                </c:pt>
                <c:pt idx="229">
                  <c:v>9.2362508177757305E-2</c:v>
                </c:pt>
              </c:numCache>
            </c:numRef>
          </c:xVal>
          <c:yVal>
            <c:numRef>
              <c:f>_27_01_bss_1_3_thixotropy_5_1_r!$D$2:$D$231</c:f>
              <c:numCache>
                <c:formatCode>General</c:formatCode>
                <c:ptCount val="230"/>
                <c:pt idx="0">
                  <c:v>2633.76538085938</c:v>
                </c:pt>
                <c:pt idx="1">
                  <c:v>1693.02429199219</c:v>
                </c:pt>
                <c:pt idx="2">
                  <c:v>1227.8583984375</c:v>
                </c:pt>
                <c:pt idx="3">
                  <c:v>1027.61877441406</c:v>
                </c:pt>
                <c:pt idx="4">
                  <c:v>973.681640625</c:v>
                </c:pt>
                <c:pt idx="5">
                  <c:v>940.70538330078102</c:v>
                </c:pt>
                <c:pt idx="6">
                  <c:v>940.24914550781295</c:v>
                </c:pt>
                <c:pt idx="7">
                  <c:v>817.96661376953102</c:v>
                </c:pt>
                <c:pt idx="8">
                  <c:v>654.68084716796898</c:v>
                </c:pt>
                <c:pt idx="9">
                  <c:v>439.97540283203102</c:v>
                </c:pt>
                <c:pt idx="10">
                  <c:v>329.78924560546898</c:v>
                </c:pt>
                <c:pt idx="11">
                  <c:v>275.94610595703102</c:v>
                </c:pt>
                <c:pt idx="12">
                  <c:v>300.29086303710898</c:v>
                </c:pt>
                <c:pt idx="13">
                  <c:v>281.79690551757801</c:v>
                </c:pt>
                <c:pt idx="14">
                  <c:v>261.57360839843801</c:v>
                </c:pt>
                <c:pt idx="15">
                  <c:v>234.98208618164099</c:v>
                </c:pt>
                <c:pt idx="16">
                  <c:v>215.54087829589801</c:v>
                </c:pt>
                <c:pt idx="17">
                  <c:v>212.05113220214801</c:v>
                </c:pt>
                <c:pt idx="18">
                  <c:v>219.69422912597699</c:v>
                </c:pt>
                <c:pt idx="19">
                  <c:v>195.58985900878901</c:v>
                </c:pt>
                <c:pt idx="20">
                  <c:v>181.75172424316401</c:v>
                </c:pt>
                <c:pt idx="21">
                  <c:v>187.55522155761699</c:v>
                </c:pt>
                <c:pt idx="22">
                  <c:v>176.63552856445301</c:v>
                </c:pt>
                <c:pt idx="23">
                  <c:v>157.24450683593801</c:v>
                </c:pt>
                <c:pt idx="24">
                  <c:v>144.605392456055</c:v>
                </c:pt>
                <c:pt idx="25">
                  <c:v>133.92639160156301</c:v>
                </c:pt>
                <c:pt idx="26">
                  <c:v>139.08030700683599</c:v>
                </c:pt>
                <c:pt idx="27">
                  <c:v>115.30754852294901</c:v>
                </c:pt>
                <c:pt idx="28">
                  <c:v>107.001106262207</c:v>
                </c:pt>
                <c:pt idx="29">
                  <c:v>103.454582214355</c:v>
                </c:pt>
                <c:pt idx="30">
                  <c:v>106.960655212402</c:v>
                </c:pt>
                <c:pt idx="31">
                  <c:v>86.0830078125</c:v>
                </c:pt>
                <c:pt idx="32">
                  <c:v>81.150970458984403</c:v>
                </c:pt>
                <c:pt idx="33">
                  <c:v>86.501190185546903</c:v>
                </c:pt>
                <c:pt idx="34">
                  <c:v>87.951644897460895</c:v>
                </c:pt>
                <c:pt idx="35">
                  <c:v>80.940124511718807</c:v>
                </c:pt>
                <c:pt idx="36">
                  <c:v>79.12890625</c:v>
                </c:pt>
                <c:pt idx="37">
                  <c:v>136.00112915039099</c:v>
                </c:pt>
                <c:pt idx="38">
                  <c:v>123.28997039794901</c:v>
                </c:pt>
                <c:pt idx="39">
                  <c:v>113.632781982422</c:v>
                </c:pt>
                <c:pt idx="40">
                  <c:v>104.114608764648</c:v>
                </c:pt>
                <c:pt idx="41">
                  <c:v>88.328811645507798</c:v>
                </c:pt>
                <c:pt idx="42">
                  <c:v>84.748558044433594</c:v>
                </c:pt>
                <c:pt idx="43">
                  <c:v>83.050773620605497</c:v>
                </c:pt>
                <c:pt idx="44">
                  <c:v>84.454627990722699</c:v>
                </c:pt>
                <c:pt idx="45">
                  <c:v>94.726524353027301</c:v>
                </c:pt>
                <c:pt idx="46">
                  <c:v>80.462585449218807</c:v>
                </c:pt>
                <c:pt idx="47">
                  <c:v>90.035591125488295</c:v>
                </c:pt>
                <c:pt idx="48">
                  <c:v>84.4200439453125</c:v>
                </c:pt>
                <c:pt idx="49">
                  <c:v>65.071678161621094</c:v>
                </c:pt>
                <c:pt idx="50">
                  <c:v>59.708709716796903</c:v>
                </c:pt>
                <c:pt idx="51">
                  <c:v>68.352394104003906</c:v>
                </c:pt>
                <c:pt idx="52">
                  <c:v>65.027877807617202</c:v>
                </c:pt>
                <c:pt idx="53">
                  <c:v>66.237838745117202</c:v>
                </c:pt>
                <c:pt idx="54">
                  <c:v>65.187782287597699</c:v>
                </c:pt>
                <c:pt idx="55">
                  <c:v>63.916469573974602</c:v>
                </c:pt>
                <c:pt idx="56">
                  <c:v>67.281410217285199</c:v>
                </c:pt>
                <c:pt idx="57">
                  <c:v>87.677619934082003</c:v>
                </c:pt>
                <c:pt idx="58">
                  <c:v>102.65972900390599</c:v>
                </c:pt>
                <c:pt idx="59">
                  <c:v>90.531082153320298</c:v>
                </c:pt>
                <c:pt idx="60">
                  <c:v>102.85500335693401</c:v>
                </c:pt>
                <c:pt idx="61">
                  <c:v>106.778114318848</c:v>
                </c:pt>
                <c:pt idx="62">
                  <c:v>102.983016967773</c:v>
                </c:pt>
                <c:pt idx="63">
                  <c:v>106.05816650390599</c:v>
                </c:pt>
                <c:pt idx="64">
                  <c:v>86.224258422851605</c:v>
                </c:pt>
                <c:pt idx="65">
                  <c:v>73.383590698242202</c:v>
                </c:pt>
                <c:pt idx="66">
                  <c:v>66.853874206542997</c:v>
                </c:pt>
                <c:pt idx="67">
                  <c:v>64.761604309082003</c:v>
                </c:pt>
                <c:pt idx="68">
                  <c:v>67.862815856933594</c:v>
                </c:pt>
                <c:pt idx="69">
                  <c:v>58.084354400634801</c:v>
                </c:pt>
                <c:pt idx="70">
                  <c:v>61.242752075195298</c:v>
                </c:pt>
                <c:pt idx="71">
                  <c:v>75.052513122558594</c:v>
                </c:pt>
                <c:pt idx="72">
                  <c:v>69.573844909667997</c:v>
                </c:pt>
                <c:pt idx="73">
                  <c:v>62.830493927002003</c:v>
                </c:pt>
                <c:pt idx="74">
                  <c:v>71.051719665527301</c:v>
                </c:pt>
                <c:pt idx="75">
                  <c:v>56.046558380127003</c:v>
                </c:pt>
                <c:pt idx="76">
                  <c:v>55.914993286132798</c:v>
                </c:pt>
                <c:pt idx="77">
                  <c:v>55.244144439697301</c:v>
                </c:pt>
                <c:pt idx="78">
                  <c:v>50.663379669189503</c:v>
                </c:pt>
                <c:pt idx="79">
                  <c:v>47.284248352050803</c:v>
                </c:pt>
                <c:pt idx="80">
                  <c:v>51.449466705322301</c:v>
                </c:pt>
                <c:pt idx="81">
                  <c:v>50.698623657226598</c:v>
                </c:pt>
                <c:pt idx="82">
                  <c:v>49.537776947021499</c:v>
                </c:pt>
                <c:pt idx="83">
                  <c:v>47.448799133300803</c:v>
                </c:pt>
                <c:pt idx="84">
                  <c:v>47.3089408874512</c:v>
                </c:pt>
                <c:pt idx="85">
                  <c:v>49.630458831787102</c:v>
                </c:pt>
                <c:pt idx="86">
                  <c:v>47.159194946289098</c:v>
                </c:pt>
                <c:pt idx="87">
                  <c:v>51.509685516357401</c:v>
                </c:pt>
                <c:pt idx="88">
                  <c:v>51.3727416992188</c:v>
                </c:pt>
                <c:pt idx="89">
                  <c:v>59.039196014404297</c:v>
                </c:pt>
                <c:pt idx="90">
                  <c:v>79.519515991210895</c:v>
                </c:pt>
                <c:pt idx="91">
                  <c:v>81.708274841308594</c:v>
                </c:pt>
                <c:pt idx="92">
                  <c:v>80.065330505371094</c:v>
                </c:pt>
                <c:pt idx="93">
                  <c:v>120.183868408203</c:v>
                </c:pt>
                <c:pt idx="94">
                  <c:v>81.588218688964801</c:v>
                </c:pt>
                <c:pt idx="95">
                  <c:v>52.622707366943402</c:v>
                </c:pt>
                <c:pt idx="96">
                  <c:v>48.580249786377003</c:v>
                </c:pt>
                <c:pt idx="97">
                  <c:v>43.408584594726598</c:v>
                </c:pt>
                <c:pt idx="98">
                  <c:v>44.800983428955099</c:v>
                </c:pt>
                <c:pt idx="99">
                  <c:v>45.189044952392599</c:v>
                </c:pt>
                <c:pt idx="100">
                  <c:v>32.526847839355497</c:v>
                </c:pt>
                <c:pt idx="101">
                  <c:v>34.045722961425803</c:v>
                </c:pt>
                <c:pt idx="102">
                  <c:v>32.9662895202637</c:v>
                </c:pt>
                <c:pt idx="103">
                  <c:v>33.274669647216797</c:v>
                </c:pt>
                <c:pt idx="104">
                  <c:v>34.885799407958999</c:v>
                </c:pt>
                <c:pt idx="105">
                  <c:v>33.1958618164063</c:v>
                </c:pt>
                <c:pt idx="106">
                  <c:v>33.811214447021499</c:v>
                </c:pt>
                <c:pt idx="107">
                  <c:v>32.486541748046903</c:v>
                </c:pt>
                <c:pt idx="108">
                  <c:v>33.997745513916001</c:v>
                </c:pt>
                <c:pt idx="109">
                  <c:v>35.224941253662102</c:v>
                </c:pt>
                <c:pt idx="110">
                  <c:v>33.472400665283203</c:v>
                </c:pt>
                <c:pt idx="111">
                  <c:v>35.500255584716797</c:v>
                </c:pt>
                <c:pt idx="112">
                  <c:v>38.5465698242188</c:v>
                </c:pt>
                <c:pt idx="113">
                  <c:v>36.194709777832003</c:v>
                </c:pt>
                <c:pt idx="114">
                  <c:v>39.49609375</c:v>
                </c:pt>
                <c:pt idx="115">
                  <c:v>42.995944976806598</c:v>
                </c:pt>
                <c:pt idx="116">
                  <c:v>39.362545013427699</c:v>
                </c:pt>
                <c:pt idx="117">
                  <c:v>41.927410125732401</c:v>
                </c:pt>
                <c:pt idx="118">
                  <c:v>46.891292572021499</c:v>
                </c:pt>
                <c:pt idx="119">
                  <c:v>63.251045227050803</c:v>
                </c:pt>
                <c:pt idx="120">
                  <c:v>85.293395996093807</c:v>
                </c:pt>
                <c:pt idx="121">
                  <c:v>112.504524230957</c:v>
                </c:pt>
                <c:pt idx="122">
                  <c:v>117.32985687255901</c:v>
                </c:pt>
                <c:pt idx="123">
                  <c:v>113.55264282226599</c:v>
                </c:pt>
                <c:pt idx="124">
                  <c:v>104.793998718262</c:v>
                </c:pt>
                <c:pt idx="125">
                  <c:v>120.73184204101599</c:v>
                </c:pt>
                <c:pt idx="126">
                  <c:v>111.55746459960901</c:v>
                </c:pt>
                <c:pt idx="127">
                  <c:v>107.685844421387</c:v>
                </c:pt>
                <c:pt idx="128">
                  <c:v>109.54662322998</c:v>
                </c:pt>
                <c:pt idx="129">
                  <c:v>107.18642425537099</c:v>
                </c:pt>
                <c:pt idx="130">
                  <c:v>256.83099365234398</c:v>
                </c:pt>
                <c:pt idx="131">
                  <c:v>288.47467041015602</c:v>
                </c:pt>
                <c:pt idx="132">
                  <c:v>246.73759460449199</c:v>
                </c:pt>
                <c:pt idx="133">
                  <c:v>192.30247497558599</c:v>
                </c:pt>
                <c:pt idx="134">
                  <c:v>243.74263000488301</c:v>
                </c:pt>
                <c:pt idx="135">
                  <c:v>231.62936401367199</c:v>
                </c:pt>
                <c:pt idx="136">
                  <c:v>290.90658569335898</c:v>
                </c:pt>
                <c:pt idx="137">
                  <c:v>242.63038635253901</c:v>
                </c:pt>
                <c:pt idx="138">
                  <c:v>189.35498046875</c:v>
                </c:pt>
                <c:pt idx="139">
                  <c:v>267.78042602539102</c:v>
                </c:pt>
                <c:pt idx="140">
                  <c:v>279.92303466796898</c:v>
                </c:pt>
                <c:pt idx="141">
                  <c:v>312.97589111328102</c:v>
                </c:pt>
                <c:pt idx="142">
                  <c:v>259.38571166992199</c:v>
                </c:pt>
                <c:pt idx="143">
                  <c:v>221.04794311523401</c:v>
                </c:pt>
                <c:pt idx="144">
                  <c:v>198.83132934570301</c:v>
                </c:pt>
                <c:pt idx="145">
                  <c:v>178.443771362305</c:v>
                </c:pt>
                <c:pt idx="146">
                  <c:v>266.73043823242199</c:v>
                </c:pt>
                <c:pt idx="147">
                  <c:v>194.0517578125</c:v>
                </c:pt>
                <c:pt idx="148">
                  <c:v>166.57374572753901</c:v>
                </c:pt>
                <c:pt idx="149">
                  <c:v>145.72653198242199</c:v>
                </c:pt>
                <c:pt idx="150">
                  <c:v>111.07733154296901</c:v>
                </c:pt>
                <c:pt idx="151">
                  <c:v>80.327293395996094</c:v>
                </c:pt>
                <c:pt idx="152">
                  <c:v>75.157936096191406</c:v>
                </c:pt>
                <c:pt idx="153">
                  <c:v>78.278327941894503</c:v>
                </c:pt>
                <c:pt idx="154">
                  <c:v>105.42087554931599</c:v>
                </c:pt>
                <c:pt idx="155">
                  <c:v>95.045722961425795</c:v>
                </c:pt>
                <c:pt idx="156">
                  <c:v>589.61437988281295</c:v>
                </c:pt>
                <c:pt idx="157">
                  <c:v>180.12208557128901</c:v>
                </c:pt>
                <c:pt idx="158">
                  <c:v>94.898895263671903</c:v>
                </c:pt>
                <c:pt idx="159">
                  <c:v>43.085525512695298</c:v>
                </c:pt>
                <c:pt idx="160">
                  <c:v>34.705394744872997</c:v>
                </c:pt>
                <c:pt idx="161">
                  <c:v>35.173038482666001</c:v>
                </c:pt>
                <c:pt idx="162">
                  <c:v>33.585189819335902</c:v>
                </c:pt>
                <c:pt idx="163">
                  <c:v>41.974632263183601</c:v>
                </c:pt>
                <c:pt idx="164">
                  <c:v>44.319995880127003</c:v>
                </c:pt>
                <c:pt idx="165">
                  <c:v>26.996150970458999</c:v>
                </c:pt>
                <c:pt idx="166">
                  <c:v>31.7728481292725</c:v>
                </c:pt>
                <c:pt idx="167">
                  <c:v>37.121219635009801</c:v>
                </c:pt>
                <c:pt idx="168">
                  <c:v>39.010044097900398</c:v>
                </c:pt>
                <c:pt idx="169">
                  <c:v>22.624805450439499</c:v>
                </c:pt>
                <c:pt idx="170">
                  <c:v>21.361679077148398</c:v>
                </c:pt>
                <c:pt idx="171">
                  <c:v>20.401758193969702</c:v>
                </c:pt>
                <c:pt idx="172">
                  <c:v>20.961269378662099</c:v>
                </c:pt>
                <c:pt idx="173">
                  <c:v>39.458003997802699</c:v>
                </c:pt>
                <c:pt idx="174">
                  <c:v>36.942276000976598</c:v>
                </c:pt>
                <c:pt idx="175">
                  <c:v>45.436058044433601</c:v>
                </c:pt>
                <c:pt idx="176">
                  <c:v>35.015178680419901</c:v>
                </c:pt>
                <c:pt idx="177">
                  <c:v>40.177154541015597</c:v>
                </c:pt>
                <c:pt idx="178">
                  <c:v>29.799131393432599</c:v>
                </c:pt>
                <c:pt idx="179">
                  <c:v>33.621231079101598</c:v>
                </c:pt>
                <c:pt idx="180">
                  <c:v>22.4769287109375</c:v>
                </c:pt>
                <c:pt idx="181">
                  <c:v>45.585418701171903</c:v>
                </c:pt>
                <c:pt idx="182">
                  <c:v>42.637439727783203</c:v>
                </c:pt>
                <c:pt idx="183">
                  <c:v>37.688602447509801</c:v>
                </c:pt>
                <c:pt idx="184">
                  <c:v>34.7779350280762</c:v>
                </c:pt>
                <c:pt idx="185">
                  <c:v>21.628883361816399</c:v>
                </c:pt>
                <c:pt idx="186">
                  <c:v>41.852272033691399</c:v>
                </c:pt>
                <c:pt idx="187">
                  <c:v>127.494674682617</c:v>
                </c:pt>
                <c:pt idx="188">
                  <c:v>60.964382171630902</c:v>
                </c:pt>
                <c:pt idx="189">
                  <c:v>53.627063751220703</c:v>
                </c:pt>
                <c:pt idx="190">
                  <c:v>57.162971496582003</c:v>
                </c:pt>
                <c:pt idx="191">
                  <c:v>58.287067413330099</c:v>
                </c:pt>
                <c:pt idx="192">
                  <c:v>77.081092834472699</c:v>
                </c:pt>
                <c:pt idx="193">
                  <c:v>58.426177978515597</c:v>
                </c:pt>
                <c:pt idx="194">
                  <c:v>69.269721984863295</c:v>
                </c:pt>
                <c:pt idx="195">
                  <c:v>71.646041870117202</c:v>
                </c:pt>
                <c:pt idx="196">
                  <c:v>97.792793273925795</c:v>
                </c:pt>
                <c:pt idx="197">
                  <c:v>63.877040863037102</c:v>
                </c:pt>
                <c:pt idx="198">
                  <c:v>56.822357177734403</c:v>
                </c:pt>
                <c:pt idx="199">
                  <c:v>52.675167083740199</c:v>
                </c:pt>
                <c:pt idx="200">
                  <c:v>47.986343383789098</c:v>
                </c:pt>
                <c:pt idx="201">
                  <c:v>52.870429992675803</c:v>
                </c:pt>
                <c:pt idx="202">
                  <c:v>40.028335571289098</c:v>
                </c:pt>
                <c:pt idx="203">
                  <c:v>41.280532836914098</c:v>
                </c:pt>
                <c:pt idx="204">
                  <c:v>45.815731048583999</c:v>
                </c:pt>
                <c:pt idx="205">
                  <c:v>45.485237121582003</c:v>
                </c:pt>
                <c:pt idx="206">
                  <c:v>45.514690399169901</c:v>
                </c:pt>
                <c:pt idx="207">
                  <c:v>37.821926116943402</c:v>
                </c:pt>
                <c:pt idx="208">
                  <c:v>39.025569915771499</c:v>
                </c:pt>
                <c:pt idx="209">
                  <c:v>40.916847229003899</c:v>
                </c:pt>
                <c:pt idx="210">
                  <c:v>44.492385864257798</c:v>
                </c:pt>
                <c:pt idx="211">
                  <c:v>49.918212890625</c:v>
                </c:pt>
                <c:pt idx="212">
                  <c:v>42.467174530029297</c:v>
                </c:pt>
                <c:pt idx="213">
                  <c:v>30.3412170410156</c:v>
                </c:pt>
                <c:pt idx="214">
                  <c:v>26.216127395629901</c:v>
                </c:pt>
                <c:pt idx="215">
                  <c:v>25.8738403320313</c:v>
                </c:pt>
                <c:pt idx="216">
                  <c:v>21.674901962280298</c:v>
                </c:pt>
                <c:pt idx="217">
                  <c:v>21.3658962249756</c:v>
                </c:pt>
                <c:pt idx="218">
                  <c:v>23.588912963867202</c:v>
                </c:pt>
                <c:pt idx="219">
                  <c:v>23.257532119751001</c:v>
                </c:pt>
                <c:pt idx="220">
                  <c:v>21.624414443969702</c:v>
                </c:pt>
                <c:pt idx="221">
                  <c:v>18.9609489440918</c:v>
                </c:pt>
                <c:pt idx="222">
                  <c:v>18.1888027191162</c:v>
                </c:pt>
                <c:pt idx="223">
                  <c:v>16.929742813110401</c:v>
                </c:pt>
                <c:pt idx="224">
                  <c:v>19.484937667846701</c:v>
                </c:pt>
                <c:pt idx="225">
                  <c:v>17.772649765014599</c:v>
                </c:pt>
                <c:pt idx="226">
                  <c:v>15.099149703979499</c:v>
                </c:pt>
                <c:pt idx="227">
                  <c:v>19.7468452453613</c:v>
                </c:pt>
                <c:pt idx="228">
                  <c:v>16.0358772277832</c:v>
                </c:pt>
                <c:pt idx="229">
                  <c:v>11.1567411422728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D809-4C21-A8C1-953A7BBB6C8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stress, </a:t>
                </a:r>
                <a:r>
                  <a:rPr lang="el-GR"/>
                  <a:t>τ</a:t>
                </a:r>
                <a:r>
                  <a:rPr lang="en-GB"/>
                  <a:t> (Pa)</a:t>
                </a:r>
                <a:r>
                  <a:rPr lang="en-GB" baseline="0"/>
                  <a:t> </a:t>
                </a:r>
                <a:endParaRPr lang="en-GB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15 %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v>15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Type_4_6_15__.3_thixotropy_rwd!$F$2:$F$231</c:f>
              <c:numCache>
                <c:formatCode>General</c:formatCode>
                <c:ptCount val="230"/>
                <c:pt idx="0">
                  <c:v>0.92490166425705</c:v>
                </c:pt>
                <c:pt idx="1">
                  <c:v>1.9249734878539999</c:v>
                </c:pt>
                <c:pt idx="2">
                  <c:v>2.9249579906463601</c:v>
                </c:pt>
                <c:pt idx="3">
                  <c:v>3.9249341487884499</c:v>
                </c:pt>
                <c:pt idx="4">
                  <c:v>4.9277153015136701</c:v>
                </c:pt>
                <c:pt idx="5">
                  <c:v>5.9275593757629403</c:v>
                </c:pt>
                <c:pt idx="6">
                  <c:v>6.9275350570678702</c:v>
                </c:pt>
                <c:pt idx="7">
                  <c:v>7.9274468421936</c:v>
                </c:pt>
                <c:pt idx="8">
                  <c:v>8.9275341033935494</c:v>
                </c:pt>
                <c:pt idx="9">
                  <c:v>9.9247970581054705</c:v>
                </c:pt>
                <c:pt idx="10">
                  <c:v>10.9249048233032</c:v>
                </c:pt>
                <c:pt idx="11">
                  <c:v>11.925035476684601</c:v>
                </c:pt>
                <c:pt idx="12">
                  <c:v>12.9252214431763</c:v>
                </c:pt>
                <c:pt idx="13">
                  <c:v>13.925264358520501</c:v>
                </c:pt>
                <c:pt idx="14">
                  <c:v>14.9253225326538</c:v>
                </c:pt>
                <c:pt idx="15">
                  <c:v>15.9254808425903</c:v>
                </c:pt>
                <c:pt idx="16">
                  <c:v>16.925178527831999</c:v>
                </c:pt>
                <c:pt idx="17">
                  <c:v>17.925102233886701</c:v>
                </c:pt>
                <c:pt idx="18">
                  <c:v>18.924640655517599</c:v>
                </c:pt>
                <c:pt idx="19">
                  <c:v>19.9246425628662</c:v>
                </c:pt>
                <c:pt idx="20">
                  <c:v>20.924415588378899</c:v>
                </c:pt>
                <c:pt idx="21">
                  <c:v>21.9239387512207</c:v>
                </c:pt>
                <c:pt idx="22">
                  <c:v>22.924047470092798</c:v>
                </c:pt>
                <c:pt idx="23">
                  <c:v>23.923545837402301</c:v>
                </c:pt>
                <c:pt idx="24">
                  <c:v>24.9234008789063</c:v>
                </c:pt>
                <c:pt idx="25">
                  <c:v>25.923162460327099</c:v>
                </c:pt>
                <c:pt idx="26">
                  <c:v>26.922792434692401</c:v>
                </c:pt>
                <c:pt idx="27">
                  <c:v>27.9225959777832</c:v>
                </c:pt>
                <c:pt idx="28">
                  <c:v>28.922214508056602</c:v>
                </c:pt>
                <c:pt idx="29">
                  <c:v>29.922056198120099</c:v>
                </c:pt>
                <c:pt idx="30">
                  <c:v>30.9218044281006</c:v>
                </c:pt>
                <c:pt idx="31">
                  <c:v>31.9214973449707</c:v>
                </c:pt>
                <c:pt idx="32">
                  <c:v>32.921337127685497</c:v>
                </c:pt>
                <c:pt idx="33">
                  <c:v>33.920871734619098</c:v>
                </c:pt>
                <c:pt idx="34">
                  <c:v>34.920822143554702</c:v>
                </c:pt>
                <c:pt idx="35">
                  <c:v>35.9205513000488</c:v>
                </c:pt>
                <c:pt idx="36">
                  <c:v>36.920516967773402</c:v>
                </c:pt>
                <c:pt idx="37">
                  <c:v>37.920036315917997</c:v>
                </c:pt>
                <c:pt idx="38">
                  <c:v>38.919979095458999</c:v>
                </c:pt>
                <c:pt idx="39">
                  <c:v>39.919788360595703</c:v>
                </c:pt>
                <c:pt idx="40">
                  <c:v>40.919101715087898</c:v>
                </c:pt>
                <c:pt idx="41">
                  <c:v>41.918907165527301</c:v>
                </c:pt>
                <c:pt idx="42">
                  <c:v>42.921470642089801</c:v>
                </c:pt>
                <c:pt idx="43">
                  <c:v>43.921257019042997</c:v>
                </c:pt>
                <c:pt idx="44">
                  <c:v>44.921134948730497</c:v>
                </c:pt>
                <c:pt idx="45">
                  <c:v>45.921165466308601</c:v>
                </c:pt>
                <c:pt idx="46">
                  <c:v>46.920848846435497</c:v>
                </c:pt>
                <c:pt idx="47">
                  <c:v>47.920719146728501</c:v>
                </c:pt>
                <c:pt idx="48">
                  <c:v>48.920074462890597</c:v>
                </c:pt>
                <c:pt idx="49">
                  <c:v>49.9200630187988</c:v>
                </c:pt>
                <c:pt idx="50">
                  <c:v>50.919628143310497</c:v>
                </c:pt>
                <c:pt idx="51">
                  <c:v>51.919288635253899</c:v>
                </c:pt>
                <c:pt idx="52">
                  <c:v>52.919403076171903</c:v>
                </c:pt>
                <c:pt idx="53">
                  <c:v>53.918754577636697</c:v>
                </c:pt>
                <c:pt idx="54">
                  <c:v>54.919025421142599</c:v>
                </c:pt>
                <c:pt idx="55">
                  <c:v>55.918453216552699</c:v>
                </c:pt>
                <c:pt idx="56">
                  <c:v>56.918289184570298</c:v>
                </c:pt>
                <c:pt idx="57">
                  <c:v>57.917930603027301</c:v>
                </c:pt>
                <c:pt idx="58">
                  <c:v>58.917724609375</c:v>
                </c:pt>
                <c:pt idx="59">
                  <c:v>59.9174194335938</c:v>
                </c:pt>
                <c:pt idx="60">
                  <c:v>60.917213439941399</c:v>
                </c:pt>
                <c:pt idx="61">
                  <c:v>61.917190551757798</c:v>
                </c:pt>
                <c:pt idx="62">
                  <c:v>62.916912078857401</c:v>
                </c:pt>
                <c:pt idx="63">
                  <c:v>63.916664123535199</c:v>
                </c:pt>
                <c:pt idx="64">
                  <c:v>64.916152954101605</c:v>
                </c:pt>
                <c:pt idx="65">
                  <c:v>65.916091918945298</c:v>
                </c:pt>
                <c:pt idx="66">
                  <c:v>66.915420532226605</c:v>
                </c:pt>
                <c:pt idx="67">
                  <c:v>67.915542602539105</c:v>
                </c:pt>
                <c:pt idx="68">
                  <c:v>68.915222167968807</c:v>
                </c:pt>
                <c:pt idx="69">
                  <c:v>69.915000915527301</c:v>
                </c:pt>
                <c:pt idx="70">
                  <c:v>70.914688110351605</c:v>
                </c:pt>
                <c:pt idx="71">
                  <c:v>71.91455078125</c:v>
                </c:pt>
                <c:pt idx="72">
                  <c:v>72.914001464843807</c:v>
                </c:pt>
                <c:pt idx="73">
                  <c:v>73.913948059082003</c:v>
                </c:pt>
                <c:pt idx="74">
                  <c:v>74.913612365722699</c:v>
                </c:pt>
                <c:pt idx="75">
                  <c:v>75.9134521484375</c:v>
                </c:pt>
                <c:pt idx="76">
                  <c:v>76.9134521484375</c:v>
                </c:pt>
                <c:pt idx="77">
                  <c:v>77.912704467773395</c:v>
                </c:pt>
                <c:pt idx="78">
                  <c:v>78.9129638671875</c:v>
                </c:pt>
                <c:pt idx="79">
                  <c:v>79.912139892578097</c:v>
                </c:pt>
                <c:pt idx="80">
                  <c:v>80.913131713867202</c:v>
                </c:pt>
                <c:pt idx="81">
                  <c:v>81.911972045898395</c:v>
                </c:pt>
                <c:pt idx="82">
                  <c:v>82.910858154296903</c:v>
                </c:pt>
                <c:pt idx="83">
                  <c:v>83.911872863769503</c:v>
                </c:pt>
                <c:pt idx="84">
                  <c:v>84.911552429199205</c:v>
                </c:pt>
                <c:pt idx="85">
                  <c:v>85.911476135253906</c:v>
                </c:pt>
                <c:pt idx="86">
                  <c:v>86.910957336425795</c:v>
                </c:pt>
                <c:pt idx="87">
                  <c:v>87.910430908203097</c:v>
                </c:pt>
                <c:pt idx="88">
                  <c:v>88.910232543945298</c:v>
                </c:pt>
                <c:pt idx="89">
                  <c:v>89.909812927246094</c:v>
                </c:pt>
                <c:pt idx="90">
                  <c:v>90.910072326660199</c:v>
                </c:pt>
                <c:pt idx="91">
                  <c:v>91.909835815429702</c:v>
                </c:pt>
                <c:pt idx="92">
                  <c:v>92.909523010253906</c:v>
                </c:pt>
                <c:pt idx="93">
                  <c:v>93.909111022949205</c:v>
                </c:pt>
                <c:pt idx="94">
                  <c:v>94.908714294433594</c:v>
                </c:pt>
                <c:pt idx="95">
                  <c:v>95.908668518066406</c:v>
                </c:pt>
                <c:pt idx="96">
                  <c:v>96.9083251953125</c:v>
                </c:pt>
                <c:pt idx="97">
                  <c:v>97.908462524414105</c:v>
                </c:pt>
                <c:pt idx="98">
                  <c:v>98.906913757324205</c:v>
                </c:pt>
                <c:pt idx="99">
                  <c:v>99.908279418945298</c:v>
                </c:pt>
                <c:pt idx="100">
                  <c:v>100.00079345703099</c:v>
                </c:pt>
                <c:pt idx="101">
                  <c:v>100.00009918212901</c:v>
                </c:pt>
                <c:pt idx="102">
                  <c:v>100.00096130371099</c:v>
                </c:pt>
                <c:pt idx="103">
                  <c:v>100.000198364258</c:v>
                </c:pt>
                <c:pt idx="104">
                  <c:v>99.999122619628906</c:v>
                </c:pt>
                <c:pt idx="105">
                  <c:v>99.999786376953097</c:v>
                </c:pt>
                <c:pt idx="106">
                  <c:v>99.999763488769503</c:v>
                </c:pt>
                <c:pt idx="107">
                  <c:v>100.000610351563</c:v>
                </c:pt>
                <c:pt idx="108">
                  <c:v>100.00025177002</c:v>
                </c:pt>
                <c:pt idx="109">
                  <c:v>99.999862670898395</c:v>
                </c:pt>
                <c:pt idx="110">
                  <c:v>99.999786376953097</c:v>
                </c:pt>
                <c:pt idx="111">
                  <c:v>99.999694824218807</c:v>
                </c:pt>
                <c:pt idx="112">
                  <c:v>100.000053405762</c:v>
                </c:pt>
                <c:pt idx="113">
                  <c:v>100.0009765625</c:v>
                </c:pt>
                <c:pt idx="114">
                  <c:v>100.00009155273401</c:v>
                </c:pt>
                <c:pt idx="115">
                  <c:v>99.999916076660199</c:v>
                </c:pt>
                <c:pt idx="116">
                  <c:v>100.0048828125</c:v>
                </c:pt>
                <c:pt idx="117">
                  <c:v>99.999580383300795</c:v>
                </c:pt>
                <c:pt idx="118">
                  <c:v>100.00046539306599</c:v>
                </c:pt>
                <c:pt idx="119">
                  <c:v>99.999626159667997</c:v>
                </c:pt>
                <c:pt idx="120">
                  <c:v>99.999366760253906</c:v>
                </c:pt>
                <c:pt idx="121">
                  <c:v>100.000205993652</c:v>
                </c:pt>
                <c:pt idx="122">
                  <c:v>99.999176025390597</c:v>
                </c:pt>
                <c:pt idx="123">
                  <c:v>100.000198364258</c:v>
                </c:pt>
                <c:pt idx="124">
                  <c:v>99.999931335449205</c:v>
                </c:pt>
                <c:pt idx="125">
                  <c:v>100.00030517578099</c:v>
                </c:pt>
                <c:pt idx="126">
                  <c:v>100.000358581543</c:v>
                </c:pt>
                <c:pt idx="127">
                  <c:v>100.00001525878901</c:v>
                </c:pt>
                <c:pt idx="128">
                  <c:v>100.000373840332</c:v>
                </c:pt>
                <c:pt idx="129">
                  <c:v>100.000694274902</c:v>
                </c:pt>
                <c:pt idx="130">
                  <c:v>99.076332092285199</c:v>
                </c:pt>
                <c:pt idx="131">
                  <c:v>98.075942993164105</c:v>
                </c:pt>
                <c:pt idx="132">
                  <c:v>97.073463439941406</c:v>
                </c:pt>
                <c:pt idx="133">
                  <c:v>96.073669433593807</c:v>
                </c:pt>
                <c:pt idx="134">
                  <c:v>95.075942993164105</c:v>
                </c:pt>
                <c:pt idx="135">
                  <c:v>94.076652526855497</c:v>
                </c:pt>
                <c:pt idx="136">
                  <c:v>93.077285766601605</c:v>
                </c:pt>
                <c:pt idx="137">
                  <c:v>92.074310302734403</c:v>
                </c:pt>
                <c:pt idx="138">
                  <c:v>91.074356079101605</c:v>
                </c:pt>
                <c:pt idx="139">
                  <c:v>90.077194213867202</c:v>
                </c:pt>
                <c:pt idx="140">
                  <c:v>89.077735900878906</c:v>
                </c:pt>
                <c:pt idx="141">
                  <c:v>88.078407287597699</c:v>
                </c:pt>
                <c:pt idx="142">
                  <c:v>87.075752258300795</c:v>
                </c:pt>
                <c:pt idx="143">
                  <c:v>86.078575134277301</c:v>
                </c:pt>
                <c:pt idx="144">
                  <c:v>85.078987121582003</c:v>
                </c:pt>
                <c:pt idx="145">
                  <c:v>84.078887939453097</c:v>
                </c:pt>
                <c:pt idx="146">
                  <c:v>83.079643249511705</c:v>
                </c:pt>
                <c:pt idx="147">
                  <c:v>82.079765319824205</c:v>
                </c:pt>
                <c:pt idx="148">
                  <c:v>81.079940795898395</c:v>
                </c:pt>
                <c:pt idx="149">
                  <c:v>80.079757690429702</c:v>
                </c:pt>
                <c:pt idx="150">
                  <c:v>79.079940795898395</c:v>
                </c:pt>
                <c:pt idx="151">
                  <c:v>78.081115722656307</c:v>
                </c:pt>
                <c:pt idx="152">
                  <c:v>77.080589294433594</c:v>
                </c:pt>
                <c:pt idx="153">
                  <c:v>76.080879211425795</c:v>
                </c:pt>
                <c:pt idx="154">
                  <c:v>75.081367492675795</c:v>
                </c:pt>
                <c:pt idx="155">
                  <c:v>74.081436157226605</c:v>
                </c:pt>
                <c:pt idx="156">
                  <c:v>73.081611633300795</c:v>
                </c:pt>
                <c:pt idx="157">
                  <c:v>72.081657409667997</c:v>
                </c:pt>
                <c:pt idx="158">
                  <c:v>71.0819091796875</c:v>
                </c:pt>
                <c:pt idx="159">
                  <c:v>70.082183837890597</c:v>
                </c:pt>
                <c:pt idx="160">
                  <c:v>69.082588195800795</c:v>
                </c:pt>
                <c:pt idx="161">
                  <c:v>68.082801818847699</c:v>
                </c:pt>
                <c:pt idx="162">
                  <c:v>67.083648681640597</c:v>
                </c:pt>
                <c:pt idx="163">
                  <c:v>66.0836181640625</c:v>
                </c:pt>
                <c:pt idx="164">
                  <c:v>65.083641052246094</c:v>
                </c:pt>
                <c:pt idx="165">
                  <c:v>64.083915710449205</c:v>
                </c:pt>
                <c:pt idx="166">
                  <c:v>63.084487915039098</c:v>
                </c:pt>
                <c:pt idx="167">
                  <c:v>62.084651947021499</c:v>
                </c:pt>
                <c:pt idx="168">
                  <c:v>61.084293365478501</c:v>
                </c:pt>
                <c:pt idx="169">
                  <c:v>60.084911346435497</c:v>
                </c:pt>
                <c:pt idx="170">
                  <c:v>59.0850830078125</c:v>
                </c:pt>
                <c:pt idx="171">
                  <c:v>58.082363128662102</c:v>
                </c:pt>
                <c:pt idx="172">
                  <c:v>57.085487365722699</c:v>
                </c:pt>
                <c:pt idx="173">
                  <c:v>56.083106994628899</c:v>
                </c:pt>
                <c:pt idx="174">
                  <c:v>55.086395263671903</c:v>
                </c:pt>
                <c:pt idx="175">
                  <c:v>54.083728790283203</c:v>
                </c:pt>
                <c:pt idx="176">
                  <c:v>53.083614349365199</c:v>
                </c:pt>
                <c:pt idx="177">
                  <c:v>52.084163665771499</c:v>
                </c:pt>
                <c:pt idx="178">
                  <c:v>51.084548950195298</c:v>
                </c:pt>
                <c:pt idx="179">
                  <c:v>50.084583282470703</c:v>
                </c:pt>
                <c:pt idx="180">
                  <c:v>49.084930419921903</c:v>
                </c:pt>
                <c:pt idx="181">
                  <c:v>48.084911346435497</c:v>
                </c:pt>
                <c:pt idx="182">
                  <c:v>47.085205078125</c:v>
                </c:pt>
                <c:pt idx="183">
                  <c:v>46.085483551025398</c:v>
                </c:pt>
                <c:pt idx="184">
                  <c:v>45.085880279541001</c:v>
                </c:pt>
                <c:pt idx="185">
                  <c:v>44.085910797119098</c:v>
                </c:pt>
                <c:pt idx="186">
                  <c:v>43.086170196533203</c:v>
                </c:pt>
                <c:pt idx="187">
                  <c:v>42.086174011230497</c:v>
                </c:pt>
                <c:pt idx="188">
                  <c:v>41.086524963378899</c:v>
                </c:pt>
                <c:pt idx="189">
                  <c:v>40.087039947509801</c:v>
                </c:pt>
                <c:pt idx="190">
                  <c:v>39.087200164794901</c:v>
                </c:pt>
                <c:pt idx="191">
                  <c:v>38.087360382080099</c:v>
                </c:pt>
                <c:pt idx="192">
                  <c:v>37.087654113769503</c:v>
                </c:pt>
                <c:pt idx="193">
                  <c:v>36.087821960449197</c:v>
                </c:pt>
                <c:pt idx="194">
                  <c:v>35.088233947753899</c:v>
                </c:pt>
                <c:pt idx="195">
                  <c:v>34.088417053222699</c:v>
                </c:pt>
                <c:pt idx="196">
                  <c:v>33.088653564453097</c:v>
                </c:pt>
                <c:pt idx="197">
                  <c:v>32.089000701904297</c:v>
                </c:pt>
                <c:pt idx="198">
                  <c:v>31.089014053344702</c:v>
                </c:pt>
                <c:pt idx="199">
                  <c:v>30.0893669128418</c:v>
                </c:pt>
                <c:pt idx="200">
                  <c:v>29.089614868164102</c:v>
                </c:pt>
                <c:pt idx="201">
                  <c:v>28.089939117431602</c:v>
                </c:pt>
                <c:pt idx="202">
                  <c:v>27.0899982452393</c:v>
                </c:pt>
                <c:pt idx="203">
                  <c:v>26.090406417846701</c:v>
                </c:pt>
                <c:pt idx="204">
                  <c:v>25.090589523315401</c:v>
                </c:pt>
                <c:pt idx="205">
                  <c:v>24.090774536132798</c:v>
                </c:pt>
                <c:pt idx="206">
                  <c:v>23.091106414794901</c:v>
                </c:pt>
                <c:pt idx="207">
                  <c:v>22.0913181304932</c:v>
                </c:pt>
                <c:pt idx="208">
                  <c:v>21.091569900512699</c:v>
                </c:pt>
                <c:pt idx="209">
                  <c:v>20.0917854309082</c:v>
                </c:pt>
                <c:pt idx="210">
                  <c:v>19.0920524597168</c:v>
                </c:pt>
                <c:pt idx="211">
                  <c:v>18.092250823974599</c:v>
                </c:pt>
                <c:pt idx="212">
                  <c:v>17.092552185058601</c:v>
                </c:pt>
                <c:pt idx="213">
                  <c:v>16.092760086059599</c:v>
                </c:pt>
                <c:pt idx="214">
                  <c:v>15.092730522155801</c:v>
                </c:pt>
                <c:pt idx="215">
                  <c:v>14.0925855636597</c:v>
                </c:pt>
                <c:pt idx="216">
                  <c:v>13.0925645828247</c:v>
                </c:pt>
                <c:pt idx="217">
                  <c:v>12.0925350189209</c:v>
                </c:pt>
                <c:pt idx="218">
                  <c:v>11.092247009277299</c:v>
                </c:pt>
                <c:pt idx="219">
                  <c:v>10.092267990112299</c:v>
                </c:pt>
                <c:pt idx="220">
                  <c:v>9.0921134948730504</c:v>
                </c:pt>
                <c:pt idx="221">
                  <c:v>8.0920581817627006</c:v>
                </c:pt>
                <c:pt idx="222">
                  <c:v>7.0920882225036603</c:v>
                </c:pt>
                <c:pt idx="223">
                  <c:v>6.0920681953430202</c:v>
                </c:pt>
                <c:pt idx="224">
                  <c:v>5.0922055244445801</c:v>
                </c:pt>
                <c:pt idx="225">
                  <c:v>4.0922975540161097</c:v>
                </c:pt>
                <c:pt idx="226">
                  <c:v>3.0922670364379901</c:v>
                </c:pt>
                <c:pt idx="227">
                  <c:v>2.09232497215271</c:v>
                </c:pt>
                <c:pt idx="228">
                  <c:v>1.09236812591553</c:v>
                </c:pt>
                <c:pt idx="229">
                  <c:v>9.2543743550777394E-2</c:v>
                </c:pt>
              </c:numCache>
            </c:numRef>
          </c:xVal>
          <c:yVal>
            <c:numRef>
              <c:f>Type_4_6_15__.3_thixotropy_rwd!$D$2:$D$231</c:f>
              <c:numCache>
                <c:formatCode>General</c:formatCode>
                <c:ptCount val="230"/>
                <c:pt idx="0">
                  <c:v>12.912855148315399</c:v>
                </c:pt>
                <c:pt idx="1">
                  <c:v>13.961329460144</c:v>
                </c:pt>
                <c:pt idx="2">
                  <c:v>15.400294303894</c:v>
                </c:pt>
                <c:pt idx="3">
                  <c:v>16.657608032226602</c:v>
                </c:pt>
                <c:pt idx="4">
                  <c:v>17.947013854980501</c:v>
                </c:pt>
                <c:pt idx="5">
                  <c:v>18.9451084136963</c:v>
                </c:pt>
                <c:pt idx="6">
                  <c:v>19.9361057281494</c:v>
                </c:pt>
                <c:pt idx="7">
                  <c:v>21.038301467895501</c:v>
                </c:pt>
                <c:pt idx="8">
                  <c:v>21.769535064697301</c:v>
                </c:pt>
                <c:pt idx="9">
                  <c:v>22.950239181518601</c:v>
                </c:pt>
                <c:pt idx="10">
                  <c:v>23.825160980224599</c:v>
                </c:pt>
                <c:pt idx="11">
                  <c:v>24.963159561157202</c:v>
                </c:pt>
                <c:pt idx="12">
                  <c:v>25.6153755187988</c:v>
                </c:pt>
                <c:pt idx="13">
                  <c:v>26.238796234130898</c:v>
                </c:pt>
                <c:pt idx="14">
                  <c:v>26.8994331359863</c:v>
                </c:pt>
                <c:pt idx="15">
                  <c:v>27.507392883300799</c:v>
                </c:pt>
                <c:pt idx="16">
                  <c:v>28.285301208496101</c:v>
                </c:pt>
                <c:pt idx="17">
                  <c:v>29.4548244476318</c:v>
                </c:pt>
                <c:pt idx="18">
                  <c:v>30.0490016937256</c:v>
                </c:pt>
                <c:pt idx="19">
                  <c:v>30.8052768707275</c:v>
                </c:pt>
                <c:pt idx="20">
                  <c:v>31.145832061767599</c:v>
                </c:pt>
                <c:pt idx="21">
                  <c:v>31.557294845581101</c:v>
                </c:pt>
                <c:pt idx="22">
                  <c:v>32.240734100341797</c:v>
                </c:pt>
                <c:pt idx="23">
                  <c:v>33.534759521484403</c:v>
                </c:pt>
                <c:pt idx="24">
                  <c:v>34.012577056884801</c:v>
                </c:pt>
                <c:pt idx="25">
                  <c:v>35.074062347412102</c:v>
                </c:pt>
                <c:pt idx="26">
                  <c:v>36.575691223144503</c:v>
                </c:pt>
                <c:pt idx="27">
                  <c:v>37.225559234619098</c:v>
                </c:pt>
                <c:pt idx="28">
                  <c:v>38.957595825195298</c:v>
                </c:pt>
                <c:pt idx="29">
                  <c:v>39.948440551757798</c:v>
                </c:pt>
                <c:pt idx="30">
                  <c:v>40.5709037780762</c:v>
                </c:pt>
                <c:pt idx="31">
                  <c:v>41.293735504150398</c:v>
                </c:pt>
                <c:pt idx="32">
                  <c:v>42.632354736328097</c:v>
                </c:pt>
                <c:pt idx="33">
                  <c:v>43.448532104492202</c:v>
                </c:pt>
                <c:pt idx="34">
                  <c:v>45.313819885253899</c:v>
                </c:pt>
                <c:pt idx="35">
                  <c:v>46.237766265869098</c:v>
                </c:pt>
                <c:pt idx="36">
                  <c:v>47.775928497314503</c:v>
                </c:pt>
                <c:pt idx="37">
                  <c:v>48.947292327880902</c:v>
                </c:pt>
                <c:pt idx="38">
                  <c:v>50.909336090087898</c:v>
                </c:pt>
                <c:pt idx="39">
                  <c:v>51.739078521728501</c:v>
                </c:pt>
                <c:pt idx="40">
                  <c:v>52.784225463867202</c:v>
                </c:pt>
                <c:pt idx="41">
                  <c:v>54.554641723632798</c:v>
                </c:pt>
                <c:pt idx="42">
                  <c:v>56.280708312988303</c:v>
                </c:pt>
                <c:pt idx="43">
                  <c:v>58.658592224121101</c:v>
                </c:pt>
                <c:pt idx="44">
                  <c:v>60.2066040039063</c:v>
                </c:pt>
                <c:pt idx="45">
                  <c:v>61.563667297363303</c:v>
                </c:pt>
                <c:pt idx="46">
                  <c:v>64.428092956542997</c:v>
                </c:pt>
                <c:pt idx="47">
                  <c:v>66.176841735839801</c:v>
                </c:pt>
                <c:pt idx="48">
                  <c:v>68.549850463867202</c:v>
                </c:pt>
                <c:pt idx="49">
                  <c:v>71.362136840820298</c:v>
                </c:pt>
                <c:pt idx="50">
                  <c:v>72.978591918945298</c:v>
                </c:pt>
                <c:pt idx="51">
                  <c:v>74.958427429199205</c:v>
                </c:pt>
                <c:pt idx="52">
                  <c:v>77.366859436035199</c:v>
                </c:pt>
                <c:pt idx="53">
                  <c:v>79.232154846191406</c:v>
                </c:pt>
                <c:pt idx="54">
                  <c:v>81.658454895019503</c:v>
                </c:pt>
                <c:pt idx="55">
                  <c:v>84.361824035644503</c:v>
                </c:pt>
                <c:pt idx="56">
                  <c:v>87.624153137207003</c:v>
                </c:pt>
                <c:pt idx="57">
                  <c:v>88.930946350097699</c:v>
                </c:pt>
                <c:pt idx="58">
                  <c:v>90.7489013671875</c:v>
                </c:pt>
                <c:pt idx="59">
                  <c:v>93.170265197753906</c:v>
                </c:pt>
                <c:pt idx="60">
                  <c:v>95.541473388671903</c:v>
                </c:pt>
                <c:pt idx="61">
                  <c:v>97.680122375488295</c:v>
                </c:pt>
                <c:pt idx="62">
                  <c:v>99.820632934570298</c:v>
                </c:pt>
                <c:pt idx="63">
                  <c:v>103.808067321777</c:v>
                </c:pt>
                <c:pt idx="64">
                  <c:v>102.876663208008</c:v>
                </c:pt>
                <c:pt idx="65">
                  <c:v>105.363739013672</c:v>
                </c:pt>
                <c:pt idx="66">
                  <c:v>108.540802001953</c:v>
                </c:pt>
                <c:pt idx="67">
                  <c:v>111.76993560791</c:v>
                </c:pt>
                <c:pt idx="68">
                  <c:v>115.268310546875</c:v>
                </c:pt>
                <c:pt idx="69">
                  <c:v>118.093612670898</c:v>
                </c:pt>
                <c:pt idx="70">
                  <c:v>119.941108703613</c:v>
                </c:pt>
                <c:pt idx="71">
                  <c:v>121.82281494140599</c:v>
                </c:pt>
                <c:pt idx="72">
                  <c:v>123.86447906494099</c:v>
                </c:pt>
                <c:pt idx="73">
                  <c:v>126.33139801025401</c:v>
                </c:pt>
                <c:pt idx="74">
                  <c:v>127.09271240234401</c:v>
                </c:pt>
                <c:pt idx="75">
                  <c:v>121.43276977539099</c:v>
                </c:pt>
                <c:pt idx="76">
                  <c:v>125.833938598633</c:v>
                </c:pt>
                <c:pt idx="77">
                  <c:v>129.96119689941401</c:v>
                </c:pt>
                <c:pt idx="78">
                  <c:v>131.71792602539099</c:v>
                </c:pt>
                <c:pt idx="79">
                  <c:v>132.50912475585901</c:v>
                </c:pt>
                <c:pt idx="80">
                  <c:v>135.75181579589801</c:v>
                </c:pt>
                <c:pt idx="81">
                  <c:v>134.83665466308599</c:v>
                </c:pt>
                <c:pt idx="82">
                  <c:v>138.39822387695301</c:v>
                </c:pt>
                <c:pt idx="83">
                  <c:v>139.284423828125</c:v>
                </c:pt>
                <c:pt idx="84">
                  <c:v>143.40017700195301</c:v>
                </c:pt>
                <c:pt idx="85">
                  <c:v>146.72882080078099</c:v>
                </c:pt>
                <c:pt idx="86">
                  <c:v>146.43264770507801</c:v>
                </c:pt>
                <c:pt idx="87">
                  <c:v>150.91862487793</c:v>
                </c:pt>
                <c:pt idx="88">
                  <c:v>152.16569519043</c:v>
                </c:pt>
                <c:pt idx="89">
                  <c:v>154.06620788574199</c:v>
                </c:pt>
                <c:pt idx="90">
                  <c:v>159.24186706543</c:v>
                </c:pt>
                <c:pt idx="91">
                  <c:v>161.49891662597699</c:v>
                </c:pt>
                <c:pt idx="92">
                  <c:v>163.64964294433599</c:v>
                </c:pt>
                <c:pt idx="93">
                  <c:v>167.516189575195</c:v>
                </c:pt>
                <c:pt idx="94">
                  <c:v>168.80599975585901</c:v>
                </c:pt>
                <c:pt idx="95">
                  <c:v>170.31153869628901</c:v>
                </c:pt>
                <c:pt idx="96">
                  <c:v>171.37710571289099</c:v>
                </c:pt>
                <c:pt idx="97">
                  <c:v>174.58061218261699</c:v>
                </c:pt>
                <c:pt idx="98">
                  <c:v>172.24041748046901</c:v>
                </c:pt>
                <c:pt idx="99">
                  <c:v>177.556396484375</c:v>
                </c:pt>
                <c:pt idx="100">
                  <c:v>170.17771911621099</c:v>
                </c:pt>
                <c:pt idx="101">
                  <c:v>170.48353576660199</c:v>
                </c:pt>
                <c:pt idx="102">
                  <c:v>170.64680480957</c:v>
                </c:pt>
                <c:pt idx="103">
                  <c:v>171.92794799804699</c:v>
                </c:pt>
                <c:pt idx="104">
                  <c:v>171.32109069824199</c:v>
                </c:pt>
                <c:pt idx="105">
                  <c:v>172.19366455078099</c:v>
                </c:pt>
                <c:pt idx="106">
                  <c:v>172.00770568847699</c:v>
                </c:pt>
                <c:pt idx="107">
                  <c:v>172.38641357421901</c:v>
                </c:pt>
                <c:pt idx="108">
                  <c:v>171.03501892089801</c:v>
                </c:pt>
                <c:pt idx="109">
                  <c:v>169.69291687011699</c:v>
                </c:pt>
                <c:pt idx="110">
                  <c:v>169.75486755371099</c:v>
                </c:pt>
                <c:pt idx="111">
                  <c:v>170.70039367675801</c:v>
                </c:pt>
                <c:pt idx="112">
                  <c:v>170.38632202148401</c:v>
                </c:pt>
                <c:pt idx="113">
                  <c:v>168.54638671875</c:v>
                </c:pt>
                <c:pt idx="114">
                  <c:v>169.36341857910199</c:v>
                </c:pt>
                <c:pt idx="115">
                  <c:v>169.31373596191401</c:v>
                </c:pt>
                <c:pt idx="116">
                  <c:v>168.580810546875</c:v>
                </c:pt>
                <c:pt idx="117">
                  <c:v>165.18824768066401</c:v>
                </c:pt>
                <c:pt idx="118">
                  <c:v>166.04074096679699</c:v>
                </c:pt>
                <c:pt idx="119">
                  <c:v>166.319091796875</c:v>
                </c:pt>
                <c:pt idx="120">
                  <c:v>168.27983093261699</c:v>
                </c:pt>
                <c:pt idx="121">
                  <c:v>164.20314025878901</c:v>
                </c:pt>
                <c:pt idx="122">
                  <c:v>165.38987731933599</c:v>
                </c:pt>
                <c:pt idx="123">
                  <c:v>167.84191894531301</c:v>
                </c:pt>
                <c:pt idx="124">
                  <c:v>169.52723693847699</c:v>
                </c:pt>
                <c:pt idx="125">
                  <c:v>169.48069763183599</c:v>
                </c:pt>
                <c:pt idx="126">
                  <c:v>168.02777099609401</c:v>
                </c:pt>
                <c:pt idx="127">
                  <c:v>167.477615356445</c:v>
                </c:pt>
                <c:pt idx="128">
                  <c:v>168.54556274414099</c:v>
                </c:pt>
                <c:pt idx="129">
                  <c:v>168.20788574218801</c:v>
                </c:pt>
                <c:pt idx="130">
                  <c:v>168.66276550293</c:v>
                </c:pt>
                <c:pt idx="131">
                  <c:v>159.65287780761699</c:v>
                </c:pt>
                <c:pt idx="132">
                  <c:v>159.85429382324199</c:v>
                </c:pt>
                <c:pt idx="133">
                  <c:v>156.05439758300801</c:v>
                </c:pt>
                <c:pt idx="134">
                  <c:v>153.76124572753901</c:v>
                </c:pt>
                <c:pt idx="135">
                  <c:v>150.30891418457</c:v>
                </c:pt>
                <c:pt idx="136">
                  <c:v>148.01933288574199</c:v>
                </c:pt>
                <c:pt idx="137">
                  <c:v>144.13833618164099</c:v>
                </c:pt>
                <c:pt idx="138">
                  <c:v>142.78549194335901</c:v>
                </c:pt>
                <c:pt idx="139">
                  <c:v>141.12178039550801</c:v>
                </c:pt>
                <c:pt idx="140">
                  <c:v>137.43208312988301</c:v>
                </c:pt>
                <c:pt idx="141">
                  <c:v>135.02391052246099</c:v>
                </c:pt>
                <c:pt idx="142">
                  <c:v>128.31097412109401</c:v>
                </c:pt>
                <c:pt idx="143">
                  <c:v>125.39035797119099</c:v>
                </c:pt>
                <c:pt idx="144">
                  <c:v>122.52352142334</c:v>
                </c:pt>
                <c:pt idx="145">
                  <c:v>121.58829498291</c:v>
                </c:pt>
                <c:pt idx="146">
                  <c:v>119.197296142578</c:v>
                </c:pt>
                <c:pt idx="147">
                  <c:v>117.58941650390599</c:v>
                </c:pt>
                <c:pt idx="148">
                  <c:v>113.60252380371099</c:v>
                </c:pt>
                <c:pt idx="149">
                  <c:v>111.769233703613</c:v>
                </c:pt>
                <c:pt idx="150">
                  <c:v>110.64161682128901</c:v>
                </c:pt>
                <c:pt idx="151">
                  <c:v>107.75983428955099</c:v>
                </c:pt>
                <c:pt idx="152">
                  <c:v>105.65322113037099</c:v>
                </c:pt>
                <c:pt idx="153">
                  <c:v>104.78644561767599</c:v>
                </c:pt>
                <c:pt idx="154">
                  <c:v>101.799667358398</c:v>
                </c:pt>
                <c:pt idx="155">
                  <c:v>99.8299560546875</c:v>
                </c:pt>
                <c:pt idx="156">
                  <c:v>97.90673828125</c:v>
                </c:pt>
                <c:pt idx="157">
                  <c:v>95.861061096191406</c:v>
                </c:pt>
                <c:pt idx="158">
                  <c:v>93.449615478515597</c:v>
                </c:pt>
                <c:pt idx="159">
                  <c:v>93.138992309570298</c:v>
                </c:pt>
                <c:pt idx="160">
                  <c:v>90.192535400390597</c:v>
                </c:pt>
                <c:pt idx="161">
                  <c:v>86.866935729980497</c:v>
                </c:pt>
                <c:pt idx="162">
                  <c:v>83.278083801269503</c:v>
                </c:pt>
                <c:pt idx="163">
                  <c:v>81.424789428710895</c:v>
                </c:pt>
                <c:pt idx="164">
                  <c:v>79.498771667480497</c:v>
                </c:pt>
                <c:pt idx="165">
                  <c:v>79.312316894531307</c:v>
                </c:pt>
                <c:pt idx="166">
                  <c:v>77.230918884277301</c:v>
                </c:pt>
                <c:pt idx="167">
                  <c:v>75.630416870117202</c:v>
                </c:pt>
                <c:pt idx="168">
                  <c:v>73.704780578613295</c:v>
                </c:pt>
                <c:pt idx="169">
                  <c:v>72.242759704589801</c:v>
                </c:pt>
                <c:pt idx="170">
                  <c:v>76.411201477050795</c:v>
                </c:pt>
                <c:pt idx="171">
                  <c:v>74.483169555664105</c:v>
                </c:pt>
                <c:pt idx="172">
                  <c:v>71.951957702636705</c:v>
                </c:pt>
                <c:pt idx="173">
                  <c:v>69.358634948730497</c:v>
                </c:pt>
                <c:pt idx="174">
                  <c:v>67.030296325683594</c:v>
                </c:pt>
                <c:pt idx="175">
                  <c:v>66.505752563476605</c:v>
                </c:pt>
                <c:pt idx="176">
                  <c:v>70.510231018066406</c:v>
                </c:pt>
                <c:pt idx="177">
                  <c:v>66.741539001464801</c:v>
                </c:pt>
                <c:pt idx="178">
                  <c:v>65.664558410644503</c:v>
                </c:pt>
                <c:pt idx="179">
                  <c:v>63.730735778808601</c:v>
                </c:pt>
                <c:pt idx="180">
                  <c:v>60.683780670166001</c:v>
                </c:pt>
                <c:pt idx="181">
                  <c:v>58.886795043945298</c:v>
                </c:pt>
                <c:pt idx="182">
                  <c:v>57.834991455078097</c:v>
                </c:pt>
                <c:pt idx="183">
                  <c:v>55.081790924072301</c:v>
                </c:pt>
                <c:pt idx="184">
                  <c:v>53.783893585205099</c:v>
                </c:pt>
                <c:pt idx="185">
                  <c:v>53.477561950683601</c:v>
                </c:pt>
                <c:pt idx="186">
                  <c:v>51.101913452148402</c:v>
                </c:pt>
                <c:pt idx="187">
                  <c:v>50.162826538085902</c:v>
                </c:pt>
                <c:pt idx="188">
                  <c:v>48.9640922546387</c:v>
                </c:pt>
                <c:pt idx="189">
                  <c:v>46.996665954589801</c:v>
                </c:pt>
                <c:pt idx="190">
                  <c:v>45.013034820556598</c:v>
                </c:pt>
                <c:pt idx="191">
                  <c:v>44.105503082275398</c:v>
                </c:pt>
                <c:pt idx="192">
                  <c:v>43.152378082275398</c:v>
                </c:pt>
                <c:pt idx="193">
                  <c:v>42.612518310546903</c:v>
                </c:pt>
                <c:pt idx="194">
                  <c:v>41.596916198730497</c:v>
                </c:pt>
                <c:pt idx="195">
                  <c:v>40.218681335449197</c:v>
                </c:pt>
                <c:pt idx="196">
                  <c:v>39.306709289550803</c:v>
                </c:pt>
                <c:pt idx="197">
                  <c:v>38.258842468261697</c:v>
                </c:pt>
                <c:pt idx="198">
                  <c:v>37.052120208740199</c:v>
                </c:pt>
                <c:pt idx="199">
                  <c:v>36.429801940917997</c:v>
                </c:pt>
                <c:pt idx="200">
                  <c:v>35.438831329345703</c:v>
                </c:pt>
                <c:pt idx="201">
                  <c:v>35.054710388183601</c:v>
                </c:pt>
                <c:pt idx="202">
                  <c:v>33.859661102294901</c:v>
                </c:pt>
                <c:pt idx="203">
                  <c:v>32.892494201660199</c:v>
                </c:pt>
                <c:pt idx="204">
                  <c:v>32.325401306152301</c:v>
                </c:pt>
                <c:pt idx="205">
                  <c:v>31.5439643859863</c:v>
                </c:pt>
                <c:pt idx="206">
                  <c:v>30.716037750244102</c:v>
                </c:pt>
                <c:pt idx="207">
                  <c:v>30.2929172515869</c:v>
                </c:pt>
                <c:pt idx="208">
                  <c:v>29.070795059204102</c:v>
                </c:pt>
                <c:pt idx="209">
                  <c:v>27.847263336181602</c:v>
                </c:pt>
                <c:pt idx="210">
                  <c:v>27.397560119628899</c:v>
                </c:pt>
                <c:pt idx="211">
                  <c:v>26.765115737915</c:v>
                </c:pt>
                <c:pt idx="212">
                  <c:v>25.983016967773398</c:v>
                </c:pt>
                <c:pt idx="213">
                  <c:v>25.188915252685501</c:v>
                </c:pt>
                <c:pt idx="214">
                  <c:v>24.480447769165</c:v>
                </c:pt>
                <c:pt idx="215">
                  <c:v>23.501781463623001</c:v>
                </c:pt>
                <c:pt idx="216">
                  <c:v>22.865283966064499</c:v>
                </c:pt>
                <c:pt idx="217">
                  <c:v>22.047492980956999</c:v>
                </c:pt>
                <c:pt idx="218">
                  <c:v>21.018533706665</c:v>
                </c:pt>
                <c:pt idx="219">
                  <c:v>20.465471267700199</c:v>
                </c:pt>
                <c:pt idx="220">
                  <c:v>19.262510299682599</c:v>
                </c:pt>
                <c:pt idx="221">
                  <c:v>18.3609809875488</c:v>
                </c:pt>
                <c:pt idx="222">
                  <c:v>17.4171848297119</c:v>
                </c:pt>
                <c:pt idx="223">
                  <c:v>16.323297500610401</c:v>
                </c:pt>
                <c:pt idx="224">
                  <c:v>15.1149797439575</c:v>
                </c:pt>
                <c:pt idx="225">
                  <c:v>13.815844535827599</c:v>
                </c:pt>
                <c:pt idx="226">
                  <c:v>12.260630607605</c:v>
                </c:pt>
                <c:pt idx="227">
                  <c:v>10.587908744811999</c:v>
                </c:pt>
                <c:pt idx="228">
                  <c:v>8.2092628479003906</c:v>
                </c:pt>
                <c:pt idx="229">
                  <c:v>3.4430143833160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B58-45E7-87C9-7B7FC4C01413}"/>
            </c:ext>
          </c:extLst>
        </c:ser>
        <c:ser>
          <c:idx val="1"/>
          <c:order val="1"/>
          <c:tx>
            <c:v>15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Type_1_3_15___._1_thixotropy_rw!$F$2:$F$231</c:f>
              <c:numCache>
                <c:formatCode>General</c:formatCode>
                <c:ptCount val="230"/>
                <c:pt idx="0">
                  <c:v>0.92749416828155495</c:v>
                </c:pt>
                <c:pt idx="1">
                  <c:v>1.92762279510498</c:v>
                </c:pt>
                <c:pt idx="2">
                  <c:v>2.9249918460845898</c:v>
                </c:pt>
                <c:pt idx="3">
                  <c:v>3.9247882366180402</c:v>
                </c:pt>
                <c:pt idx="4">
                  <c:v>4.9249305725097701</c:v>
                </c:pt>
                <c:pt idx="5">
                  <c:v>5.9246292114257804</c:v>
                </c:pt>
                <c:pt idx="6">
                  <c:v>6.9248676300048801</c:v>
                </c:pt>
                <c:pt idx="7">
                  <c:v>7.9274625778198198</c:v>
                </c:pt>
                <c:pt idx="8">
                  <c:v>8.9246387481689506</c:v>
                </c:pt>
                <c:pt idx="9">
                  <c:v>9.9247522354125994</c:v>
                </c:pt>
                <c:pt idx="10">
                  <c:v>10.924975395202599</c:v>
                </c:pt>
                <c:pt idx="11">
                  <c:v>11.9251165390015</c:v>
                </c:pt>
                <c:pt idx="12">
                  <c:v>12.925035476684601</c:v>
                </c:pt>
                <c:pt idx="13">
                  <c:v>13.9250793457031</c:v>
                </c:pt>
                <c:pt idx="14">
                  <c:v>14.925269126892101</c:v>
                </c:pt>
                <c:pt idx="15">
                  <c:v>15.925611495971699</c:v>
                </c:pt>
                <c:pt idx="16">
                  <c:v>16.925256729126001</c:v>
                </c:pt>
                <c:pt idx="17">
                  <c:v>17.9248657226563</c:v>
                </c:pt>
                <c:pt idx="18">
                  <c:v>18.924766540527301</c:v>
                </c:pt>
                <c:pt idx="19">
                  <c:v>19.924472808837901</c:v>
                </c:pt>
                <c:pt idx="20">
                  <c:v>20.924217224121101</c:v>
                </c:pt>
                <c:pt idx="21">
                  <c:v>21.924299240112301</c:v>
                </c:pt>
                <c:pt idx="22">
                  <c:v>22.9238395690918</c:v>
                </c:pt>
                <c:pt idx="23">
                  <c:v>23.924106597900401</c:v>
                </c:pt>
                <c:pt idx="24">
                  <c:v>24.923313140869102</c:v>
                </c:pt>
                <c:pt idx="25">
                  <c:v>25.923233032226602</c:v>
                </c:pt>
                <c:pt idx="26">
                  <c:v>26.922630310058601</c:v>
                </c:pt>
                <c:pt idx="27">
                  <c:v>27.9225158691406</c:v>
                </c:pt>
                <c:pt idx="28">
                  <c:v>28.922531127929702</c:v>
                </c:pt>
                <c:pt idx="29">
                  <c:v>29.922182083129901</c:v>
                </c:pt>
                <c:pt idx="30">
                  <c:v>30.921577453613299</c:v>
                </c:pt>
                <c:pt idx="31">
                  <c:v>31.921236038208001</c:v>
                </c:pt>
                <c:pt idx="32">
                  <c:v>32.9244995117188</c:v>
                </c:pt>
                <c:pt idx="33">
                  <c:v>33.924667358398402</c:v>
                </c:pt>
                <c:pt idx="34">
                  <c:v>34.923782348632798</c:v>
                </c:pt>
                <c:pt idx="35">
                  <c:v>35.923301696777301</c:v>
                </c:pt>
                <c:pt idx="36">
                  <c:v>36.922988891601598</c:v>
                </c:pt>
                <c:pt idx="37">
                  <c:v>37.9230766296387</c:v>
                </c:pt>
                <c:pt idx="38">
                  <c:v>38.922573089599602</c:v>
                </c:pt>
                <c:pt idx="39">
                  <c:v>39.922565460205099</c:v>
                </c:pt>
                <c:pt idx="40">
                  <c:v>40.9217720031738</c:v>
                </c:pt>
                <c:pt idx="41">
                  <c:v>41.922111511230497</c:v>
                </c:pt>
                <c:pt idx="42">
                  <c:v>42.921607971191399</c:v>
                </c:pt>
                <c:pt idx="43">
                  <c:v>43.9217338562012</c:v>
                </c:pt>
                <c:pt idx="44">
                  <c:v>44.921287536621101</c:v>
                </c:pt>
                <c:pt idx="45">
                  <c:v>45.921062469482401</c:v>
                </c:pt>
                <c:pt idx="46">
                  <c:v>46.920360565185497</c:v>
                </c:pt>
                <c:pt idx="47">
                  <c:v>47.920742034912102</c:v>
                </c:pt>
                <c:pt idx="48">
                  <c:v>48.920253753662102</c:v>
                </c:pt>
                <c:pt idx="49">
                  <c:v>49.919960021972699</c:v>
                </c:pt>
                <c:pt idx="50">
                  <c:v>50.919731140136697</c:v>
                </c:pt>
                <c:pt idx="51">
                  <c:v>51.919479370117202</c:v>
                </c:pt>
                <c:pt idx="52">
                  <c:v>52.919498443603501</c:v>
                </c:pt>
                <c:pt idx="53">
                  <c:v>53.919029235839801</c:v>
                </c:pt>
                <c:pt idx="54">
                  <c:v>54.918674468994098</c:v>
                </c:pt>
                <c:pt idx="55">
                  <c:v>55.918365478515597</c:v>
                </c:pt>
                <c:pt idx="56">
                  <c:v>56.918289184570298</c:v>
                </c:pt>
                <c:pt idx="57">
                  <c:v>57.918067932128899</c:v>
                </c:pt>
                <c:pt idx="58">
                  <c:v>58.917896270752003</c:v>
                </c:pt>
                <c:pt idx="59">
                  <c:v>59.917167663574197</c:v>
                </c:pt>
                <c:pt idx="60">
                  <c:v>60.917179107666001</c:v>
                </c:pt>
                <c:pt idx="61">
                  <c:v>61.916862487792997</c:v>
                </c:pt>
                <c:pt idx="62">
                  <c:v>62.916614532470703</c:v>
                </c:pt>
                <c:pt idx="63">
                  <c:v>63.916465759277301</c:v>
                </c:pt>
                <c:pt idx="64">
                  <c:v>64.916053771972699</c:v>
                </c:pt>
                <c:pt idx="65">
                  <c:v>65.916191101074205</c:v>
                </c:pt>
                <c:pt idx="66">
                  <c:v>66.915977478027301</c:v>
                </c:pt>
                <c:pt idx="67">
                  <c:v>67.915245056152301</c:v>
                </c:pt>
                <c:pt idx="68">
                  <c:v>68.915191650390597</c:v>
                </c:pt>
                <c:pt idx="69">
                  <c:v>69.915321350097699</c:v>
                </c:pt>
                <c:pt idx="70">
                  <c:v>70.914634704589801</c:v>
                </c:pt>
                <c:pt idx="71">
                  <c:v>71.914581298828097</c:v>
                </c:pt>
                <c:pt idx="72">
                  <c:v>72.914215087890597</c:v>
                </c:pt>
                <c:pt idx="73">
                  <c:v>73.914215087890597</c:v>
                </c:pt>
                <c:pt idx="74">
                  <c:v>74.913436889648395</c:v>
                </c:pt>
                <c:pt idx="75">
                  <c:v>75.913276672363295</c:v>
                </c:pt>
                <c:pt idx="76">
                  <c:v>76.913070678710895</c:v>
                </c:pt>
                <c:pt idx="77">
                  <c:v>77.913223266601605</c:v>
                </c:pt>
                <c:pt idx="78">
                  <c:v>78.912513732910199</c:v>
                </c:pt>
                <c:pt idx="79">
                  <c:v>79.912673950195298</c:v>
                </c:pt>
                <c:pt idx="80">
                  <c:v>80.912315368652301</c:v>
                </c:pt>
                <c:pt idx="81">
                  <c:v>81.912063598632798</c:v>
                </c:pt>
                <c:pt idx="82">
                  <c:v>82.911750793457003</c:v>
                </c:pt>
                <c:pt idx="83">
                  <c:v>83.9107666015625</c:v>
                </c:pt>
                <c:pt idx="84">
                  <c:v>84.910575866699205</c:v>
                </c:pt>
                <c:pt idx="85">
                  <c:v>85.910758972167997</c:v>
                </c:pt>
                <c:pt idx="86">
                  <c:v>86.911361694335895</c:v>
                </c:pt>
                <c:pt idx="87">
                  <c:v>87.910194396972699</c:v>
                </c:pt>
                <c:pt idx="88">
                  <c:v>88.910026550292997</c:v>
                </c:pt>
                <c:pt idx="89">
                  <c:v>89.910385131835895</c:v>
                </c:pt>
                <c:pt idx="90">
                  <c:v>90.9102783203125</c:v>
                </c:pt>
                <c:pt idx="91">
                  <c:v>91.909423828125</c:v>
                </c:pt>
                <c:pt idx="92">
                  <c:v>92.909339904785199</c:v>
                </c:pt>
                <c:pt idx="93">
                  <c:v>93.909027099609403</c:v>
                </c:pt>
                <c:pt idx="94">
                  <c:v>94.909507751464801</c:v>
                </c:pt>
                <c:pt idx="95">
                  <c:v>95.906730651855497</c:v>
                </c:pt>
                <c:pt idx="96">
                  <c:v>96.909759521484403</c:v>
                </c:pt>
                <c:pt idx="97">
                  <c:v>97.908027648925795</c:v>
                </c:pt>
                <c:pt idx="98">
                  <c:v>98.908370971679702</c:v>
                </c:pt>
                <c:pt idx="99">
                  <c:v>99.907455444335895</c:v>
                </c:pt>
                <c:pt idx="100">
                  <c:v>100.00090789794901</c:v>
                </c:pt>
                <c:pt idx="101">
                  <c:v>99.999618530273395</c:v>
                </c:pt>
                <c:pt idx="102">
                  <c:v>99.999092102050795</c:v>
                </c:pt>
                <c:pt idx="103">
                  <c:v>99.999359130859403</c:v>
                </c:pt>
                <c:pt idx="104">
                  <c:v>100.000564575195</c:v>
                </c:pt>
                <c:pt idx="105">
                  <c:v>99.999870300292997</c:v>
                </c:pt>
                <c:pt idx="106">
                  <c:v>99.999984741210895</c:v>
                </c:pt>
                <c:pt idx="107">
                  <c:v>99.999336242675795</c:v>
                </c:pt>
                <c:pt idx="108">
                  <c:v>100.00006103515599</c:v>
                </c:pt>
                <c:pt idx="109">
                  <c:v>100.000526428223</c:v>
                </c:pt>
                <c:pt idx="110">
                  <c:v>100.000198364258</c:v>
                </c:pt>
                <c:pt idx="111">
                  <c:v>99.999992370605497</c:v>
                </c:pt>
                <c:pt idx="112">
                  <c:v>99.998985290527301</c:v>
                </c:pt>
                <c:pt idx="113">
                  <c:v>99.999588012695298</c:v>
                </c:pt>
                <c:pt idx="114">
                  <c:v>100.00065612793</c:v>
                </c:pt>
                <c:pt idx="115">
                  <c:v>100.000701904297</c:v>
                </c:pt>
                <c:pt idx="116">
                  <c:v>99.999900817871094</c:v>
                </c:pt>
                <c:pt idx="117">
                  <c:v>100.000350952148</c:v>
                </c:pt>
                <c:pt idx="118">
                  <c:v>99.999557495117202</c:v>
                </c:pt>
                <c:pt idx="119">
                  <c:v>99.999427795410199</c:v>
                </c:pt>
                <c:pt idx="120">
                  <c:v>100.000160217285</c:v>
                </c:pt>
                <c:pt idx="121">
                  <c:v>100.00018310546901</c:v>
                </c:pt>
                <c:pt idx="122">
                  <c:v>100.003089904785</c:v>
                </c:pt>
                <c:pt idx="123">
                  <c:v>100.00001525878901</c:v>
                </c:pt>
                <c:pt idx="124">
                  <c:v>99.999984741210895</c:v>
                </c:pt>
                <c:pt idx="125">
                  <c:v>100.001174926758</c:v>
                </c:pt>
                <c:pt idx="126">
                  <c:v>99.999938964843807</c:v>
                </c:pt>
                <c:pt idx="127">
                  <c:v>99.999855041503906</c:v>
                </c:pt>
                <c:pt idx="128">
                  <c:v>99.999900817871094</c:v>
                </c:pt>
                <c:pt idx="129">
                  <c:v>100.00051116943401</c:v>
                </c:pt>
                <c:pt idx="130">
                  <c:v>99.073875427246094</c:v>
                </c:pt>
                <c:pt idx="131">
                  <c:v>98.074424743652301</c:v>
                </c:pt>
                <c:pt idx="132">
                  <c:v>97.074905395507798</c:v>
                </c:pt>
                <c:pt idx="133">
                  <c:v>96.072319030761705</c:v>
                </c:pt>
                <c:pt idx="134">
                  <c:v>95.074562072753906</c:v>
                </c:pt>
                <c:pt idx="135">
                  <c:v>94.075408935546903</c:v>
                </c:pt>
                <c:pt idx="136">
                  <c:v>93.075653076171903</c:v>
                </c:pt>
                <c:pt idx="137">
                  <c:v>92.076065063476605</c:v>
                </c:pt>
                <c:pt idx="138">
                  <c:v>91.072883605957003</c:v>
                </c:pt>
                <c:pt idx="139">
                  <c:v>90.076408386230497</c:v>
                </c:pt>
                <c:pt idx="140">
                  <c:v>89.076416015625</c:v>
                </c:pt>
                <c:pt idx="141">
                  <c:v>88.076530456542997</c:v>
                </c:pt>
                <c:pt idx="142">
                  <c:v>87.076828002929702</c:v>
                </c:pt>
                <c:pt idx="143">
                  <c:v>86.077667236328097</c:v>
                </c:pt>
                <c:pt idx="144">
                  <c:v>85.077255249023395</c:v>
                </c:pt>
                <c:pt idx="145">
                  <c:v>84.077568054199205</c:v>
                </c:pt>
                <c:pt idx="146">
                  <c:v>83.078041076660199</c:v>
                </c:pt>
                <c:pt idx="147">
                  <c:v>82.078697204589801</c:v>
                </c:pt>
                <c:pt idx="148">
                  <c:v>81.077980041503906</c:v>
                </c:pt>
                <c:pt idx="149">
                  <c:v>80.078514099121094</c:v>
                </c:pt>
                <c:pt idx="150">
                  <c:v>79.078231811523395</c:v>
                </c:pt>
                <c:pt idx="151">
                  <c:v>78.078971862792997</c:v>
                </c:pt>
                <c:pt idx="152">
                  <c:v>77.079521179199205</c:v>
                </c:pt>
                <c:pt idx="153">
                  <c:v>76.079551696777301</c:v>
                </c:pt>
                <c:pt idx="154">
                  <c:v>75.079620361328097</c:v>
                </c:pt>
                <c:pt idx="155">
                  <c:v>74.080383300781307</c:v>
                </c:pt>
                <c:pt idx="156">
                  <c:v>73.080291748046903</c:v>
                </c:pt>
                <c:pt idx="157">
                  <c:v>72.080833435058594</c:v>
                </c:pt>
                <c:pt idx="158">
                  <c:v>71.081047058105497</c:v>
                </c:pt>
                <c:pt idx="159">
                  <c:v>70.081237792968807</c:v>
                </c:pt>
                <c:pt idx="160">
                  <c:v>69.081375122070298</c:v>
                </c:pt>
                <c:pt idx="161">
                  <c:v>68.081901550292997</c:v>
                </c:pt>
                <c:pt idx="162">
                  <c:v>67.081703186035199</c:v>
                </c:pt>
                <c:pt idx="163">
                  <c:v>66.08203125</c:v>
                </c:pt>
                <c:pt idx="164">
                  <c:v>65.082160949707003</c:v>
                </c:pt>
                <c:pt idx="165">
                  <c:v>64.079833984375</c:v>
                </c:pt>
                <c:pt idx="166">
                  <c:v>63.080028533935497</c:v>
                </c:pt>
                <c:pt idx="167">
                  <c:v>62.080307006835902</c:v>
                </c:pt>
                <c:pt idx="168">
                  <c:v>61.080516815185497</c:v>
                </c:pt>
                <c:pt idx="169">
                  <c:v>60.080513000488303</c:v>
                </c:pt>
                <c:pt idx="170">
                  <c:v>59.081260681152301</c:v>
                </c:pt>
                <c:pt idx="171">
                  <c:v>58.081329345703097</c:v>
                </c:pt>
                <c:pt idx="172">
                  <c:v>57.081527709960902</c:v>
                </c:pt>
                <c:pt idx="173">
                  <c:v>56.081794738769503</c:v>
                </c:pt>
                <c:pt idx="174">
                  <c:v>55.081817626953097</c:v>
                </c:pt>
                <c:pt idx="175">
                  <c:v>54.082149505615199</c:v>
                </c:pt>
                <c:pt idx="176">
                  <c:v>53.082244873046903</c:v>
                </c:pt>
                <c:pt idx="177">
                  <c:v>52.082588195800803</c:v>
                </c:pt>
                <c:pt idx="178">
                  <c:v>51.083042144775398</c:v>
                </c:pt>
                <c:pt idx="179">
                  <c:v>50.083091735839801</c:v>
                </c:pt>
                <c:pt idx="180">
                  <c:v>49.083194732666001</c:v>
                </c:pt>
                <c:pt idx="181">
                  <c:v>48.083545684814503</c:v>
                </c:pt>
                <c:pt idx="182">
                  <c:v>47.083732604980497</c:v>
                </c:pt>
                <c:pt idx="183">
                  <c:v>46.084129333496101</c:v>
                </c:pt>
                <c:pt idx="184">
                  <c:v>45.0841674804688</c:v>
                </c:pt>
                <c:pt idx="185">
                  <c:v>44.0846138000488</c:v>
                </c:pt>
                <c:pt idx="186">
                  <c:v>43.0848197937012</c:v>
                </c:pt>
                <c:pt idx="187">
                  <c:v>42.085113525390597</c:v>
                </c:pt>
                <c:pt idx="188">
                  <c:v>41.085277557372997</c:v>
                </c:pt>
                <c:pt idx="189">
                  <c:v>40.085617065429702</c:v>
                </c:pt>
                <c:pt idx="190">
                  <c:v>39.085727691650398</c:v>
                </c:pt>
                <c:pt idx="191">
                  <c:v>38.086002349853501</c:v>
                </c:pt>
                <c:pt idx="192">
                  <c:v>37.086360931396499</c:v>
                </c:pt>
                <c:pt idx="193">
                  <c:v>36.0865287780762</c:v>
                </c:pt>
                <c:pt idx="194">
                  <c:v>35.086734771728501</c:v>
                </c:pt>
                <c:pt idx="195">
                  <c:v>34.086917877197301</c:v>
                </c:pt>
                <c:pt idx="196">
                  <c:v>33.087306976318402</c:v>
                </c:pt>
                <c:pt idx="197">
                  <c:v>32.087474822997997</c:v>
                </c:pt>
                <c:pt idx="198">
                  <c:v>31.0878200531006</c:v>
                </c:pt>
                <c:pt idx="199">
                  <c:v>30.0879917144775</c:v>
                </c:pt>
                <c:pt idx="200">
                  <c:v>29.088201522827099</c:v>
                </c:pt>
                <c:pt idx="201">
                  <c:v>28.088436126708999</c:v>
                </c:pt>
                <c:pt idx="202">
                  <c:v>27.088647842407202</c:v>
                </c:pt>
                <c:pt idx="203">
                  <c:v>26.0887966156006</c:v>
                </c:pt>
                <c:pt idx="204">
                  <c:v>25.089197158813501</c:v>
                </c:pt>
                <c:pt idx="205">
                  <c:v>24.0895175933838</c:v>
                </c:pt>
                <c:pt idx="206">
                  <c:v>23.0897731781006</c:v>
                </c:pt>
                <c:pt idx="207">
                  <c:v>22.089849472045898</c:v>
                </c:pt>
                <c:pt idx="208">
                  <c:v>21.0900688171387</c:v>
                </c:pt>
                <c:pt idx="209">
                  <c:v>20.090377807617202</c:v>
                </c:pt>
                <c:pt idx="210">
                  <c:v>19.0903224945068</c:v>
                </c:pt>
                <c:pt idx="211">
                  <c:v>18.0909309387207</c:v>
                </c:pt>
                <c:pt idx="212">
                  <c:v>17.091241836547901</c:v>
                </c:pt>
                <c:pt idx="213">
                  <c:v>16.091352462768601</c:v>
                </c:pt>
                <c:pt idx="214">
                  <c:v>15.091256141662599</c:v>
                </c:pt>
                <c:pt idx="215">
                  <c:v>14.0912427902222</c:v>
                </c:pt>
                <c:pt idx="216">
                  <c:v>13.091035842895501</c:v>
                </c:pt>
                <c:pt idx="217">
                  <c:v>12.0911102294922</c:v>
                </c:pt>
                <c:pt idx="218">
                  <c:v>11.090981483459499</c:v>
                </c:pt>
                <c:pt idx="219">
                  <c:v>10.0908851623535</c:v>
                </c:pt>
                <c:pt idx="220">
                  <c:v>9.0907726287841797</c:v>
                </c:pt>
                <c:pt idx="221">
                  <c:v>8.0906276702880895</c:v>
                </c:pt>
                <c:pt idx="222">
                  <c:v>7.0907926559448198</c:v>
                </c:pt>
                <c:pt idx="223">
                  <c:v>6.0908002853393599</c:v>
                </c:pt>
                <c:pt idx="224">
                  <c:v>5.0908713340759304</c:v>
                </c:pt>
                <c:pt idx="225">
                  <c:v>4.09085941314697</c:v>
                </c:pt>
                <c:pt idx="226">
                  <c:v>3.0908973217010498</c:v>
                </c:pt>
                <c:pt idx="227">
                  <c:v>2.09092020988464</c:v>
                </c:pt>
                <c:pt idx="228">
                  <c:v>1.09087038040161</c:v>
                </c:pt>
                <c:pt idx="229">
                  <c:v>9.1139867901802105E-2</c:v>
                </c:pt>
              </c:numCache>
            </c:numRef>
          </c:xVal>
          <c:yVal>
            <c:numRef>
              <c:f>Type_1_3_15___._1_thixotropy_rw!$D$2:$D$231</c:f>
              <c:numCache>
                <c:formatCode>General</c:formatCode>
                <c:ptCount val="230"/>
                <c:pt idx="0">
                  <c:v>12.6811256408691</c:v>
                </c:pt>
                <c:pt idx="1">
                  <c:v>16.914382934570298</c:v>
                </c:pt>
                <c:pt idx="2">
                  <c:v>19.209810256958001</c:v>
                </c:pt>
                <c:pt idx="3">
                  <c:v>21.3268013000488</c:v>
                </c:pt>
                <c:pt idx="4">
                  <c:v>23.753725051879901</c:v>
                </c:pt>
                <c:pt idx="5">
                  <c:v>24.827163696289102</c:v>
                </c:pt>
                <c:pt idx="6">
                  <c:v>26.530307769775401</c:v>
                </c:pt>
                <c:pt idx="7">
                  <c:v>27.445976257324201</c:v>
                </c:pt>
                <c:pt idx="8">
                  <c:v>28.434616088867202</c:v>
                </c:pt>
                <c:pt idx="9">
                  <c:v>30.118629455566399</c:v>
                </c:pt>
                <c:pt idx="10">
                  <c:v>31.170160293579102</c:v>
                </c:pt>
                <c:pt idx="11">
                  <c:v>32.433513641357401</c:v>
                </c:pt>
                <c:pt idx="12">
                  <c:v>33.6984252929688</c:v>
                </c:pt>
                <c:pt idx="13">
                  <c:v>35.957283020019503</c:v>
                </c:pt>
                <c:pt idx="14">
                  <c:v>37.338180541992202</c:v>
                </c:pt>
                <c:pt idx="15">
                  <c:v>39.268814086914098</c:v>
                </c:pt>
                <c:pt idx="16">
                  <c:v>39.521797180175803</c:v>
                </c:pt>
                <c:pt idx="17">
                  <c:v>40.8016357421875</c:v>
                </c:pt>
                <c:pt idx="18">
                  <c:v>42.1961860656738</c:v>
                </c:pt>
                <c:pt idx="19">
                  <c:v>44.942798614502003</c:v>
                </c:pt>
                <c:pt idx="20">
                  <c:v>47.181686401367202</c:v>
                </c:pt>
                <c:pt idx="21">
                  <c:v>46.444507598877003</c:v>
                </c:pt>
                <c:pt idx="22">
                  <c:v>46.955760955810497</c:v>
                </c:pt>
                <c:pt idx="23">
                  <c:v>48.678546905517599</c:v>
                </c:pt>
                <c:pt idx="24">
                  <c:v>49.726863861083999</c:v>
                </c:pt>
                <c:pt idx="25">
                  <c:v>51.405612945556598</c:v>
                </c:pt>
                <c:pt idx="26">
                  <c:v>52.011219024658203</c:v>
                </c:pt>
                <c:pt idx="27">
                  <c:v>52.416221618652301</c:v>
                </c:pt>
                <c:pt idx="28">
                  <c:v>53.466732025146499</c:v>
                </c:pt>
                <c:pt idx="29">
                  <c:v>54.294773101806598</c:v>
                </c:pt>
                <c:pt idx="30">
                  <c:v>56.638870239257798</c:v>
                </c:pt>
                <c:pt idx="31">
                  <c:v>56.638328552246101</c:v>
                </c:pt>
                <c:pt idx="32">
                  <c:v>56.777034759521499</c:v>
                </c:pt>
                <c:pt idx="33">
                  <c:v>57.904994964599602</c:v>
                </c:pt>
                <c:pt idx="34">
                  <c:v>58.895057678222699</c:v>
                </c:pt>
                <c:pt idx="35">
                  <c:v>59.092350006103501</c:v>
                </c:pt>
                <c:pt idx="36">
                  <c:v>60.767486572265597</c:v>
                </c:pt>
                <c:pt idx="37">
                  <c:v>61.680061340332003</c:v>
                </c:pt>
                <c:pt idx="38">
                  <c:v>63.187370300292997</c:v>
                </c:pt>
                <c:pt idx="39">
                  <c:v>63.114845275878899</c:v>
                </c:pt>
                <c:pt idx="40">
                  <c:v>64.069030761718807</c:v>
                </c:pt>
                <c:pt idx="41">
                  <c:v>65.366424560546903</c:v>
                </c:pt>
                <c:pt idx="42">
                  <c:v>66.837532043457003</c:v>
                </c:pt>
                <c:pt idx="43">
                  <c:v>67.937606811523395</c:v>
                </c:pt>
                <c:pt idx="44">
                  <c:v>68.362632751464801</c:v>
                </c:pt>
                <c:pt idx="45">
                  <c:v>69.157699584960895</c:v>
                </c:pt>
                <c:pt idx="46">
                  <c:v>70.600738525390597</c:v>
                </c:pt>
                <c:pt idx="47">
                  <c:v>75.885505676269503</c:v>
                </c:pt>
                <c:pt idx="48">
                  <c:v>73.319740295410199</c:v>
                </c:pt>
                <c:pt idx="49">
                  <c:v>75.350326538085895</c:v>
                </c:pt>
                <c:pt idx="50">
                  <c:v>76.641731262207003</c:v>
                </c:pt>
                <c:pt idx="51">
                  <c:v>78.326126098632798</c:v>
                </c:pt>
                <c:pt idx="52">
                  <c:v>80.500404357910199</c:v>
                </c:pt>
                <c:pt idx="53">
                  <c:v>82.399688720703097</c:v>
                </c:pt>
                <c:pt idx="54">
                  <c:v>84.626121520996094</c:v>
                </c:pt>
                <c:pt idx="55">
                  <c:v>85.751243591308594</c:v>
                </c:pt>
                <c:pt idx="56">
                  <c:v>88.125053405761705</c:v>
                </c:pt>
                <c:pt idx="57">
                  <c:v>91.016082763671903</c:v>
                </c:pt>
                <c:pt idx="58">
                  <c:v>92.863365173339801</c:v>
                </c:pt>
                <c:pt idx="59">
                  <c:v>95.190383911132798</c:v>
                </c:pt>
                <c:pt idx="60">
                  <c:v>97.639617919921903</c:v>
                </c:pt>
                <c:pt idx="61">
                  <c:v>100.327102661133</c:v>
                </c:pt>
                <c:pt idx="62">
                  <c:v>102.542839050293</c:v>
                </c:pt>
                <c:pt idx="63">
                  <c:v>105.13812255859401</c:v>
                </c:pt>
                <c:pt idx="64">
                  <c:v>107.550155639648</c:v>
                </c:pt>
                <c:pt idx="65">
                  <c:v>109.189323425293</c:v>
                </c:pt>
                <c:pt idx="66">
                  <c:v>111.700790405273</c:v>
                </c:pt>
                <c:pt idx="67">
                  <c:v>115.299942016602</c:v>
                </c:pt>
                <c:pt idx="68">
                  <c:v>115.73583984375</c:v>
                </c:pt>
                <c:pt idx="69">
                  <c:v>119.69687652587901</c:v>
                </c:pt>
                <c:pt idx="70">
                  <c:v>121.33798217773401</c:v>
                </c:pt>
                <c:pt idx="71">
                  <c:v>123.73900604248</c:v>
                </c:pt>
                <c:pt idx="72">
                  <c:v>125.54776763916</c:v>
                </c:pt>
                <c:pt idx="73">
                  <c:v>129.434814453125</c:v>
                </c:pt>
                <c:pt idx="74">
                  <c:v>132.65040588378901</c:v>
                </c:pt>
                <c:pt idx="75">
                  <c:v>137.63204956054699</c:v>
                </c:pt>
                <c:pt idx="76">
                  <c:v>139.76266479492199</c:v>
                </c:pt>
                <c:pt idx="77">
                  <c:v>141.37864685058599</c:v>
                </c:pt>
                <c:pt idx="78">
                  <c:v>142.536544799805</c:v>
                </c:pt>
                <c:pt idx="79">
                  <c:v>146.40127563476599</c:v>
                </c:pt>
                <c:pt idx="80">
                  <c:v>147.92991638183599</c:v>
                </c:pt>
                <c:pt idx="81">
                  <c:v>151.28936767578099</c:v>
                </c:pt>
                <c:pt idx="82">
                  <c:v>154.148193359375</c:v>
                </c:pt>
                <c:pt idx="83">
                  <c:v>159.82939147949199</c:v>
                </c:pt>
                <c:pt idx="84">
                  <c:v>159.80166625976599</c:v>
                </c:pt>
                <c:pt idx="85">
                  <c:v>163.372970581055</c:v>
                </c:pt>
                <c:pt idx="86">
                  <c:v>167.907638549805</c:v>
                </c:pt>
                <c:pt idx="87">
                  <c:v>169.96200561523401</c:v>
                </c:pt>
                <c:pt idx="88">
                  <c:v>173.50094604492199</c:v>
                </c:pt>
                <c:pt idx="89">
                  <c:v>177.80270385742199</c:v>
                </c:pt>
                <c:pt idx="90">
                  <c:v>183.99586486816401</c:v>
                </c:pt>
                <c:pt idx="91">
                  <c:v>184.02041625976599</c:v>
                </c:pt>
                <c:pt idx="92">
                  <c:v>187.30038452148401</c:v>
                </c:pt>
                <c:pt idx="93">
                  <c:v>190.78073120117199</c:v>
                </c:pt>
                <c:pt idx="94">
                  <c:v>193.07833862304699</c:v>
                </c:pt>
                <c:pt idx="95">
                  <c:v>199.23773193359401</c:v>
                </c:pt>
                <c:pt idx="96">
                  <c:v>200.41958618164099</c:v>
                </c:pt>
                <c:pt idx="97">
                  <c:v>202.529296875</c:v>
                </c:pt>
                <c:pt idx="98">
                  <c:v>205.47146606445301</c:v>
                </c:pt>
                <c:pt idx="99">
                  <c:v>210.84846496582</c:v>
                </c:pt>
                <c:pt idx="100">
                  <c:v>209.32884216308599</c:v>
                </c:pt>
                <c:pt idx="101">
                  <c:v>211.39767456054699</c:v>
                </c:pt>
                <c:pt idx="102">
                  <c:v>209.446533203125</c:v>
                </c:pt>
                <c:pt idx="103">
                  <c:v>210.110763549805</c:v>
                </c:pt>
                <c:pt idx="104">
                  <c:v>211.33888244628901</c:v>
                </c:pt>
                <c:pt idx="105">
                  <c:v>209.90629577636699</c:v>
                </c:pt>
                <c:pt idx="106">
                  <c:v>210.3388671875</c:v>
                </c:pt>
                <c:pt idx="107">
                  <c:v>212.45928955078099</c:v>
                </c:pt>
                <c:pt idx="108">
                  <c:v>211.41293334960901</c:v>
                </c:pt>
                <c:pt idx="109">
                  <c:v>211.22384643554699</c:v>
                </c:pt>
                <c:pt idx="110">
                  <c:v>207.98748779296901</c:v>
                </c:pt>
                <c:pt idx="111">
                  <c:v>208.90750122070301</c:v>
                </c:pt>
                <c:pt idx="112">
                  <c:v>208.677658081055</c:v>
                </c:pt>
                <c:pt idx="113">
                  <c:v>209.44638061523401</c:v>
                </c:pt>
                <c:pt idx="114">
                  <c:v>209.05064392089801</c:v>
                </c:pt>
                <c:pt idx="115">
                  <c:v>208.99911499023401</c:v>
                </c:pt>
                <c:pt idx="116">
                  <c:v>208.75494384765599</c:v>
                </c:pt>
                <c:pt idx="117">
                  <c:v>208.83979797363301</c:v>
                </c:pt>
                <c:pt idx="118">
                  <c:v>209.13368225097699</c:v>
                </c:pt>
                <c:pt idx="119">
                  <c:v>208.62571716308599</c:v>
                </c:pt>
                <c:pt idx="120">
                  <c:v>207.67085266113301</c:v>
                </c:pt>
                <c:pt idx="121">
                  <c:v>209.46778869628901</c:v>
                </c:pt>
                <c:pt idx="122">
                  <c:v>213.86634826660199</c:v>
                </c:pt>
                <c:pt idx="123">
                  <c:v>204.96922302246099</c:v>
                </c:pt>
                <c:pt idx="124">
                  <c:v>203.18745422363301</c:v>
                </c:pt>
                <c:pt idx="125">
                  <c:v>203.76972961425801</c:v>
                </c:pt>
                <c:pt idx="126">
                  <c:v>202.41305541992199</c:v>
                </c:pt>
                <c:pt idx="127">
                  <c:v>203.29617309570301</c:v>
                </c:pt>
                <c:pt idx="128">
                  <c:v>203.49273681640599</c:v>
                </c:pt>
                <c:pt idx="129">
                  <c:v>203.50704956054699</c:v>
                </c:pt>
                <c:pt idx="130">
                  <c:v>199.87467956543</c:v>
                </c:pt>
                <c:pt idx="131">
                  <c:v>196.10296630859401</c:v>
                </c:pt>
                <c:pt idx="132">
                  <c:v>192.85157775878901</c:v>
                </c:pt>
                <c:pt idx="133">
                  <c:v>186.21745300293</c:v>
                </c:pt>
                <c:pt idx="134">
                  <c:v>184.91394042968801</c:v>
                </c:pt>
                <c:pt idx="135">
                  <c:v>182.19244384765599</c:v>
                </c:pt>
                <c:pt idx="136">
                  <c:v>177.33689880371099</c:v>
                </c:pt>
                <c:pt idx="137">
                  <c:v>174.11250305175801</c:v>
                </c:pt>
                <c:pt idx="138">
                  <c:v>170.26448059082</c:v>
                </c:pt>
                <c:pt idx="139">
                  <c:v>167.327560424805</c:v>
                </c:pt>
                <c:pt idx="140">
                  <c:v>165.85488891601599</c:v>
                </c:pt>
                <c:pt idx="141">
                  <c:v>162.54542541503901</c:v>
                </c:pt>
                <c:pt idx="142">
                  <c:v>158.70248413085901</c:v>
                </c:pt>
                <c:pt idx="143">
                  <c:v>158.12321472168</c:v>
                </c:pt>
                <c:pt idx="144">
                  <c:v>152.62727355957</c:v>
                </c:pt>
                <c:pt idx="145">
                  <c:v>148.92790222168</c:v>
                </c:pt>
                <c:pt idx="146">
                  <c:v>146.48727416992199</c:v>
                </c:pt>
                <c:pt idx="147">
                  <c:v>146.32061767578099</c:v>
                </c:pt>
                <c:pt idx="148">
                  <c:v>141.96217346191401</c:v>
                </c:pt>
                <c:pt idx="149">
                  <c:v>140.9951171875</c:v>
                </c:pt>
                <c:pt idx="150">
                  <c:v>136.35365295410199</c:v>
                </c:pt>
                <c:pt idx="151">
                  <c:v>132.41378784179699</c:v>
                </c:pt>
                <c:pt idx="152">
                  <c:v>133.43394470214801</c:v>
                </c:pt>
                <c:pt idx="153">
                  <c:v>127.664756774902</c:v>
                </c:pt>
                <c:pt idx="154">
                  <c:v>125.580680847168</c:v>
                </c:pt>
                <c:pt idx="155">
                  <c:v>122.78790283203099</c:v>
                </c:pt>
                <c:pt idx="156">
                  <c:v>118.22638702392599</c:v>
                </c:pt>
                <c:pt idx="157">
                  <c:v>116.448768615723</c:v>
                </c:pt>
                <c:pt idx="158">
                  <c:v>114.172737121582</c:v>
                </c:pt>
                <c:pt idx="159">
                  <c:v>110.91408538818401</c:v>
                </c:pt>
                <c:pt idx="160">
                  <c:v>107.979194641113</c:v>
                </c:pt>
                <c:pt idx="161">
                  <c:v>106.104133605957</c:v>
                </c:pt>
                <c:pt idx="162">
                  <c:v>102.532592773438</c:v>
                </c:pt>
                <c:pt idx="163">
                  <c:v>100.03045654296901</c:v>
                </c:pt>
                <c:pt idx="164">
                  <c:v>97.087738037109403</c:v>
                </c:pt>
                <c:pt idx="165">
                  <c:v>94.933288574218807</c:v>
                </c:pt>
                <c:pt idx="166">
                  <c:v>92.645050048828097</c:v>
                </c:pt>
                <c:pt idx="167">
                  <c:v>89.309020996093807</c:v>
                </c:pt>
                <c:pt idx="168">
                  <c:v>86.585212707519503</c:v>
                </c:pt>
                <c:pt idx="169">
                  <c:v>84.782371520996094</c:v>
                </c:pt>
                <c:pt idx="170">
                  <c:v>83.607040405273395</c:v>
                </c:pt>
                <c:pt idx="171">
                  <c:v>79.767379760742202</c:v>
                </c:pt>
                <c:pt idx="172">
                  <c:v>77.335441589355497</c:v>
                </c:pt>
                <c:pt idx="173">
                  <c:v>74.930023193359403</c:v>
                </c:pt>
                <c:pt idx="174">
                  <c:v>72.918716430664105</c:v>
                </c:pt>
                <c:pt idx="175">
                  <c:v>71.058174133300795</c:v>
                </c:pt>
                <c:pt idx="176">
                  <c:v>69.917884826660199</c:v>
                </c:pt>
                <c:pt idx="177">
                  <c:v>66.332145690917997</c:v>
                </c:pt>
                <c:pt idx="178">
                  <c:v>64.7060546875</c:v>
                </c:pt>
                <c:pt idx="179">
                  <c:v>62.879508972167997</c:v>
                </c:pt>
                <c:pt idx="180">
                  <c:v>61.124431610107401</c:v>
                </c:pt>
                <c:pt idx="181">
                  <c:v>60.075618743896499</c:v>
                </c:pt>
                <c:pt idx="182">
                  <c:v>58.083763122558601</c:v>
                </c:pt>
                <c:pt idx="183">
                  <c:v>56.192474365234403</c:v>
                </c:pt>
                <c:pt idx="184">
                  <c:v>55.658779144287102</c:v>
                </c:pt>
                <c:pt idx="185">
                  <c:v>54.797981262207003</c:v>
                </c:pt>
                <c:pt idx="186">
                  <c:v>52.979042053222699</c:v>
                </c:pt>
                <c:pt idx="187">
                  <c:v>52.246162414550803</c:v>
                </c:pt>
                <c:pt idx="188">
                  <c:v>50.989803314208999</c:v>
                </c:pt>
                <c:pt idx="189">
                  <c:v>50.366767883300803</c:v>
                </c:pt>
                <c:pt idx="190">
                  <c:v>50.011985778808601</c:v>
                </c:pt>
                <c:pt idx="191">
                  <c:v>47.621219635009801</c:v>
                </c:pt>
                <c:pt idx="192">
                  <c:v>46.580631256103501</c:v>
                </c:pt>
                <c:pt idx="193">
                  <c:v>45.5569877624512</c:v>
                </c:pt>
                <c:pt idx="194">
                  <c:v>45.0060005187988</c:v>
                </c:pt>
                <c:pt idx="195">
                  <c:v>44.103904724121101</c:v>
                </c:pt>
                <c:pt idx="196">
                  <c:v>43.265983581542997</c:v>
                </c:pt>
                <c:pt idx="197">
                  <c:v>42.826438903808601</c:v>
                </c:pt>
                <c:pt idx="198">
                  <c:v>41.300041198730497</c:v>
                </c:pt>
                <c:pt idx="199">
                  <c:v>41.0874214172363</c:v>
                </c:pt>
                <c:pt idx="200">
                  <c:v>40.727077484130902</c:v>
                </c:pt>
                <c:pt idx="201">
                  <c:v>39.782630920410199</c:v>
                </c:pt>
                <c:pt idx="202">
                  <c:v>38.620128631591797</c:v>
                </c:pt>
                <c:pt idx="203">
                  <c:v>38.012516021728501</c:v>
                </c:pt>
                <c:pt idx="204">
                  <c:v>37.345615386962898</c:v>
                </c:pt>
                <c:pt idx="205">
                  <c:v>36.578598022460902</c:v>
                </c:pt>
                <c:pt idx="206">
                  <c:v>35.700878143310497</c:v>
                </c:pt>
                <c:pt idx="207">
                  <c:v>34.974075317382798</c:v>
                </c:pt>
                <c:pt idx="208">
                  <c:v>34.235549926757798</c:v>
                </c:pt>
                <c:pt idx="209">
                  <c:v>33.503337860107401</c:v>
                </c:pt>
                <c:pt idx="210">
                  <c:v>32.665992736816399</c:v>
                </c:pt>
                <c:pt idx="211">
                  <c:v>31.5846557617188</c:v>
                </c:pt>
                <c:pt idx="212">
                  <c:v>30.706947326660199</c:v>
                </c:pt>
                <c:pt idx="213">
                  <c:v>29.426977157592798</c:v>
                </c:pt>
                <c:pt idx="214">
                  <c:v>28.418342590331999</c:v>
                </c:pt>
                <c:pt idx="215">
                  <c:v>27.355045318603501</c:v>
                </c:pt>
                <c:pt idx="216">
                  <c:v>26.565710067748999</c:v>
                </c:pt>
                <c:pt idx="217">
                  <c:v>25.206272125244102</c:v>
                </c:pt>
                <c:pt idx="218">
                  <c:v>23.9947204589844</c:v>
                </c:pt>
                <c:pt idx="219">
                  <c:v>22.819604873657202</c:v>
                </c:pt>
                <c:pt idx="220">
                  <c:v>21.868436813354499</c:v>
                </c:pt>
                <c:pt idx="221">
                  <c:v>20.832107543945298</c:v>
                </c:pt>
                <c:pt idx="222">
                  <c:v>19.775964736938501</c:v>
                </c:pt>
                <c:pt idx="223">
                  <c:v>18.617557525634801</c:v>
                </c:pt>
                <c:pt idx="224">
                  <c:v>17.258590698242202</c:v>
                </c:pt>
                <c:pt idx="225">
                  <c:v>15.893308639526399</c:v>
                </c:pt>
                <c:pt idx="226">
                  <c:v>14.206082344055201</c:v>
                </c:pt>
                <c:pt idx="227">
                  <c:v>12.352954864501999</c:v>
                </c:pt>
                <c:pt idx="228">
                  <c:v>9.3632688522338903</c:v>
                </c:pt>
                <c:pt idx="229">
                  <c:v>4.264147758483890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AB58-45E7-87C9-7B7FC4C014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stress, </a:t>
                </a:r>
                <a:r>
                  <a:rPr lang="el-GR"/>
                  <a:t>τ</a:t>
                </a:r>
                <a:r>
                  <a:rPr lang="en-GB"/>
                  <a:t> (Pa)</a:t>
                </a:r>
                <a:r>
                  <a:rPr lang="en-GB" baseline="0"/>
                  <a:t> 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1 %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3"/>
          <c:order val="0"/>
          <c:tx>
            <c:v>1 % BSS 1-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Type_1_3__1___.2_thixotropy_rwd!$F$2:$F$231</c:f>
              <c:numCache>
                <c:formatCode>General</c:formatCode>
                <c:ptCount val="230"/>
                <c:pt idx="0">
                  <c:v>0.92490476369857799</c:v>
                </c:pt>
                <c:pt idx="1">
                  <c:v>1.92495369911194</c:v>
                </c:pt>
                <c:pt idx="2">
                  <c:v>2.92492651939392</c:v>
                </c:pt>
                <c:pt idx="3">
                  <c:v>3.9249544143676798</c:v>
                </c:pt>
                <c:pt idx="4">
                  <c:v>4.9248962402343803</c:v>
                </c:pt>
                <c:pt idx="5">
                  <c:v>5.9247632026672399</c:v>
                </c:pt>
                <c:pt idx="6">
                  <c:v>6.9247312545776403</c:v>
                </c:pt>
                <c:pt idx="7">
                  <c:v>7.9246501922607404</c:v>
                </c:pt>
                <c:pt idx="8">
                  <c:v>8.9275312423706108</c:v>
                </c:pt>
                <c:pt idx="9">
                  <c:v>9.9276075363159197</c:v>
                </c:pt>
                <c:pt idx="10">
                  <c:v>10.9249410629272</c:v>
                </c:pt>
                <c:pt idx="11">
                  <c:v>11.925031661987299</c:v>
                </c:pt>
                <c:pt idx="12">
                  <c:v>12.925139427185099</c:v>
                </c:pt>
                <c:pt idx="13">
                  <c:v>13.925220489501999</c:v>
                </c:pt>
                <c:pt idx="14">
                  <c:v>14.9253282546997</c:v>
                </c:pt>
                <c:pt idx="15">
                  <c:v>15.9253749847412</c:v>
                </c:pt>
                <c:pt idx="16">
                  <c:v>16.9251918792725</c:v>
                </c:pt>
                <c:pt idx="17">
                  <c:v>17.924968719482401</c:v>
                </c:pt>
                <c:pt idx="18">
                  <c:v>18.924720764160199</c:v>
                </c:pt>
                <c:pt idx="19">
                  <c:v>19.9244995117188</c:v>
                </c:pt>
                <c:pt idx="20">
                  <c:v>20.924221038818398</c:v>
                </c:pt>
                <c:pt idx="21">
                  <c:v>21.924057006835898</c:v>
                </c:pt>
                <c:pt idx="22">
                  <c:v>22.923768997192401</c:v>
                </c:pt>
                <c:pt idx="23">
                  <c:v>23.923446655273398</c:v>
                </c:pt>
                <c:pt idx="24">
                  <c:v>24.923297882080099</c:v>
                </c:pt>
                <c:pt idx="25">
                  <c:v>25.922979354858398</c:v>
                </c:pt>
                <c:pt idx="26">
                  <c:v>26.922700881958001</c:v>
                </c:pt>
                <c:pt idx="27">
                  <c:v>27.925256729126001</c:v>
                </c:pt>
                <c:pt idx="28">
                  <c:v>28.925024032592798</c:v>
                </c:pt>
                <c:pt idx="29">
                  <c:v>29.9247722625732</c:v>
                </c:pt>
                <c:pt idx="30">
                  <c:v>30.924522399902301</c:v>
                </c:pt>
                <c:pt idx="31">
                  <c:v>31.924242019653299</c:v>
                </c:pt>
                <c:pt idx="32">
                  <c:v>32.924041748046903</c:v>
                </c:pt>
                <c:pt idx="33">
                  <c:v>33.923999786377003</c:v>
                </c:pt>
                <c:pt idx="34">
                  <c:v>34.923782348632798</c:v>
                </c:pt>
                <c:pt idx="35">
                  <c:v>35.923305511474602</c:v>
                </c:pt>
                <c:pt idx="36">
                  <c:v>36.922931671142599</c:v>
                </c:pt>
                <c:pt idx="37">
                  <c:v>37.922981262207003</c:v>
                </c:pt>
                <c:pt idx="38">
                  <c:v>38.9224662780762</c:v>
                </c:pt>
                <c:pt idx="39">
                  <c:v>39.92236328125</c:v>
                </c:pt>
                <c:pt idx="40">
                  <c:v>40.922248840332003</c:v>
                </c:pt>
                <c:pt idx="41">
                  <c:v>41.922027587890597</c:v>
                </c:pt>
                <c:pt idx="42">
                  <c:v>42.921482086181598</c:v>
                </c:pt>
                <c:pt idx="43">
                  <c:v>43.921428680419901</c:v>
                </c:pt>
                <c:pt idx="44">
                  <c:v>44.921253204345703</c:v>
                </c:pt>
                <c:pt idx="45">
                  <c:v>45.920761108398402</c:v>
                </c:pt>
                <c:pt idx="46">
                  <c:v>46.9209175109863</c:v>
                </c:pt>
                <c:pt idx="47">
                  <c:v>47.920436859130902</c:v>
                </c:pt>
                <c:pt idx="48">
                  <c:v>48.920234680175803</c:v>
                </c:pt>
                <c:pt idx="49">
                  <c:v>49.920032501220703</c:v>
                </c:pt>
                <c:pt idx="50">
                  <c:v>50.919429779052699</c:v>
                </c:pt>
                <c:pt idx="51">
                  <c:v>51.919548034667997</c:v>
                </c:pt>
                <c:pt idx="52">
                  <c:v>52.919437408447301</c:v>
                </c:pt>
                <c:pt idx="53">
                  <c:v>53.918922424316399</c:v>
                </c:pt>
                <c:pt idx="54">
                  <c:v>54.918903350830099</c:v>
                </c:pt>
                <c:pt idx="55">
                  <c:v>55.9179878234863</c:v>
                </c:pt>
                <c:pt idx="56">
                  <c:v>56.9183540344238</c:v>
                </c:pt>
                <c:pt idx="57">
                  <c:v>57.917762756347699</c:v>
                </c:pt>
                <c:pt idx="58">
                  <c:v>58.917713165283203</c:v>
                </c:pt>
                <c:pt idx="59">
                  <c:v>59.917308807372997</c:v>
                </c:pt>
                <c:pt idx="60">
                  <c:v>60.917457580566399</c:v>
                </c:pt>
                <c:pt idx="61">
                  <c:v>61.916206359863303</c:v>
                </c:pt>
                <c:pt idx="62">
                  <c:v>62.916492462158203</c:v>
                </c:pt>
                <c:pt idx="63">
                  <c:v>63.916671752929702</c:v>
                </c:pt>
                <c:pt idx="64">
                  <c:v>64.916191101074205</c:v>
                </c:pt>
                <c:pt idx="65">
                  <c:v>65.916145324707003</c:v>
                </c:pt>
                <c:pt idx="66">
                  <c:v>66.915863037109403</c:v>
                </c:pt>
                <c:pt idx="67">
                  <c:v>67.915237426757798</c:v>
                </c:pt>
                <c:pt idx="68">
                  <c:v>68.915206909179702</c:v>
                </c:pt>
                <c:pt idx="69">
                  <c:v>69.915122985839801</c:v>
                </c:pt>
                <c:pt idx="70">
                  <c:v>70.914566040039105</c:v>
                </c:pt>
                <c:pt idx="71">
                  <c:v>71.914588928222699</c:v>
                </c:pt>
                <c:pt idx="72">
                  <c:v>72.913955688476605</c:v>
                </c:pt>
                <c:pt idx="73">
                  <c:v>73.914115905761705</c:v>
                </c:pt>
                <c:pt idx="74">
                  <c:v>74.913230895996094</c:v>
                </c:pt>
                <c:pt idx="75">
                  <c:v>75.913322448730497</c:v>
                </c:pt>
                <c:pt idx="76">
                  <c:v>76.912986755371094</c:v>
                </c:pt>
                <c:pt idx="77">
                  <c:v>77.912918090820298</c:v>
                </c:pt>
                <c:pt idx="78">
                  <c:v>78.912956237792997</c:v>
                </c:pt>
                <c:pt idx="79">
                  <c:v>79.912658691406307</c:v>
                </c:pt>
                <c:pt idx="80">
                  <c:v>80.912216186523395</c:v>
                </c:pt>
                <c:pt idx="81">
                  <c:v>81.911819458007798</c:v>
                </c:pt>
                <c:pt idx="82">
                  <c:v>82.91162109375</c:v>
                </c:pt>
                <c:pt idx="83">
                  <c:v>83.911407470703097</c:v>
                </c:pt>
                <c:pt idx="84">
                  <c:v>84.911689758300795</c:v>
                </c:pt>
                <c:pt idx="85">
                  <c:v>85.910484313964801</c:v>
                </c:pt>
                <c:pt idx="86">
                  <c:v>86.910995483398395</c:v>
                </c:pt>
                <c:pt idx="87">
                  <c:v>87.910232543945298</c:v>
                </c:pt>
                <c:pt idx="88">
                  <c:v>88.909797668457003</c:v>
                </c:pt>
                <c:pt idx="89">
                  <c:v>89.909736633300795</c:v>
                </c:pt>
                <c:pt idx="90">
                  <c:v>90.90966796875</c:v>
                </c:pt>
                <c:pt idx="91">
                  <c:v>91.909896850585895</c:v>
                </c:pt>
                <c:pt idx="92">
                  <c:v>92.908714294433594</c:v>
                </c:pt>
                <c:pt idx="93">
                  <c:v>93.908973693847699</c:v>
                </c:pt>
                <c:pt idx="94">
                  <c:v>94.909782409667997</c:v>
                </c:pt>
                <c:pt idx="95">
                  <c:v>95.908737182617202</c:v>
                </c:pt>
                <c:pt idx="96">
                  <c:v>96.909065246582003</c:v>
                </c:pt>
                <c:pt idx="97">
                  <c:v>97.90869140625</c:v>
                </c:pt>
                <c:pt idx="98">
                  <c:v>98.908515930175795</c:v>
                </c:pt>
                <c:pt idx="99">
                  <c:v>99.907569885253906</c:v>
                </c:pt>
                <c:pt idx="100">
                  <c:v>100.000701904297</c:v>
                </c:pt>
                <c:pt idx="101">
                  <c:v>99.999954223632798</c:v>
                </c:pt>
                <c:pt idx="102">
                  <c:v>100.000289916992</c:v>
                </c:pt>
                <c:pt idx="103">
                  <c:v>100.001029968262</c:v>
                </c:pt>
                <c:pt idx="104">
                  <c:v>99.998710632324205</c:v>
                </c:pt>
                <c:pt idx="105">
                  <c:v>100.002403259277</c:v>
                </c:pt>
                <c:pt idx="106">
                  <c:v>99.998847961425795</c:v>
                </c:pt>
                <c:pt idx="107">
                  <c:v>100.000434875488</c:v>
                </c:pt>
                <c:pt idx="108">
                  <c:v>100.00032043457</c:v>
                </c:pt>
                <c:pt idx="109">
                  <c:v>99.999092102050795</c:v>
                </c:pt>
                <c:pt idx="110">
                  <c:v>100.000816345215</c:v>
                </c:pt>
                <c:pt idx="111">
                  <c:v>100.000053405762</c:v>
                </c:pt>
                <c:pt idx="112">
                  <c:v>100.000045776367</c:v>
                </c:pt>
                <c:pt idx="113">
                  <c:v>99.999664306640597</c:v>
                </c:pt>
                <c:pt idx="114">
                  <c:v>99.999923706054702</c:v>
                </c:pt>
                <c:pt idx="115">
                  <c:v>99.998405456542997</c:v>
                </c:pt>
                <c:pt idx="116">
                  <c:v>99.999107360839801</c:v>
                </c:pt>
                <c:pt idx="117">
                  <c:v>100.00099182128901</c:v>
                </c:pt>
                <c:pt idx="118">
                  <c:v>99.999130249023395</c:v>
                </c:pt>
                <c:pt idx="119">
                  <c:v>99.999603271484403</c:v>
                </c:pt>
                <c:pt idx="120">
                  <c:v>99.999259948730497</c:v>
                </c:pt>
                <c:pt idx="121">
                  <c:v>100.00057983398401</c:v>
                </c:pt>
                <c:pt idx="122">
                  <c:v>100.000038146973</c:v>
                </c:pt>
                <c:pt idx="123">
                  <c:v>99.999137878417997</c:v>
                </c:pt>
                <c:pt idx="124">
                  <c:v>99.998809814453097</c:v>
                </c:pt>
                <c:pt idx="125">
                  <c:v>99.999671936035199</c:v>
                </c:pt>
                <c:pt idx="126">
                  <c:v>99.999748229980497</c:v>
                </c:pt>
                <c:pt idx="127">
                  <c:v>99.998954772949205</c:v>
                </c:pt>
                <c:pt idx="128">
                  <c:v>99.999794006347699</c:v>
                </c:pt>
                <c:pt idx="129">
                  <c:v>100.00025177002</c:v>
                </c:pt>
                <c:pt idx="130">
                  <c:v>99.075462341308594</c:v>
                </c:pt>
                <c:pt idx="131">
                  <c:v>98.073127746582003</c:v>
                </c:pt>
                <c:pt idx="132">
                  <c:v>97.073280334472699</c:v>
                </c:pt>
                <c:pt idx="133">
                  <c:v>96.073081970214801</c:v>
                </c:pt>
                <c:pt idx="134">
                  <c:v>95.076454162597699</c:v>
                </c:pt>
                <c:pt idx="135">
                  <c:v>94.076057434082003</c:v>
                </c:pt>
                <c:pt idx="136">
                  <c:v>93.073966979980497</c:v>
                </c:pt>
                <c:pt idx="137">
                  <c:v>92.074821472167997</c:v>
                </c:pt>
                <c:pt idx="138">
                  <c:v>91.074012756347699</c:v>
                </c:pt>
                <c:pt idx="139">
                  <c:v>90.077453613281307</c:v>
                </c:pt>
                <c:pt idx="140">
                  <c:v>89.077644348144503</c:v>
                </c:pt>
                <c:pt idx="141">
                  <c:v>88.075714111328097</c:v>
                </c:pt>
                <c:pt idx="142">
                  <c:v>87.075607299804702</c:v>
                </c:pt>
                <c:pt idx="143">
                  <c:v>86.078849792480497</c:v>
                </c:pt>
                <c:pt idx="144">
                  <c:v>85.079116821289105</c:v>
                </c:pt>
                <c:pt idx="145">
                  <c:v>84.079513549804702</c:v>
                </c:pt>
                <c:pt idx="146">
                  <c:v>83.076484680175795</c:v>
                </c:pt>
                <c:pt idx="147">
                  <c:v>82.079521179199205</c:v>
                </c:pt>
                <c:pt idx="148">
                  <c:v>81.079879760742202</c:v>
                </c:pt>
                <c:pt idx="149">
                  <c:v>80.079765319824205</c:v>
                </c:pt>
                <c:pt idx="150">
                  <c:v>79.079917907714801</c:v>
                </c:pt>
                <c:pt idx="151">
                  <c:v>78.079849243164105</c:v>
                </c:pt>
                <c:pt idx="152">
                  <c:v>77.080718994140597</c:v>
                </c:pt>
                <c:pt idx="153">
                  <c:v>76.081039428710895</c:v>
                </c:pt>
                <c:pt idx="154">
                  <c:v>75.080596923828097</c:v>
                </c:pt>
                <c:pt idx="155">
                  <c:v>74.082122802734403</c:v>
                </c:pt>
                <c:pt idx="156">
                  <c:v>73.082580566406307</c:v>
                </c:pt>
                <c:pt idx="157">
                  <c:v>72.081809997558594</c:v>
                </c:pt>
                <c:pt idx="158">
                  <c:v>71.082603454589801</c:v>
                </c:pt>
                <c:pt idx="159">
                  <c:v>70.079986572265597</c:v>
                </c:pt>
                <c:pt idx="160">
                  <c:v>69.079811096191406</c:v>
                </c:pt>
                <c:pt idx="161">
                  <c:v>68.079826354980497</c:v>
                </c:pt>
                <c:pt idx="162">
                  <c:v>67.080284118652301</c:v>
                </c:pt>
                <c:pt idx="163">
                  <c:v>66.080917358398395</c:v>
                </c:pt>
                <c:pt idx="164">
                  <c:v>65.080612182617202</c:v>
                </c:pt>
                <c:pt idx="165">
                  <c:v>64.081230163574205</c:v>
                </c:pt>
                <c:pt idx="166">
                  <c:v>63.080726623535199</c:v>
                </c:pt>
                <c:pt idx="167">
                  <c:v>62.081470489502003</c:v>
                </c:pt>
                <c:pt idx="168">
                  <c:v>61.081626892089801</c:v>
                </c:pt>
                <c:pt idx="169">
                  <c:v>60.0822944641113</c:v>
                </c:pt>
                <c:pt idx="170">
                  <c:v>59.082592010497997</c:v>
                </c:pt>
                <c:pt idx="171">
                  <c:v>58.082736968994098</c:v>
                </c:pt>
                <c:pt idx="172">
                  <c:v>57.082916259765597</c:v>
                </c:pt>
                <c:pt idx="173">
                  <c:v>56.082954406738303</c:v>
                </c:pt>
                <c:pt idx="174">
                  <c:v>55.083492279052699</c:v>
                </c:pt>
                <c:pt idx="175">
                  <c:v>54.083587646484403</c:v>
                </c:pt>
                <c:pt idx="176">
                  <c:v>53.084133148193402</c:v>
                </c:pt>
                <c:pt idx="177">
                  <c:v>52.0838432312012</c:v>
                </c:pt>
                <c:pt idx="178">
                  <c:v>51.084587097167997</c:v>
                </c:pt>
                <c:pt idx="179">
                  <c:v>50.084674835205099</c:v>
                </c:pt>
                <c:pt idx="180">
                  <c:v>49.084854125976598</c:v>
                </c:pt>
                <c:pt idx="181">
                  <c:v>48.085132598877003</c:v>
                </c:pt>
                <c:pt idx="182">
                  <c:v>47.085361480712898</c:v>
                </c:pt>
                <c:pt idx="183">
                  <c:v>46.0853080749512</c:v>
                </c:pt>
                <c:pt idx="184">
                  <c:v>45.0857124328613</c:v>
                </c:pt>
                <c:pt idx="185">
                  <c:v>44.086132049560497</c:v>
                </c:pt>
                <c:pt idx="186">
                  <c:v>43.086246490478501</c:v>
                </c:pt>
                <c:pt idx="187">
                  <c:v>42.086677551269503</c:v>
                </c:pt>
                <c:pt idx="188">
                  <c:v>41.086849212646499</c:v>
                </c:pt>
                <c:pt idx="189">
                  <c:v>40.087051391601598</c:v>
                </c:pt>
                <c:pt idx="190">
                  <c:v>39.0869750976563</c:v>
                </c:pt>
                <c:pt idx="191">
                  <c:v>38.087615966796903</c:v>
                </c:pt>
                <c:pt idx="192">
                  <c:v>37.087753295898402</c:v>
                </c:pt>
                <c:pt idx="193">
                  <c:v>36.087928771972699</c:v>
                </c:pt>
                <c:pt idx="194">
                  <c:v>35.088214874267599</c:v>
                </c:pt>
                <c:pt idx="195">
                  <c:v>34.088523864746101</c:v>
                </c:pt>
                <c:pt idx="196">
                  <c:v>33.088672637939503</c:v>
                </c:pt>
                <c:pt idx="197">
                  <c:v>32.088981628417997</c:v>
                </c:pt>
                <c:pt idx="198">
                  <c:v>31.0892734527588</c:v>
                </c:pt>
                <c:pt idx="199">
                  <c:v>30.0894660949707</c:v>
                </c:pt>
                <c:pt idx="200">
                  <c:v>29.089698791503899</c:v>
                </c:pt>
                <c:pt idx="201">
                  <c:v>28.0898838043213</c:v>
                </c:pt>
                <c:pt idx="202">
                  <c:v>27.090087890625</c:v>
                </c:pt>
                <c:pt idx="203">
                  <c:v>26.090345382690401</c:v>
                </c:pt>
                <c:pt idx="204">
                  <c:v>25.090591430664102</c:v>
                </c:pt>
                <c:pt idx="205">
                  <c:v>24.0909729003906</c:v>
                </c:pt>
                <c:pt idx="206">
                  <c:v>23.091102600097699</c:v>
                </c:pt>
                <c:pt idx="207">
                  <c:v>22.091363906860401</c:v>
                </c:pt>
                <c:pt idx="208">
                  <c:v>21.091535568237301</c:v>
                </c:pt>
                <c:pt idx="209">
                  <c:v>20.091871261596701</c:v>
                </c:pt>
                <c:pt idx="210">
                  <c:v>19.092016220092798</c:v>
                </c:pt>
                <c:pt idx="211">
                  <c:v>18.0923042297363</c:v>
                </c:pt>
                <c:pt idx="212">
                  <c:v>17.092573165893601</c:v>
                </c:pt>
                <c:pt idx="213">
                  <c:v>16.092802047729499</c:v>
                </c:pt>
                <c:pt idx="214">
                  <c:v>15.092675209045399</c:v>
                </c:pt>
                <c:pt idx="215">
                  <c:v>14.092612266540501</c:v>
                </c:pt>
                <c:pt idx="216">
                  <c:v>13.092521667480501</c:v>
                </c:pt>
                <c:pt idx="217">
                  <c:v>12.0924520492554</c:v>
                </c:pt>
                <c:pt idx="218">
                  <c:v>11.092327117919901</c:v>
                </c:pt>
                <c:pt idx="219">
                  <c:v>10.092267990112299</c:v>
                </c:pt>
                <c:pt idx="220">
                  <c:v>9.0921697616577095</c:v>
                </c:pt>
                <c:pt idx="221">
                  <c:v>8.0920572280883807</c:v>
                </c:pt>
                <c:pt idx="222">
                  <c:v>7.0921053886413601</c:v>
                </c:pt>
                <c:pt idx="223">
                  <c:v>6.0921726226806596</c:v>
                </c:pt>
                <c:pt idx="224">
                  <c:v>5.0922269821167001</c:v>
                </c:pt>
                <c:pt idx="225">
                  <c:v>4.0922865867614702</c:v>
                </c:pt>
                <c:pt idx="226">
                  <c:v>3.0923111438751198</c:v>
                </c:pt>
                <c:pt idx="227">
                  <c:v>2.0922796726226802</c:v>
                </c:pt>
                <c:pt idx="228">
                  <c:v>1.0922648906707799</c:v>
                </c:pt>
                <c:pt idx="229">
                  <c:v>9.2277839779853807E-2</c:v>
                </c:pt>
              </c:numCache>
            </c:numRef>
          </c:xVal>
          <c:yVal>
            <c:numRef>
              <c:f>Type_1_3__1___.2_thixotropy_rwd!$D$2:$D$231</c:f>
              <c:numCache>
                <c:formatCode>General</c:formatCode>
                <c:ptCount val="230"/>
                <c:pt idx="0">
                  <c:v>0.102034211158752</c:v>
                </c:pt>
                <c:pt idx="1">
                  <c:v>8.6470142006874098E-2</c:v>
                </c:pt>
                <c:pt idx="2">
                  <c:v>6.5066911280155196E-2</c:v>
                </c:pt>
                <c:pt idx="3">
                  <c:v>0.18006101250648501</c:v>
                </c:pt>
                <c:pt idx="4">
                  <c:v>0.24353800714016</c:v>
                </c:pt>
                <c:pt idx="5">
                  <c:v>0.22549454867839799</c:v>
                </c:pt>
                <c:pt idx="6">
                  <c:v>0.31169456243514998</c:v>
                </c:pt>
                <c:pt idx="7">
                  <c:v>0.27621582150459301</c:v>
                </c:pt>
                <c:pt idx="8">
                  <c:v>0.41019535064697299</c:v>
                </c:pt>
                <c:pt idx="9">
                  <c:v>0.34619811177253701</c:v>
                </c:pt>
                <c:pt idx="10">
                  <c:v>0.60416275262832597</c:v>
                </c:pt>
                <c:pt idx="11">
                  <c:v>0.60121333599090598</c:v>
                </c:pt>
                <c:pt idx="12">
                  <c:v>0.82992196083068803</c:v>
                </c:pt>
                <c:pt idx="13">
                  <c:v>1.0082162618637101</c:v>
                </c:pt>
                <c:pt idx="14">
                  <c:v>0.99474006891250599</c:v>
                </c:pt>
                <c:pt idx="15">
                  <c:v>1.1152720451355</c:v>
                </c:pt>
                <c:pt idx="16">
                  <c:v>1.1313842535018901</c:v>
                </c:pt>
                <c:pt idx="17">
                  <c:v>1.2142760753631601</c:v>
                </c:pt>
                <c:pt idx="18">
                  <c:v>1.3165079355239899</c:v>
                </c:pt>
                <c:pt idx="19">
                  <c:v>1.43670177459717</c:v>
                </c:pt>
                <c:pt idx="20">
                  <c:v>1.5680454969406099</c:v>
                </c:pt>
                <c:pt idx="21">
                  <c:v>1.93425452709198</c:v>
                </c:pt>
                <c:pt idx="22">
                  <c:v>1.8035290241241499</c:v>
                </c:pt>
                <c:pt idx="23">
                  <c:v>2.1867263317108199</c:v>
                </c:pt>
                <c:pt idx="24">
                  <c:v>2.3228785991668701</c:v>
                </c:pt>
                <c:pt idx="25">
                  <c:v>2.4933762550353999</c:v>
                </c:pt>
                <c:pt idx="26">
                  <c:v>2.6939241886138898</c:v>
                </c:pt>
                <c:pt idx="27">
                  <c:v>2.9042210578918501</c:v>
                </c:pt>
                <c:pt idx="28">
                  <c:v>3.1581721305847199</c:v>
                </c:pt>
                <c:pt idx="29">
                  <c:v>3.70698142051697</c:v>
                </c:pt>
                <c:pt idx="30">
                  <c:v>4.1599001884460396</c:v>
                </c:pt>
                <c:pt idx="31">
                  <c:v>4.3599581718444798</c:v>
                </c:pt>
                <c:pt idx="32">
                  <c:v>5.1551990509033203</c:v>
                </c:pt>
                <c:pt idx="33">
                  <c:v>5.6924557685852104</c:v>
                </c:pt>
                <c:pt idx="34">
                  <c:v>6.1472020149231001</c:v>
                </c:pt>
                <c:pt idx="35">
                  <c:v>6.4307012557983398</c:v>
                </c:pt>
                <c:pt idx="36">
                  <c:v>7.3522300720214799</c:v>
                </c:pt>
                <c:pt idx="37">
                  <c:v>7.5804243087768599</c:v>
                </c:pt>
                <c:pt idx="38">
                  <c:v>7.7812256813049299</c:v>
                </c:pt>
                <c:pt idx="39">
                  <c:v>8.0358753204345703</c:v>
                </c:pt>
                <c:pt idx="40">
                  <c:v>8.4587125778198207</c:v>
                </c:pt>
                <c:pt idx="41">
                  <c:v>8.34149169921875</c:v>
                </c:pt>
                <c:pt idx="42">
                  <c:v>8.4245567321777308</c:v>
                </c:pt>
                <c:pt idx="43">
                  <c:v>8.7719240188598597</c:v>
                </c:pt>
                <c:pt idx="44">
                  <c:v>8.72595310211182</c:v>
                </c:pt>
                <c:pt idx="45">
                  <c:v>9.3020868301391602</c:v>
                </c:pt>
                <c:pt idx="46">
                  <c:v>9.5024785995483398</c:v>
                </c:pt>
                <c:pt idx="47">
                  <c:v>9.1078319549560494</c:v>
                </c:pt>
                <c:pt idx="48">
                  <c:v>9.3372478485107404</c:v>
                </c:pt>
                <c:pt idx="49">
                  <c:v>9.7067661285400408</c:v>
                </c:pt>
                <c:pt idx="50">
                  <c:v>9.4357538223266602</c:v>
                </c:pt>
                <c:pt idx="51">
                  <c:v>10.6802577972412</c:v>
                </c:pt>
                <c:pt idx="52">
                  <c:v>11.2326650619507</c:v>
                </c:pt>
                <c:pt idx="53">
                  <c:v>10.2806692123413</c:v>
                </c:pt>
                <c:pt idx="54">
                  <c:v>10.943662643432599</c:v>
                </c:pt>
                <c:pt idx="55">
                  <c:v>10.7424669265747</c:v>
                </c:pt>
                <c:pt idx="56">
                  <c:v>10.907636642456101</c:v>
                </c:pt>
                <c:pt idx="57">
                  <c:v>12.0000104904175</c:v>
                </c:pt>
                <c:pt idx="58">
                  <c:v>13.5268669128418</c:v>
                </c:pt>
                <c:pt idx="59">
                  <c:v>12.7107543945313</c:v>
                </c:pt>
                <c:pt idx="60">
                  <c:v>12.636725425720201</c:v>
                </c:pt>
                <c:pt idx="61">
                  <c:v>13.555299758911101</c:v>
                </c:pt>
                <c:pt idx="62">
                  <c:v>12.9479818344116</c:v>
                </c:pt>
                <c:pt idx="63">
                  <c:v>15.4520168304443</c:v>
                </c:pt>
                <c:pt idx="64">
                  <c:v>15.6631574630737</c:v>
                </c:pt>
                <c:pt idx="65">
                  <c:v>18.7547702789307</c:v>
                </c:pt>
                <c:pt idx="66">
                  <c:v>17.426265716552699</c:v>
                </c:pt>
                <c:pt idx="67">
                  <c:v>17.7193279266357</c:v>
                </c:pt>
                <c:pt idx="68">
                  <c:v>19.582872390747099</c:v>
                </c:pt>
                <c:pt idx="69">
                  <c:v>19.279218673706101</c:v>
                </c:pt>
                <c:pt idx="70">
                  <c:v>20.2471027374268</c:v>
                </c:pt>
                <c:pt idx="71">
                  <c:v>19.3095893859863</c:v>
                </c:pt>
                <c:pt idx="72">
                  <c:v>21.508989334106399</c:v>
                </c:pt>
                <c:pt idx="73">
                  <c:v>21.095134735107401</c:v>
                </c:pt>
                <c:pt idx="74">
                  <c:v>21.1009616851807</c:v>
                </c:pt>
                <c:pt idx="75">
                  <c:v>21.6715412139893</c:v>
                </c:pt>
                <c:pt idx="76">
                  <c:v>21.57493019104</c:v>
                </c:pt>
                <c:pt idx="77">
                  <c:v>23.238639831543001</c:v>
                </c:pt>
                <c:pt idx="78">
                  <c:v>23.050056457519499</c:v>
                </c:pt>
                <c:pt idx="79">
                  <c:v>23.411909103393601</c:v>
                </c:pt>
                <c:pt idx="80">
                  <c:v>24.174995422363299</c:v>
                </c:pt>
                <c:pt idx="81">
                  <c:v>23.8094367980957</c:v>
                </c:pt>
                <c:pt idx="82">
                  <c:v>24.682336807251001</c:v>
                </c:pt>
                <c:pt idx="83">
                  <c:v>26.692304611206101</c:v>
                </c:pt>
                <c:pt idx="84">
                  <c:v>24.717588424682599</c:v>
                </c:pt>
                <c:pt idx="85">
                  <c:v>25.102870941162099</c:v>
                </c:pt>
                <c:pt idx="86">
                  <c:v>25.228258132934599</c:v>
                </c:pt>
                <c:pt idx="87">
                  <c:v>25.934196472168001</c:v>
                </c:pt>
                <c:pt idx="88">
                  <c:v>25.548414230346701</c:v>
                </c:pt>
                <c:pt idx="89">
                  <c:v>25.4342861175537</c:v>
                </c:pt>
                <c:pt idx="90">
                  <c:v>26.2215480804443</c:v>
                </c:pt>
                <c:pt idx="91">
                  <c:v>26.652000427246101</c:v>
                </c:pt>
                <c:pt idx="92">
                  <c:v>27.097223281860401</c:v>
                </c:pt>
                <c:pt idx="93">
                  <c:v>26.942874908447301</c:v>
                </c:pt>
                <c:pt idx="94">
                  <c:v>26.8842582702637</c:v>
                </c:pt>
                <c:pt idx="95">
                  <c:v>26.439735412597699</c:v>
                </c:pt>
                <c:pt idx="96">
                  <c:v>27.366518020629901</c:v>
                </c:pt>
                <c:pt idx="97">
                  <c:v>26.5214653015137</c:v>
                </c:pt>
                <c:pt idx="98">
                  <c:v>28.109582901001001</c:v>
                </c:pt>
                <c:pt idx="99">
                  <c:v>28.378704071044901</c:v>
                </c:pt>
                <c:pt idx="100">
                  <c:v>27.607528686523398</c:v>
                </c:pt>
                <c:pt idx="101">
                  <c:v>26.422256469726602</c:v>
                </c:pt>
                <c:pt idx="102">
                  <c:v>28.486457824706999</c:v>
                </c:pt>
                <c:pt idx="103">
                  <c:v>27.7452068328857</c:v>
                </c:pt>
                <c:pt idx="104">
                  <c:v>28.5226535797119</c:v>
                </c:pt>
                <c:pt idx="105">
                  <c:v>28.424192428588899</c:v>
                </c:pt>
                <c:pt idx="106">
                  <c:v>27.374597549438501</c:v>
                </c:pt>
                <c:pt idx="107">
                  <c:v>27.707561492919901</c:v>
                </c:pt>
                <c:pt idx="108">
                  <c:v>25.566276550293001</c:v>
                </c:pt>
                <c:pt idx="109">
                  <c:v>27.376031875610401</c:v>
                </c:pt>
                <c:pt idx="110">
                  <c:v>28.061559677123999</c:v>
                </c:pt>
                <c:pt idx="111">
                  <c:v>26.9082221984863</c:v>
                </c:pt>
                <c:pt idx="112">
                  <c:v>27.598165512085</c:v>
                </c:pt>
                <c:pt idx="113">
                  <c:v>26.04518699646</c:v>
                </c:pt>
                <c:pt idx="114">
                  <c:v>27.427614212036101</c:v>
                </c:pt>
                <c:pt idx="115">
                  <c:v>27.976747512817401</c:v>
                </c:pt>
                <c:pt idx="116">
                  <c:v>27.711931228637699</c:v>
                </c:pt>
                <c:pt idx="117">
                  <c:v>30.110395431518601</c:v>
                </c:pt>
                <c:pt idx="118">
                  <c:v>27.908531188964801</c:v>
                </c:pt>
                <c:pt idx="119">
                  <c:v>27.419317245483398</c:v>
                </c:pt>
                <c:pt idx="120">
                  <c:v>27.510105133056602</c:v>
                </c:pt>
                <c:pt idx="121">
                  <c:v>30.119001388549801</c:v>
                </c:pt>
                <c:pt idx="122">
                  <c:v>27.4144191741943</c:v>
                </c:pt>
                <c:pt idx="123">
                  <c:v>27.693935394287099</c:v>
                </c:pt>
                <c:pt idx="124">
                  <c:v>26.831138610839801</c:v>
                </c:pt>
                <c:pt idx="125">
                  <c:v>28.3136596679688</c:v>
                </c:pt>
                <c:pt idx="126">
                  <c:v>26.852308273315401</c:v>
                </c:pt>
                <c:pt idx="127">
                  <c:v>27.4177055358887</c:v>
                </c:pt>
                <c:pt idx="128">
                  <c:v>28.404182434081999</c:v>
                </c:pt>
                <c:pt idx="129">
                  <c:v>29.773178100585898</c:v>
                </c:pt>
                <c:pt idx="130">
                  <c:v>28.506593704223601</c:v>
                </c:pt>
                <c:pt idx="131">
                  <c:v>27.8182983398438</c:v>
                </c:pt>
                <c:pt idx="132">
                  <c:v>27.8643894195557</c:v>
                </c:pt>
                <c:pt idx="133">
                  <c:v>27.168418884277301</c:v>
                </c:pt>
                <c:pt idx="134">
                  <c:v>26.935037612915</c:v>
                </c:pt>
                <c:pt idx="135">
                  <c:v>25.867801666259801</c:v>
                </c:pt>
                <c:pt idx="136">
                  <c:v>26.8400478363037</c:v>
                </c:pt>
                <c:pt idx="137">
                  <c:v>26.349925994873001</c:v>
                </c:pt>
                <c:pt idx="138">
                  <c:v>25.3045330047607</c:v>
                </c:pt>
                <c:pt idx="139">
                  <c:v>25.251335144043001</c:v>
                </c:pt>
                <c:pt idx="140">
                  <c:v>25.648746490478501</c:v>
                </c:pt>
                <c:pt idx="141">
                  <c:v>24.715511322021499</c:v>
                </c:pt>
                <c:pt idx="142">
                  <c:v>24.937074661254901</c:v>
                </c:pt>
                <c:pt idx="143">
                  <c:v>25.2132472991943</c:v>
                </c:pt>
                <c:pt idx="144">
                  <c:v>24.902511596679702</c:v>
                </c:pt>
                <c:pt idx="145">
                  <c:v>25.1862392425537</c:v>
                </c:pt>
                <c:pt idx="146">
                  <c:v>23.855556488037099</c:v>
                </c:pt>
                <c:pt idx="147">
                  <c:v>23.818414688110401</c:v>
                </c:pt>
                <c:pt idx="148">
                  <c:v>23.634973526001001</c:v>
                </c:pt>
                <c:pt idx="149">
                  <c:v>22.537946701049801</c:v>
                </c:pt>
                <c:pt idx="150">
                  <c:v>22.0031623840332</c:v>
                </c:pt>
                <c:pt idx="151">
                  <c:v>21.899635314941399</c:v>
                </c:pt>
                <c:pt idx="152">
                  <c:v>22.080461502075199</c:v>
                </c:pt>
                <c:pt idx="153">
                  <c:v>21.893510818481399</c:v>
                </c:pt>
                <c:pt idx="154">
                  <c:v>20.8249912261963</c:v>
                </c:pt>
                <c:pt idx="155">
                  <c:v>20.782579421997099</c:v>
                </c:pt>
                <c:pt idx="156">
                  <c:v>21.057449340820298</c:v>
                </c:pt>
                <c:pt idx="157">
                  <c:v>19.6853847503662</c:v>
                </c:pt>
                <c:pt idx="158">
                  <c:v>19.962194442748999</c:v>
                </c:pt>
                <c:pt idx="159">
                  <c:v>19.321262359619102</c:v>
                </c:pt>
                <c:pt idx="160">
                  <c:v>19.4167671203613</c:v>
                </c:pt>
                <c:pt idx="161">
                  <c:v>17.591253280639599</c:v>
                </c:pt>
                <c:pt idx="162">
                  <c:v>18.143795013427699</c:v>
                </c:pt>
                <c:pt idx="163">
                  <c:v>17.487596511840799</c:v>
                </c:pt>
                <c:pt idx="164">
                  <c:v>16.879041671752901</c:v>
                </c:pt>
                <c:pt idx="165">
                  <c:v>15.6103715896606</c:v>
                </c:pt>
                <c:pt idx="166">
                  <c:v>14.3198051452637</c:v>
                </c:pt>
                <c:pt idx="167">
                  <c:v>14.5650825500488</c:v>
                </c:pt>
                <c:pt idx="168">
                  <c:v>13.725549697876</c:v>
                </c:pt>
                <c:pt idx="169">
                  <c:v>13.287234306335399</c:v>
                </c:pt>
                <c:pt idx="170">
                  <c:v>13.0336809158325</c:v>
                </c:pt>
                <c:pt idx="171">
                  <c:v>12.7521667480469</c:v>
                </c:pt>
                <c:pt idx="172">
                  <c:v>12.3240404129028</c:v>
                </c:pt>
                <c:pt idx="173">
                  <c:v>12.642834663391101</c:v>
                </c:pt>
                <c:pt idx="174">
                  <c:v>12.2799577713013</c:v>
                </c:pt>
                <c:pt idx="175">
                  <c:v>12.0757303237915</c:v>
                </c:pt>
                <c:pt idx="176">
                  <c:v>11.635857582092299</c:v>
                </c:pt>
                <c:pt idx="177">
                  <c:v>11.920235633850099</c:v>
                </c:pt>
                <c:pt idx="178">
                  <c:v>11.2793426513672</c:v>
                </c:pt>
                <c:pt idx="179">
                  <c:v>10.7099361419678</c:v>
                </c:pt>
                <c:pt idx="180">
                  <c:v>11.0460014343262</c:v>
                </c:pt>
                <c:pt idx="181">
                  <c:v>8.4061746597290004</c:v>
                </c:pt>
                <c:pt idx="182">
                  <c:v>8.4934873580932599</c:v>
                </c:pt>
                <c:pt idx="183">
                  <c:v>8.0815105438232404</c:v>
                </c:pt>
                <c:pt idx="184">
                  <c:v>8.3954105377197301</c:v>
                </c:pt>
                <c:pt idx="185">
                  <c:v>8.1543607711791992</c:v>
                </c:pt>
                <c:pt idx="186">
                  <c:v>8.5217342376709002</c:v>
                </c:pt>
                <c:pt idx="187">
                  <c:v>8.3110980987548793</c:v>
                </c:pt>
                <c:pt idx="188">
                  <c:v>7.9733462333679199</c:v>
                </c:pt>
                <c:pt idx="189">
                  <c:v>7.8408532142639196</c:v>
                </c:pt>
                <c:pt idx="190">
                  <c:v>7.7361316680908203</c:v>
                </c:pt>
                <c:pt idx="191">
                  <c:v>7.0224285125732404</c:v>
                </c:pt>
                <c:pt idx="192">
                  <c:v>6.90157127380371</c:v>
                </c:pt>
                <c:pt idx="193">
                  <c:v>6.83644342422485</c:v>
                </c:pt>
                <c:pt idx="194">
                  <c:v>5.7364139556884801</c:v>
                </c:pt>
                <c:pt idx="195">
                  <c:v>5.6865315437316903</c:v>
                </c:pt>
                <c:pt idx="196">
                  <c:v>4.9561953544616699</c:v>
                </c:pt>
                <c:pt idx="197">
                  <c:v>4.80517530441284</c:v>
                </c:pt>
                <c:pt idx="198">
                  <c:v>4.1579823493957502</c:v>
                </c:pt>
                <c:pt idx="199">
                  <c:v>3.87154269218445</c:v>
                </c:pt>
                <c:pt idx="200">
                  <c:v>3.2099535465240501</c:v>
                </c:pt>
                <c:pt idx="201">
                  <c:v>2.9395475387573202</c:v>
                </c:pt>
                <c:pt idx="202">
                  <c:v>2.5235023498535201</c:v>
                </c:pt>
                <c:pt idx="203">
                  <c:v>2.3028595447540301</c:v>
                </c:pt>
                <c:pt idx="204">
                  <c:v>2.08218622207642</c:v>
                </c:pt>
                <c:pt idx="205">
                  <c:v>1.8661792278289799</c:v>
                </c:pt>
                <c:pt idx="206">
                  <c:v>1.6975677013397199</c:v>
                </c:pt>
                <c:pt idx="207">
                  <c:v>1.5276597738266</c:v>
                </c:pt>
                <c:pt idx="208">
                  <c:v>1.4030798673629801</c:v>
                </c:pt>
                <c:pt idx="209">
                  <c:v>1.2301900386810301</c:v>
                </c:pt>
                <c:pt idx="210">
                  <c:v>1.1682587862014799</c:v>
                </c:pt>
                <c:pt idx="211">
                  <c:v>0.99817085266113303</c:v>
                </c:pt>
                <c:pt idx="212">
                  <c:v>0.73938125371932995</c:v>
                </c:pt>
                <c:pt idx="213">
                  <c:v>0.71392786502838101</c:v>
                </c:pt>
                <c:pt idx="214">
                  <c:v>0.668739974498749</c:v>
                </c:pt>
                <c:pt idx="215">
                  <c:v>0.64269894361496005</c:v>
                </c:pt>
                <c:pt idx="216">
                  <c:v>0.45731931924819902</c:v>
                </c:pt>
                <c:pt idx="217">
                  <c:v>0.36508080363273598</c:v>
                </c:pt>
                <c:pt idx="218">
                  <c:v>0.269492387771606</c:v>
                </c:pt>
                <c:pt idx="219">
                  <c:v>0.22000584006309501</c:v>
                </c:pt>
                <c:pt idx="220">
                  <c:v>0.13458761572837799</c:v>
                </c:pt>
                <c:pt idx="221">
                  <c:v>0.13499775528907801</c:v>
                </c:pt>
                <c:pt idx="222">
                  <c:v>2.7581566944718399E-2</c:v>
                </c:pt>
                <c:pt idx="223">
                  <c:v>6.2052991241216701E-2</c:v>
                </c:pt>
                <c:pt idx="224">
                  <c:v>3.9338176138699098E-3</c:v>
                </c:pt>
                <c:pt idx="225">
                  <c:v>3.84726817719638E-3</c:v>
                </c:pt>
                <c:pt idx="226">
                  <c:v>1.17406866047531E-3</c:v>
                </c:pt>
                <c:pt idx="227">
                  <c:v>9.2235738411545806E-3</c:v>
                </c:pt>
                <c:pt idx="228">
                  <c:v>0</c:v>
                </c:pt>
                <c:pt idx="229">
                  <c:v>2.5022884830832499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0973-404F-8723-B5808FB74CAA}"/>
            </c:ext>
          </c:extLst>
        </c:ser>
        <c:ser>
          <c:idx val="4"/>
          <c:order val="1"/>
          <c:tx>
            <c:v>1 % BSS 4-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Type_4_6__1___._2_thixotropy_rw!$F$2:$F$231</c:f>
              <c:numCache>
                <c:formatCode>General</c:formatCode>
                <c:ptCount val="230"/>
                <c:pt idx="0">
                  <c:v>0.92626893520355202</c:v>
                </c:pt>
                <c:pt idx="1">
                  <c:v>1.92630386352539</c:v>
                </c:pt>
                <c:pt idx="2">
                  <c:v>2.9263260364532502</c:v>
                </c:pt>
                <c:pt idx="3">
                  <c:v>3.9263260364532502</c:v>
                </c:pt>
                <c:pt idx="4">
                  <c:v>4.9262723922729501</c:v>
                </c:pt>
                <c:pt idx="5">
                  <c:v>5.9289836883544904</c:v>
                </c:pt>
                <c:pt idx="6">
                  <c:v>6.9289107322692898</c:v>
                </c:pt>
                <c:pt idx="7">
                  <c:v>7.9288258552551296</c:v>
                </c:pt>
                <c:pt idx="8">
                  <c:v>8.9288921356201207</c:v>
                </c:pt>
                <c:pt idx="9">
                  <c:v>9.9262228012084996</c:v>
                </c:pt>
                <c:pt idx="10">
                  <c:v>10.9263353347778</c:v>
                </c:pt>
                <c:pt idx="11">
                  <c:v>11.926438331604</c:v>
                </c:pt>
                <c:pt idx="12">
                  <c:v>12.9265432357788</c:v>
                </c:pt>
                <c:pt idx="13">
                  <c:v>13.9266004562378</c:v>
                </c:pt>
                <c:pt idx="14">
                  <c:v>14.926714897155801</c:v>
                </c:pt>
                <c:pt idx="15">
                  <c:v>15.9267387390137</c:v>
                </c:pt>
                <c:pt idx="16">
                  <c:v>16.926578521728501</c:v>
                </c:pt>
                <c:pt idx="17">
                  <c:v>17.926345825195298</c:v>
                </c:pt>
                <c:pt idx="18">
                  <c:v>18.9261474609375</c:v>
                </c:pt>
                <c:pt idx="19">
                  <c:v>19.925796508789102</c:v>
                </c:pt>
                <c:pt idx="20">
                  <c:v>20.925657272338899</c:v>
                </c:pt>
                <c:pt idx="21">
                  <c:v>21.925378799438501</c:v>
                </c:pt>
                <c:pt idx="22">
                  <c:v>22.925144195556602</c:v>
                </c:pt>
                <c:pt idx="23">
                  <c:v>23.924888610839801</c:v>
                </c:pt>
                <c:pt idx="24">
                  <c:v>24.9246425628662</c:v>
                </c:pt>
                <c:pt idx="25">
                  <c:v>25.924333572387699</c:v>
                </c:pt>
                <c:pt idx="26">
                  <c:v>26.924066543579102</c:v>
                </c:pt>
                <c:pt idx="27">
                  <c:v>27.923885345458999</c:v>
                </c:pt>
                <c:pt idx="28">
                  <c:v>28.923652648925799</c:v>
                </c:pt>
                <c:pt idx="29">
                  <c:v>29.9233798980713</c:v>
                </c:pt>
                <c:pt idx="30">
                  <c:v>30.923093795776399</c:v>
                </c:pt>
                <c:pt idx="31">
                  <c:v>31.922967910766602</c:v>
                </c:pt>
                <c:pt idx="32">
                  <c:v>32.922771453857401</c:v>
                </c:pt>
                <c:pt idx="33">
                  <c:v>33.922534942627003</c:v>
                </c:pt>
                <c:pt idx="34">
                  <c:v>34.9225044250488</c:v>
                </c:pt>
                <c:pt idx="35">
                  <c:v>35.9218559265137</c:v>
                </c:pt>
                <c:pt idx="36">
                  <c:v>36.9217338562012</c:v>
                </c:pt>
                <c:pt idx="37">
                  <c:v>37.921531677246101</c:v>
                </c:pt>
                <c:pt idx="38">
                  <c:v>38.921318054199197</c:v>
                </c:pt>
                <c:pt idx="39">
                  <c:v>39.921298980712898</c:v>
                </c:pt>
                <c:pt idx="40">
                  <c:v>40.920730590820298</c:v>
                </c:pt>
                <c:pt idx="41">
                  <c:v>41.923580169677699</c:v>
                </c:pt>
                <c:pt idx="42">
                  <c:v>42.923274993896499</c:v>
                </c:pt>
                <c:pt idx="43">
                  <c:v>43.922767639160199</c:v>
                </c:pt>
                <c:pt idx="44">
                  <c:v>44.922660827636697</c:v>
                </c:pt>
                <c:pt idx="45">
                  <c:v>45.922172546386697</c:v>
                </c:pt>
                <c:pt idx="46">
                  <c:v>46.921989440917997</c:v>
                </c:pt>
                <c:pt idx="47">
                  <c:v>47.921955108642599</c:v>
                </c:pt>
                <c:pt idx="48">
                  <c:v>48.921459197997997</c:v>
                </c:pt>
                <c:pt idx="49">
                  <c:v>49.921432495117202</c:v>
                </c:pt>
                <c:pt idx="50">
                  <c:v>50.920974731445298</c:v>
                </c:pt>
                <c:pt idx="51">
                  <c:v>51.920944213867202</c:v>
                </c:pt>
                <c:pt idx="52">
                  <c:v>52.9206352233887</c:v>
                </c:pt>
                <c:pt idx="53">
                  <c:v>53.92041015625</c:v>
                </c:pt>
                <c:pt idx="54">
                  <c:v>54.920108795166001</c:v>
                </c:pt>
                <c:pt idx="55">
                  <c:v>55.9198188781738</c:v>
                </c:pt>
                <c:pt idx="56">
                  <c:v>56.919479370117202</c:v>
                </c:pt>
                <c:pt idx="57">
                  <c:v>57.919563293457003</c:v>
                </c:pt>
                <c:pt idx="58">
                  <c:v>58.918827056884801</c:v>
                </c:pt>
                <c:pt idx="59">
                  <c:v>59.9188041687012</c:v>
                </c:pt>
                <c:pt idx="60">
                  <c:v>60.918498992919901</c:v>
                </c:pt>
                <c:pt idx="61">
                  <c:v>61.918636322021499</c:v>
                </c:pt>
                <c:pt idx="62">
                  <c:v>62.917766571044901</c:v>
                </c:pt>
                <c:pt idx="63">
                  <c:v>63.917881011962898</c:v>
                </c:pt>
                <c:pt idx="64">
                  <c:v>64.917785644531307</c:v>
                </c:pt>
                <c:pt idx="65">
                  <c:v>65.917686462402301</c:v>
                </c:pt>
                <c:pt idx="66">
                  <c:v>66.917259216308594</c:v>
                </c:pt>
                <c:pt idx="67">
                  <c:v>67.916755676269503</c:v>
                </c:pt>
                <c:pt idx="68">
                  <c:v>68.916877746582003</c:v>
                </c:pt>
                <c:pt idx="69">
                  <c:v>69.916168212890597</c:v>
                </c:pt>
                <c:pt idx="70">
                  <c:v>70.916961669921903</c:v>
                </c:pt>
                <c:pt idx="71">
                  <c:v>71.915626525878906</c:v>
                </c:pt>
                <c:pt idx="72">
                  <c:v>72.915756225585895</c:v>
                </c:pt>
                <c:pt idx="73">
                  <c:v>73.915847778320298</c:v>
                </c:pt>
                <c:pt idx="74">
                  <c:v>74.914619445800795</c:v>
                </c:pt>
                <c:pt idx="75">
                  <c:v>75.915168762207003</c:v>
                </c:pt>
                <c:pt idx="76">
                  <c:v>76.914871215820298</c:v>
                </c:pt>
                <c:pt idx="77">
                  <c:v>77.914489746093807</c:v>
                </c:pt>
                <c:pt idx="78">
                  <c:v>78.9149169921875</c:v>
                </c:pt>
                <c:pt idx="79">
                  <c:v>79.913276672363295</c:v>
                </c:pt>
                <c:pt idx="80">
                  <c:v>80.913566589355497</c:v>
                </c:pt>
                <c:pt idx="81">
                  <c:v>81.9127197265625</c:v>
                </c:pt>
                <c:pt idx="82">
                  <c:v>82.912857055664105</c:v>
                </c:pt>
                <c:pt idx="83">
                  <c:v>83.912895202636705</c:v>
                </c:pt>
                <c:pt idx="84">
                  <c:v>84.912513732910199</c:v>
                </c:pt>
                <c:pt idx="85">
                  <c:v>85.9114990234375</c:v>
                </c:pt>
                <c:pt idx="86">
                  <c:v>86.913093566894503</c:v>
                </c:pt>
                <c:pt idx="87">
                  <c:v>87.911354064941406</c:v>
                </c:pt>
                <c:pt idx="88">
                  <c:v>88.912826538085895</c:v>
                </c:pt>
                <c:pt idx="89">
                  <c:v>89.9111328125</c:v>
                </c:pt>
                <c:pt idx="90">
                  <c:v>90.911193847656307</c:v>
                </c:pt>
                <c:pt idx="91">
                  <c:v>91.909370422363295</c:v>
                </c:pt>
                <c:pt idx="92">
                  <c:v>92.911392211914105</c:v>
                </c:pt>
                <c:pt idx="93">
                  <c:v>93.912338256835895</c:v>
                </c:pt>
                <c:pt idx="94">
                  <c:v>94.908874511718807</c:v>
                </c:pt>
                <c:pt idx="95">
                  <c:v>95.911018371582003</c:v>
                </c:pt>
                <c:pt idx="96">
                  <c:v>96.908073425292997</c:v>
                </c:pt>
                <c:pt idx="97">
                  <c:v>97.909896850585895</c:v>
                </c:pt>
                <c:pt idx="98">
                  <c:v>98.910110473632798</c:v>
                </c:pt>
                <c:pt idx="99">
                  <c:v>99.907936096191406</c:v>
                </c:pt>
                <c:pt idx="100">
                  <c:v>100.00155639648401</c:v>
                </c:pt>
                <c:pt idx="101">
                  <c:v>100.003860473633</c:v>
                </c:pt>
                <c:pt idx="102">
                  <c:v>100.00033569335901</c:v>
                </c:pt>
                <c:pt idx="103">
                  <c:v>99.997627258300795</c:v>
                </c:pt>
                <c:pt idx="104">
                  <c:v>99.9971923828125</c:v>
                </c:pt>
                <c:pt idx="105">
                  <c:v>99.999099731445298</c:v>
                </c:pt>
                <c:pt idx="106">
                  <c:v>99.998870849609403</c:v>
                </c:pt>
                <c:pt idx="107">
                  <c:v>99.998497009277301</c:v>
                </c:pt>
                <c:pt idx="108">
                  <c:v>99.999320983886705</c:v>
                </c:pt>
                <c:pt idx="109">
                  <c:v>100.00042724609401</c:v>
                </c:pt>
                <c:pt idx="110">
                  <c:v>99.997711181640597</c:v>
                </c:pt>
                <c:pt idx="111">
                  <c:v>99.998611450195298</c:v>
                </c:pt>
                <c:pt idx="112">
                  <c:v>99.999450683593807</c:v>
                </c:pt>
                <c:pt idx="113">
                  <c:v>99.999107360839801</c:v>
                </c:pt>
                <c:pt idx="114">
                  <c:v>99.999603271484403</c:v>
                </c:pt>
                <c:pt idx="115">
                  <c:v>100.000244140625</c:v>
                </c:pt>
                <c:pt idx="116">
                  <c:v>99.999458312988295</c:v>
                </c:pt>
                <c:pt idx="117">
                  <c:v>100.00063323974599</c:v>
                </c:pt>
                <c:pt idx="118">
                  <c:v>100.00057983398401</c:v>
                </c:pt>
                <c:pt idx="119">
                  <c:v>100.00022125244099</c:v>
                </c:pt>
                <c:pt idx="120">
                  <c:v>99.998466491699205</c:v>
                </c:pt>
                <c:pt idx="121">
                  <c:v>99.996772766113295</c:v>
                </c:pt>
                <c:pt idx="122">
                  <c:v>99.999107360839801</c:v>
                </c:pt>
                <c:pt idx="123">
                  <c:v>100.001792907715</c:v>
                </c:pt>
                <c:pt idx="124">
                  <c:v>100.001304626465</c:v>
                </c:pt>
                <c:pt idx="125">
                  <c:v>100.00234985351599</c:v>
                </c:pt>
                <c:pt idx="126">
                  <c:v>100.00178527832</c:v>
                </c:pt>
                <c:pt idx="127">
                  <c:v>99.999900817871094</c:v>
                </c:pt>
                <c:pt idx="128">
                  <c:v>99.997627258300795</c:v>
                </c:pt>
                <c:pt idx="129">
                  <c:v>99.999076843261705</c:v>
                </c:pt>
                <c:pt idx="130">
                  <c:v>99.075309753417997</c:v>
                </c:pt>
                <c:pt idx="131">
                  <c:v>98.070663452148395</c:v>
                </c:pt>
                <c:pt idx="132">
                  <c:v>97.077011108398395</c:v>
                </c:pt>
                <c:pt idx="133">
                  <c:v>96.069519042968807</c:v>
                </c:pt>
                <c:pt idx="134">
                  <c:v>95.075546264648395</c:v>
                </c:pt>
                <c:pt idx="135">
                  <c:v>94.074890136718807</c:v>
                </c:pt>
                <c:pt idx="136">
                  <c:v>93.074790954589801</c:v>
                </c:pt>
                <c:pt idx="137">
                  <c:v>92.077011108398395</c:v>
                </c:pt>
                <c:pt idx="138">
                  <c:v>91.073410034179702</c:v>
                </c:pt>
                <c:pt idx="139">
                  <c:v>90.076461791992202</c:v>
                </c:pt>
                <c:pt idx="140">
                  <c:v>89.076469421386705</c:v>
                </c:pt>
                <c:pt idx="141">
                  <c:v>88.078201293945298</c:v>
                </c:pt>
                <c:pt idx="142">
                  <c:v>87.077049255371094</c:v>
                </c:pt>
                <c:pt idx="143">
                  <c:v>86.076210021972699</c:v>
                </c:pt>
                <c:pt idx="144">
                  <c:v>85.077835083007798</c:v>
                </c:pt>
                <c:pt idx="145">
                  <c:v>84.077835083007798</c:v>
                </c:pt>
                <c:pt idx="146">
                  <c:v>83.077865600585895</c:v>
                </c:pt>
                <c:pt idx="147">
                  <c:v>82.078018188476605</c:v>
                </c:pt>
                <c:pt idx="148">
                  <c:v>81.0782470703125</c:v>
                </c:pt>
                <c:pt idx="149">
                  <c:v>80.078903198242202</c:v>
                </c:pt>
                <c:pt idx="150">
                  <c:v>79.078109741210895</c:v>
                </c:pt>
                <c:pt idx="151">
                  <c:v>78.078880310058594</c:v>
                </c:pt>
                <c:pt idx="152">
                  <c:v>77.079216003417997</c:v>
                </c:pt>
                <c:pt idx="153">
                  <c:v>76.079994201660199</c:v>
                </c:pt>
                <c:pt idx="154">
                  <c:v>75.079650878906307</c:v>
                </c:pt>
                <c:pt idx="155">
                  <c:v>74.079437255859403</c:v>
                </c:pt>
                <c:pt idx="156">
                  <c:v>73.080078125</c:v>
                </c:pt>
                <c:pt idx="157">
                  <c:v>72.080337524414105</c:v>
                </c:pt>
                <c:pt idx="158">
                  <c:v>71.080528259277301</c:v>
                </c:pt>
                <c:pt idx="159">
                  <c:v>70.081306457519503</c:v>
                </c:pt>
                <c:pt idx="160">
                  <c:v>69.081527709960895</c:v>
                </c:pt>
                <c:pt idx="161">
                  <c:v>68.081306457519503</c:v>
                </c:pt>
                <c:pt idx="162">
                  <c:v>67.082214355468807</c:v>
                </c:pt>
                <c:pt idx="163">
                  <c:v>66.082534790039105</c:v>
                </c:pt>
                <c:pt idx="164">
                  <c:v>65.082527160644503</c:v>
                </c:pt>
                <c:pt idx="165">
                  <c:v>64.082229614257798</c:v>
                </c:pt>
                <c:pt idx="166">
                  <c:v>63.082550048828097</c:v>
                </c:pt>
                <c:pt idx="167">
                  <c:v>62.0828857421875</c:v>
                </c:pt>
                <c:pt idx="168">
                  <c:v>61.083183288574197</c:v>
                </c:pt>
                <c:pt idx="169">
                  <c:v>60.083442687988303</c:v>
                </c:pt>
                <c:pt idx="170">
                  <c:v>59.083389282226598</c:v>
                </c:pt>
                <c:pt idx="171">
                  <c:v>58.081504821777301</c:v>
                </c:pt>
                <c:pt idx="172">
                  <c:v>57.083915710449197</c:v>
                </c:pt>
                <c:pt idx="173">
                  <c:v>56.081501007080099</c:v>
                </c:pt>
                <c:pt idx="174">
                  <c:v>55.084934234619098</c:v>
                </c:pt>
                <c:pt idx="175">
                  <c:v>54.081993103027301</c:v>
                </c:pt>
                <c:pt idx="176">
                  <c:v>53.082595825195298</c:v>
                </c:pt>
                <c:pt idx="177">
                  <c:v>52.0827026367188</c:v>
                </c:pt>
                <c:pt idx="178">
                  <c:v>51.082832336425803</c:v>
                </c:pt>
                <c:pt idx="179">
                  <c:v>50.082859039306598</c:v>
                </c:pt>
                <c:pt idx="180">
                  <c:v>49.083538055419901</c:v>
                </c:pt>
                <c:pt idx="181">
                  <c:v>48.083660125732401</c:v>
                </c:pt>
                <c:pt idx="182">
                  <c:v>47.0840034484863</c:v>
                </c:pt>
                <c:pt idx="183">
                  <c:v>46.084133148193402</c:v>
                </c:pt>
                <c:pt idx="184">
                  <c:v>45.084465026855497</c:v>
                </c:pt>
                <c:pt idx="185">
                  <c:v>44.084659576416001</c:v>
                </c:pt>
                <c:pt idx="186">
                  <c:v>43.0848197937012</c:v>
                </c:pt>
                <c:pt idx="187">
                  <c:v>42.085243225097699</c:v>
                </c:pt>
                <c:pt idx="188">
                  <c:v>41.085079193115199</c:v>
                </c:pt>
                <c:pt idx="189">
                  <c:v>40.085494995117202</c:v>
                </c:pt>
                <c:pt idx="190">
                  <c:v>39.085865020752003</c:v>
                </c:pt>
                <c:pt idx="191">
                  <c:v>38.085830688476598</c:v>
                </c:pt>
                <c:pt idx="192">
                  <c:v>37.0863037109375</c:v>
                </c:pt>
                <c:pt idx="193">
                  <c:v>36.086711883544901</c:v>
                </c:pt>
                <c:pt idx="194">
                  <c:v>35.086738586425803</c:v>
                </c:pt>
                <c:pt idx="195">
                  <c:v>34.087062835693402</c:v>
                </c:pt>
                <c:pt idx="196">
                  <c:v>33.0871772766113</c:v>
                </c:pt>
                <c:pt idx="197">
                  <c:v>32.087566375732401</c:v>
                </c:pt>
                <c:pt idx="198">
                  <c:v>31.087863922119102</c:v>
                </c:pt>
                <c:pt idx="199">
                  <c:v>30.087984085083001</c:v>
                </c:pt>
                <c:pt idx="200">
                  <c:v>29.088253021240199</c:v>
                </c:pt>
                <c:pt idx="201">
                  <c:v>28.088516235351602</c:v>
                </c:pt>
                <c:pt idx="202">
                  <c:v>27.088752746581999</c:v>
                </c:pt>
                <c:pt idx="203">
                  <c:v>26.089031219482401</c:v>
                </c:pt>
                <c:pt idx="204">
                  <c:v>25.0891933441162</c:v>
                </c:pt>
                <c:pt idx="205">
                  <c:v>24.0894660949707</c:v>
                </c:pt>
                <c:pt idx="206">
                  <c:v>23.0896911621094</c:v>
                </c:pt>
                <c:pt idx="207">
                  <c:v>22.0899562835693</c:v>
                </c:pt>
                <c:pt idx="208">
                  <c:v>21.090110778808601</c:v>
                </c:pt>
                <c:pt idx="209">
                  <c:v>20.0904750823975</c:v>
                </c:pt>
                <c:pt idx="210">
                  <c:v>19.090631484985401</c:v>
                </c:pt>
                <c:pt idx="211">
                  <c:v>18.090913772583001</c:v>
                </c:pt>
                <c:pt idx="212">
                  <c:v>17.091190338134801</c:v>
                </c:pt>
                <c:pt idx="213">
                  <c:v>16.091350555419901</c:v>
                </c:pt>
                <c:pt idx="214">
                  <c:v>15.091340065002401</c:v>
                </c:pt>
                <c:pt idx="215">
                  <c:v>14.0912475585938</c:v>
                </c:pt>
                <c:pt idx="216">
                  <c:v>13.0911045074463</c:v>
                </c:pt>
                <c:pt idx="217">
                  <c:v>12.091001510620099</c:v>
                </c:pt>
                <c:pt idx="218">
                  <c:v>11.090938568115201</c:v>
                </c:pt>
                <c:pt idx="219">
                  <c:v>10.0907936096191</c:v>
                </c:pt>
                <c:pt idx="220">
                  <c:v>9.0907239913940394</c:v>
                </c:pt>
                <c:pt idx="221">
                  <c:v>8.0906438827514595</c:v>
                </c:pt>
                <c:pt idx="222">
                  <c:v>7.0906696319580096</c:v>
                </c:pt>
                <c:pt idx="223">
                  <c:v>6.0907416343689</c:v>
                </c:pt>
                <c:pt idx="224">
                  <c:v>5.0908346176147496</c:v>
                </c:pt>
                <c:pt idx="225">
                  <c:v>4.0909299850463903</c:v>
                </c:pt>
                <c:pt idx="226">
                  <c:v>3.0909454822540301</c:v>
                </c:pt>
                <c:pt idx="227">
                  <c:v>2.0909590721130402</c:v>
                </c:pt>
                <c:pt idx="228">
                  <c:v>1.0908886194229099</c:v>
                </c:pt>
                <c:pt idx="229">
                  <c:v>9.0864457190036801E-2</c:v>
                </c:pt>
              </c:numCache>
            </c:numRef>
          </c:xVal>
          <c:yVal>
            <c:numRef>
              <c:f>Type_4_6__1___._2_thixotropy_rw!$D$2:$D$231</c:f>
              <c:numCache>
                <c:formatCode>General</c:formatCode>
                <c:ptCount val="230"/>
                <c:pt idx="0">
                  <c:v>4.3630108237266499E-2</c:v>
                </c:pt>
                <c:pt idx="1">
                  <c:v>3.7829305976629299E-2</c:v>
                </c:pt>
                <c:pt idx="2">
                  <c:v>9.8820552229881304E-3</c:v>
                </c:pt>
                <c:pt idx="3">
                  <c:v>8.5936561226844801E-2</c:v>
                </c:pt>
                <c:pt idx="4">
                  <c:v>0.23891393840312999</c:v>
                </c:pt>
                <c:pt idx="5">
                  <c:v>0.34359985589981101</c:v>
                </c:pt>
                <c:pt idx="6">
                  <c:v>0.25960972905159002</c:v>
                </c:pt>
                <c:pt idx="7">
                  <c:v>0.49117335677146901</c:v>
                </c:pt>
                <c:pt idx="8">
                  <c:v>0.43437400460243197</c:v>
                </c:pt>
                <c:pt idx="9">
                  <c:v>0.52472233772277799</c:v>
                </c:pt>
                <c:pt idx="10">
                  <c:v>0.50586652755737305</c:v>
                </c:pt>
                <c:pt idx="11">
                  <c:v>0.57011342048644997</c:v>
                </c:pt>
                <c:pt idx="12">
                  <c:v>0.77838432788848899</c:v>
                </c:pt>
                <c:pt idx="13">
                  <c:v>0.88430392742157005</c:v>
                </c:pt>
                <c:pt idx="14">
                  <c:v>1.0899641513824501</c:v>
                </c:pt>
                <c:pt idx="15">
                  <c:v>1.2128309011459399</c:v>
                </c:pt>
                <c:pt idx="16">
                  <c:v>1.1013418436050399</c:v>
                </c:pt>
                <c:pt idx="17">
                  <c:v>1.344367146492</c:v>
                </c:pt>
                <c:pt idx="18">
                  <c:v>1.41345322132111</c:v>
                </c:pt>
                <c:pt idx="19">
                  <c:v>1.5589514970779399</c:v>
                </c:pt>
                <c:pt idx="20">
                  <c:v>1.7045263051986701</c:v>
                </c:pt>
                <c:pt idx="21">
                  <c:v>1.86451363563538</c:v>
                </c:pt>
                <c:pt idx="22">
                  <c:v>2.1610901355743399</c:v>
                </c:pt>
                <c:pt idx="23">
                  <c:v>2.3523409366607702</c:v>
                </c:pt>
                <c:pt idx="24">
                  <c:v>2.6589615345001198</c:v>
                </c:pt>
                <c:pt idx="25">
                  <c:v>2.72984075546265</c:v>
                </c:pt>
                <c:pt idx="26">
                  <c:v>2.7599718570709202</c:v>
                </c:pt>
                <c:pt idx="27">
                  <c:v>3.27265548706055</c:v>
                </c:pt>
                <c:pt idx="28">
                  <c:v>3.3524227142334002</c:v>
                </c:pt>
                <c:pt idx="29">
                  <c:v>3.7862620353698699</c:v>
                </c:pt>
                <c:pt idx="30">
                  <c:v>3.8533005714416499</c:v>
                </c:pt>
                <c:pt idx="31">
                  <c:v>4.42541408538818</c:v>
                </c:pt>
                <c:pt idx="32">
                  <c:v>4.8800110816955602</c:v>
                </c:pt>
                <c:pt idx="33">
                  <c:v>5.6473464965820304</c:v>
                </c:pt>
                <c:pt idx="34">
                  <c:v>6.3153872489929199</c:v>
                </c:pt>
                <c:pt idx="35">
                  <c:v>5.9969506263732901</c:v>
                </c:pt>
                <c:pt idx="36">
                  <c:v>6.8518977165222203</c:v>
                </c:pt>
                <c:pt idx="37">
                  <c:v>6.7464566230773899</c:v>
                </c:pt>
                <c:pt idx="38">
                  <c:v>8.1102190017700195</c:v>
                </c:pt>
                <c:pt idx="39">
                  <c:v>7.2914481163024902</c:v>
                </c:pt>
                <c:pt idx="40">
                  <c:v>7.4480042457580602</c:v>
                </c:pt>
                <c:pt idx="41">
                  <c:v>7.8970642089843803</c:v>
                </c:pt>
                <c:pt idx="42">
                  <c:v>7.6083316802978498</c:v>
                </c:pt>
                <c:pt idx="43">
                  <c:v>7.4347028732299796</c:v>
                </c:pt>
                <c:pt idx="44">
                  <c:v>8.4588851928710902</c:v>
                </c:pt>
                <c:pt idx="45">
                  <c:v>8.1207580566406303</c:v>
                </c:pt>
                <c:pt idx="46">
                  <c:v>8.8890571594238299</c:v>
                </c:pt>
                <c:pt idx="47">
                  <c:v>8.9341917037963903</c:v>
                </c:pt>
                <c:pt idx="48">
                  <c:v>8.9622097015380895</c:v>
                </c:pt>
                <c:pt idx="49">
                  <c:v>9.1054944992065394</c:v>
                </c:pt>
                <c:pt idx="50">
                  <c:v>8.6628913879394496</c:v>
                </c:pt>
                <c:pt idx="51">
                  <c:v>10.0211696624756</c:v>
                </c:pt>
                <c:pt idx="52">
                  <c:v>10.0824890136719</c:v>
                </c:pt>
                <c:pt idx="53">
                  <c:v>10.417060852050801</c:v>
                </c:pt>
                <c:pt idx="54">
                  <c:v>11.655317306518601</c:v>
                </c:pt>
                <c:pt idx="55">
                  <c:v>10.6605224609375</c:v>
                </c:pt>
                <c:pt idx="56">
                  <c:v>11.3263101577759</c:v>
                </c:pt>
                <c:pt idx="57">
                  <c:v>12.687191963195801</c:v>
                </c:pt>
                <c:pt idx="58">
                  <c:v>12.334489822387701</c:v>
                </c:pt>
                <c:pt idx="59">
                  <c:v>13.8570289611816</c:v>
                </c:pt>
                <c:pt idx="60">
                  <c:v>12.7521648406982</c:v>
                </c:pt>
                <c:pt idx="61">
                  <c:v>14.758405685424799</c:v>
                </c:pt>
                <c:pt idx="62">
                  <c:v>14.333830833435099</c:v>
                </c:pt>
                <c:pt idx="63">
                  <c:v>15.5648288726807</c:v>
                </c:pt>
                <c:pt idx="64">
                  <c:v>15.914989471435501</c:v>
                </c:pt>
                <c:pt idx="65">
                  <c:v>17.106462478637699</c:v>
                </c:pt>
                <c:pt idx="66">
                  <c:v>18.280021667480501</c:v>
                </c:pt>
                <c:pt idx="67">
                  <c:v>18.916139602661101</c:v>
                </c:pt>
                <c:pt idx="68">
                  <c:v>20.002952575683601</c:v>
                </c:pt>
                <c:pt idx="69">
                  <c:v>19.71457862854</c:v>
                </c:pt>
                <c:pt idx="70">
                  <c:v>20.7210998535156</c:v>
                </c:pt>
                <c:pt idx="71">
                  <c:v>20.665767669677699</c:v>
                </c:pt>
                <c:pt idx="72">
                  <c:v>21.604469299316399</c:v>
                </c:pt>
                <c:pt idx="73">
                  <c:v>20.527408599853501</c:v>
                </c:pt>
                <c:pt idx="74">
                  <c:v>20.585748672485401</c:v>
                </c:pt>
                <c:pt idx="75">
                  <c:v>22.074424743652301</c:v>
                </c:pt>
                <c:pt idx="76">
                  <c:v>23.203367233276399</c:v>
                </c:pt>
                <c:pt idx="77">
                  <c:v>23.0885524749756</c:v>
                </c:pt>
                <c:pt idx="78">
                  <c:v>28.098505020141602</c:v>
                </c:pt>
                <c:pt idx="79">
                  <c:v>27.8318576812744</c:v>
                </c:pt>
                <c:pt idx="80">
                  <c:v>27.939533233642599</c:v>
                </c:pt>
                <c:pt idx="81">
                  <c:v>27.725162506103501</c:v>
                </c:pt>
                <c:pt idx="82">
                  <c:v>28.224433898925799</c:v>
                </c:pt>
                <c:pt idx="83">
                  <c:v>27.590330123901399</c:v>
                </c:pt>
                <c:pt idx="84">
                  <c:v>28.605426788330099</c:v>
                </c:pt>
                <c:pt idx="85">
                  <c:v>29.339941024780298</c:v>
                </c:pt>
                <c:pt idx="86">
                  <c:v>28.606489181518601</c:v>
                </c:pt>
                <c:pt idx="87">
                  <c:v>28.3015460968018</c:v>
                </c:pt>
                <c:pt idx="88">
                  <c:v>28.682249069213899</c:v>
                </c:pt>
                <c:pt idx="89">
                  <c:v>26.825954437255898</c:v>
                </c:pt>
                <c:pt idx="90">
                  <c:v>30.365566253662099</c:v>
                </c:pt>
                <c:pt idx="91">
                  <c:v>29.559242248535199</c:v>
                </c:pt>
                <c:pt idx="92">
                  <c:v>31.7869968414307</c:v>
                </c:pt>
                <c:pt idx="93">
                  <c:v>28.965246200561499</c:v>
                </c:pt>
                <c:pt idx="94">
                  <c:v>31.857803344726602</c:v>
                </c:pt>
                <c:pt idx="95">
                  <c:v>29.823616027831999</c:v>
                </c:pt>
                <c:pt idx="96">
                  <c:v>33.203380584716797</c:v>
                </c:pt>
                <c:pt idx="97">
                  <c:v>30.628860473632798</c:v>
                </c:pt>
                <c:pt idx="98">
                  <c:v>31.759687423706101</c:v>
                </c:pt>
                <c:pt idx="99">
                  <c:v>32.235271453857401</c:v>
                </c:pt>
                <c:pt idx="100">
                  <c:v>33.620597839355497</c:v>
                </c:pt>
                <c:pt idx="101">
                  <c:v>31.543287277221701</c:v>
                </c:pt>
                <c:pt idx="102">
                  <c:v>27.253370285034201</c:v>
                </c:pt>
                <c:pt idx="103">
                  <c:v>29.692102432251001</c:v>
                </c:pt>
                <c:pt idx="104">
                  <c:v>32.709716796875</c:v>
                </c:pt>
                <c:pt idx="105">
                  <c:v>33.953392028808601</c:v>
                </c:pt>
                <c:pt idx="106">
                  <c:v>31.873296737670898</c:v>
                </c:pt>
                <c:pt idx="107">
                  <c:v>31.5616550445557</c:v>
                </c:pt>
                <c:pt idx="108">
                  <c:v>32.137645721435497</c:v>
                </c:pt>
                <c:pt idx="109">
                  <c:v>33.317619323730497</c:v>
                </c:pt>
                <c:pt idx="110">
                  <c:v>33.476413726806598</c:v>
                </c:pt>
                <c:pt idx="111">
                  <c:v>33.347789764404297</c:v>
                </c:pt>
                <c:pt idx="112">
                  <c:v>32.892753601074197</c:v>
                </c:pt>
                <c:pt idx="113">
                  <c:v>31.954139709472699</c:v>
                </c:pt>
                <c:pt idx="114">
                  <c:v>32.504001617431598</c:v>
                </c:pt>
                <c:pt idx="115">
                  <c:v>33.606292724609403</c:v>
                </c:pt>
                <c:pt idx="116">
                  <c:v>31.419582366943398</c:v>
                </c:pt>
                <c:pt idx="117">
                  <c:v>33.4174995422363</c:v>
                </c:pt>
                <c:pt idx="118">
                  <c:v>30.9144382476807</c:v>
                </c:pt>
                <c:pt idx="119">
                  <c:v>30.829715728759801</c:v>
                </c:pt>
                <c:pt idx="120">
                  <c:v>30.651380538940401</c:v>
                </c:pt>
                <c:pt idx="121">
                  <c:v>35.309066772460902</c:v>
                </c:pt>
                <c:pt idx="122">
                  <c:v>34.522182464599602</c:v>
                </c:pt>
                <c:pt idx="123">
                  <c:v>34.742870330810497</c:v>
                </c:pt>
                <c:pt idx="124">
                  <c:v>33.6827201843262</c:v>
                </c:pt>
                <c:pt idx="125">
                  <c:v>32.732414245605497</c:v>
                </c:pt>
                <c:pt idx="126">
                  <c:v>30.8369750976563</c:v>
                </c:pt>
                <c:pt idx="127">
                  <c:v>29.591819763183601</c:v>
                </c:pt>
                <c:pt idx="128">
                  <c:v>30.4652423858643</c:v>
                </c:pt>
                <c:pt idx="129">
                  <c:v>31.429716110229499</c:v>
                </c:pt>
                <c:pt idx="130">
                  <c:v>31.971818923950199</c:v>
                </c:pt>
                <c:pt idx="131">
                  <c:v>31.746213912963899</c:v>
                </c:pt>
                <c:pt idx="132">
                  <c:v>28.403053283691399</c:v>
                </c:pt>
                <c:pt idx="133">
                  <c:v>32.265861511230497</c:v>
                </c:pt>
                <c:pt idx="134">
                  <c:v>26.954013824462901</c:v>
                </c:pt>
                <c:pt idx="135">
                  <c:v>31.873994827270501</c:v>
                </c:pt>
                <c:pt idx="136">
                  <c:v>26.0102424621582</c:v>
                </c:pt>
                <c:pt idx="137">
                  <c:v>29.8302917480469</c:v>
                </c:pt>
                <c:pt idx="138">
                  <c:v>26.119319915771499</c:v>
                </c:pt>
                <c:pt idx="139">
                  <c:v>26.921859741210898</c:v>
                </c:pt>
                <c:pt idx="140">
                  <c:v>25.9656982421875</c:v>
                </c:pt>
                <c:pt idx="141">
                  <c:v>27.3577556610107</c:v>
                </c:pt>
                <c:pt idx="142">
                  <c:v>26.554374694824201</c:v>
                </c:pt>
                <c:pt idx="143">
                  <c:v>26.0872898101807</c:v>
                </c:pt>
                <c:pt idx="144">
                  <c:v>25.0494174957275</c:v>
                </c:pt>
                <c:pt idx="145">
                  <c:v>25.563959121704102</c:v>
                </c:pt>
                <c:pt idx="146">
                  <c:v>25.1692600250244</c:v>
                </c:pt>
                <c:pt idx="147">
                  <c:v>25.288480758666999</c:v>
                </c:pt>
                <c:pt idx="148">
                  <c:v>25.178480148315401</c:v>
                </c:pt>
                <c:pt idx="149">
                  <c:v>24.523992538452099</c:v>
                </c:pt>
                <c:pt idx="150">
                  <c:v>23.167650222778299</c:v>
                </c:pt>
                <c:pt idx="151">
                  <c:v>23.443641662597699</c:v>
                </c:pt>
                <c:pt idx="152">
                  <c:v>23.247676849365199</c:v>
                </c:pt>
                <c:pt idx="153">
                  <c:v>23.2411918640137</c:v>
                </c:pt>
                <c:pt idx="154">
                  <c:v>21.863731384277301</c:v>
                </c:pt>
                <c:pt idx="155">
                  <c:v>21.274581909179702</c:v>
                </c:pt>
                <c:pt idx="156">
                  <c:v>21.007247924804702</c:v>
                </c:pt>
                <c:pt idx="157">
                  <c:v>19.755458831787099</c:v>
                </c:pt>
                <c:pt idx="158">
                  <c:v>20.0725288391113</c:v>
                </c:pt>
                <c:pt idx="159">
                  <c:v>19.231727600097699</c:v>
                </c:pt>
                <c:pt idx="160">
                  <c:v>18.4811611175537</c:v>
                </c:pt>
                <c:pt idx="161">
                  <c:v>17.894260406494102</c:v>
                </c:pt>
                <c:pt idx="162">
                  <c:v>17.5683288574219</c:v>
                </c:pt>
                <c:pt idx="163">
                  <c:v>16.094753265380898</c:v>
                </c:pt>
                <c:pt idx="164">
                  <c:v>15.0521049499512</c:v>
                </c:pt>
                <c:pt idx="165">
                  <c:v>12.771582603454601</c:v>
                </c:pt>
                <c:pt idx="166">
                  <c:v>14.3796138763428</c:v>
                </c:pt>
                <c:pt idx="167">
                  <c:v>11.910255432128899</c:v>
                </c:pt>
                <c:pt idx="168">
                  <c:v>12.839241027831999</c:v>
                </c:pt>
                <c:pt idx="169">
                  <c:v>12.109113693237299</c:v>
                </c:pt>
                <c:pt idx="170">
                  <c:v>11.2090559005737</c:v>
                </c:pt>
                <c:pt idx="171">
                  <c:v>12.349209785461399</c:v>
                </c:pt>
                <c:pt idx="172">
                  <c:v>10.2784328460693</c:v>
                </c:pt>
                <c:pt idx="173">
                  <c:v>10.140631675720201</c:v>
                </c:pt>
                <c:pt idx="174">
                  <c:v>9.6062555313110405</c:v>
                </c:pt>
                <c:pt idx="175">
                  <c:v>10.4518394470215</c:v>
                </c:pt>
                <c:pt idx="176">
                  <c:v>9.1740684509277308</c:v>
                </c:pt>
                <c:pt idx="177">
                  <c:v>9.5105085372924805</c:v>
                </c:pt>
                <c:pt idx="178">
                  <c:v>8.58630275726318</c:v>
                </c:pt>
                <c:pt idx="179">
                  <c:v>9.0800437927246094</c:v>
                </c:pt>
                <c:pt idx="180">
                  <c:v>8.1326322555541992</c:v>
                </c:pt>
                <c:pt idx="181">
                  <c:v>7.8998770713806197</c:v>
                </c:pt>
                <c:pt idx="182">
                  <c:v>7.3673777580261204</c:v>
                </c:pt>
                <c:pt idx="183">
                  <c:v>7.8751087188720703</c:v>
                </c:pt>
                <c:pt idx="184">
                  <c:v>7.3566417694091797</c:v>
                </c:pt>
                <c:pt idx="185">
                  <c:v>7.62127780914307</c:v>
                </c:pt>
                <c:pt idx="186">
                  <c:v>7.1052732467651403</c:v>
                </c:pt>
                <c:pt idx="187">
                  <c:v>7.3359618186950701</c:v>
                </c:pt>
                <c:pt idx="188">
                  <c:v>7.54549312591553</c:v>
                </c:pt>
                <c:pt idx="189">
                  <c:v>6.2514152526855504</c:v>
                </c:pt>
                <c:pt idx="190">
                  <c:v>6.7852048873901403</c:v>
                </c:pt>
                <c:pt idx="191">
                  <c:v>6.8506603240966797</c:v>
                </c:pt>
                <c:pt idx="192">
                  <c:v>6.2750725746154803</c:v>
                </c:pt>
                <c:pt idx="193">
                  <c:v>6.0237259864807102</c:v>
                </c:pt>
                <c:pt idx="194">
                  <c:v>5.6464262008667001</c:v>
                </c:pt>
                <c:pt idx="195">
                  <c:v>5.7002043724060103</c:v>
                </c:pt>
                <c:pt idx="196">
                  <c:v>5.4117660522460902</c:v>
                </c:pt>
                <c:pt idx="197">
                  <c:v>4.7272706031799299</c:v>
                </c:pt>
                <c:pt idx="198">
                  <c:v>3.8621902465820299</c:v>
                </c:pt>
                <c:pt idx="199">
                  <c:v>3.3620562553405802</c:v>
                </c:pt>
                <c:pt idx="200">
                  <c:v>3.0237021446228001</c:v>
                </c:pt>
                <c:pt idx="201">
                  <c:v>3.1025576591491699</c:v>
                </c:pt>
                <c:pt idx="202">
                  <c:v>2.5851566791534402</c:v>
                </c:pt>
                <c:pt idx="203">
                  <c:v>2.4264161586761501</c:v>
                </c:pt>
                <c:pt idx="204">
                  <c:v>2.0527510643005402</c:v>
                </c:pt>
                <c:pt idx="205">
                  <c:v>2.0599737167358398</c:v>
                </c:pt>
                <c:pt idx="206">
                  <c:v>1.7783945798873899</c:v>
                </c:pt>
                <c:pt idx="207">
                  <c:v>1.7703652381896999</c:v>
                </c:pt>
                <c:pt idx="208">
                  <c:v>1.49573194980621</c:v>
                </c:pt>
                <c:pt idx="209">
                  <c:v>1.22960245609283</c:v>
                </c:pt>
                <c:pt idx="210">
                  <c:v>1.3546395301818801</c:v>
                </c:pt>
                <c:pt idx="211">
                  <c:v>1.1176674365997299</c:v>
                </c:pt>
                <c:pt idx="212">
                  <c:v>1.0283637046814</c:v>
                </c:pt>
                <c:pt idx="213">
                  <c:v>0.93725186586380005</c:v>
                </c:pt>
                <c:pt idx="214">
                  <c:v>0.734005987644196</c:v>
                </c:pt>
                <c:pt idx="215">
                  <c:v>0.66787904500961304</c:v>
                </c:pt>
                <c:pt idx="216">
                  <c:v>0.58326518535614003</c:v>
                </c:pt>
                <c:pt idx="217">
                  <c:v>0.449953943490982</c:v>
                </c:pt>
                <c:pt idx="218">
                  <c:v>0.40269923210143999</c:v>
                </c:pt>
                <c:pt idx="219">
                  <c:v>0.33787089586257901</c:v>
                </c:pt>
                <c:pt idx="220">
                  <c:v>0.23005592823028601</c:v>
                </c:pt>
                <c:pt idx="221">
                  <c:v>0.20615193247795099</c:v>
                </c:pt>
                <c:pt idx="222">
                  <c:v>3.5563524812459897E-2</c:v>
                </c:pt>
                <c:pt idx="223">
                  <c:v>6.0135748237371403E-2</c:v>
                </c:pt>
                <c:pt idx="224">
                  <c:v>9.5596807077526994E-3</c:v>
                </c:pt>
                <c:pt idx="225">
                  <c:v>1.23124988749623E-2</c:v>
                </c:pt>
                <c:pt idx="226">
                  <c:v>7.0192860439419703E-3</c:v>
                </c:pt>
                <c:pt idx="227">
                  <c:v>3.7738073617219897E-2</c:v>
                </c:pt>
                <c:pt idx="228">
                  <c:v>5.3444545716047301E-2</c:v>
                </c:pt>
                <c:pt idx="229">
                  <c:v>1.6886333469301499E-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0973-404F-8723-B5808FB74CA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4560984"/>
        <c:axId val="304556392"/>
      </c:scatterChart>
      <c:valAx>
        <c:axId val="304560984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rate, ɣ̇ (s</a:t>
                </a:r>
                <a:r>
                  <a:rPr lang="en-GB" baseline="30000"/>
                  <a:t>-1</a:t>
                </a:r>
                <a:r>
                  <a:rPr lang="en-GB" baseline="0"/>
                  <a:t>)</a:t>
                </a:r>
                <a:r>
                  <a:rPr lang="en-GB"/>
                  <a:t> 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56392"/>
        <c:crossesAt val="0.1"/>
        <c:crossBetween val="midCat"/>
      </c:valAx>
      <c:valAx>
        <c:axId val="304556392"/>
        <c:scaling>
          <c:logBase val="10"/>
          <c:orientation val="minMax"/>
          <c:min val="0.1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Shear stress, </a:t>
                </a:r>
                <a:r>
                  <a:rPr lang="el-GR"/>
                  <a:t>τ</a:t>
                </a:r>
                <a:r>
                  <a:rPr lang="en-GB"/>
                  <a:t> (Pa)</a:t>
                </a:r>
                <a:r>
                  <a:rPr lang="en-GB" baseline="0"/>
                  <a:t> </a:t>
                </a:r>
                <a:endParaRPr lang="en-GB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4560984"/>
        <c:crossesAt val="0.1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12" Type="http://schemas.openxmlformats.org/officeDocument/2006/relationships/chart" Target="../charts/chart12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8100</xdr:colOff>
      <xdr:row>2</xdr:row>
      <xdr:rowOff>152400</xdr:rowOff>
    </xdr:from>
    <xdr:to>
      <xdr:col>15</xdr:col>
      <xdr:colOff>342900</xdr:colOff>
      <xdr:row>17</xdr:row>
      <xdr:rowOff>38100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0</xdr:colOff>
      <xdr:row>18</xdr:row>
      <xdr:rowOff>0</xdr:rowOff>
    </xdr:from>
    <xdr:to>
      <xdr:col>15</xdr:col>
      <xdr:colOff>304800</xdr:colOff>
      <xdr:row>32</xdr:row>
      <xdr:rowOff>76200</xdr:rowOff>
    </xdr:to>
    <xdr:graphicFrame macro="">
      <xdr:nvGraphicFramePr>
        <xdr:cNvPr id="4" name="Chart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6</xdr:col>
      <xdr:colOff>0</xdr:colOff>
      <xdr:row>3</xdr:row>
      <xdr:rowOff>0</xdr:rowOff>
    </xdr:from>
    <xdr:to>
      <xdr:col>23</xdr:col>
      <xdr:colOff>304800</xdr:colOff>
      <xdr:row>17</xdr:row>
      <xdr:rowOff>76200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5</xdr:col>
      <xdr:colOff>595313</xdr:colOff>
      <xdr:row>32</xdr:row>
      <xdr:rowOff>119062</xdr:rowOff>
    </xdr:from>
    <xdr:to>
      <xdr:col>23</xdr:col>
      <xdr:colOff>292894</xdr:colOff>
      <xdr:row>47</xdr:row>
      <xdr:rowOff>4762</xdr:rowOff>
    </xdr:to>
    <xdr:graphicFrame macro="">
      <xdr:nvGraphicFramePr>
        <xdr:cNvPr id="6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5</xdr:col>
      <xdr:colOff>583406</xdr:colOff>
      <xdr:row>17</xdr:row>
      <xdr:rowOff>142875</xdr:rowOff>
    </xdr:from>
    <xdr:to>
      <xdr:col>23</xdr:col>
      <xdr:colOff>280987</xdr:colOff>
      <xdr:row>32</xdr:row>
      <xdr:rowOff>28575</xdr:rowOff>
    </xdr:to>
    <xdr:graphicFrame macro="">
      <xdr:nvGraphicFramePr>
        <xdr:cNvPr id="8" name="Chart 7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24</xdr:col>
      <xdr:colOff>0</xdr:colOff>
      <xdr:row>3</xdr:row>
      <xdr:rowOff>0</xdr:rowOff>
    </xdr:from>
    <xdr:to>
      <xdr:col>31</xdr:col>
      <xdr:colOff>304800</xdr:colOff>
      <xdr:row>17</xdr:row>
      <xdr:rowOff>76200</xdr:rowOff>
    </xdr:to>
    <xdr:graphicFrame macro="">
      <xdr:nvGraphicFramePr>
        <xdr:cNvPr id="9" name="Chart 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</xdr:col>
      <xdr:colOff>0</xdr:colOff>
      <xdr:row>19</xdr:row>
      <xdr:rowOff>0</xdr:rowOff>
    </xdr:from>
    <xdr:to>
      <xdr:col>31</xdr:col>
      <xdr:colOff>304800</xdr:colOff>
      <xdr:row>33</xdr:row>
      <xdr:rowOff>76200</xdr:rowOff>
    </xdr:to>
    <xdr:graphicFrame macro="">
      <xdr:nvGraphicFramePr>
        <xdr:cNvPr id="10" name="Chart 9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32</xdr:col>
      <xdr:colOff>0</xdr:colOff>
      <xdr:row>3</xdr:row>
      <xdr:rowOff>0</xdr:rowOff>
    </xdr:from>
    <xdr:to>
      <xdr:col>39</xdr:col>
      <xdr:colOff>304800</xdr:colOff>
      <xdr:row>17</xdr:row>
      <xdr:rowOff>76200</xdr:rowOff>
    </xdr:to>
    <xdr:graphicFrame macro="">
      <xdr:nvGraphicFramePr>
        <xdr:cNvPr id="11" name="Chart 10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32</xdr:col>
      <xdr:colOff>0</xdr:colOff>
      <xdr:row>32</xdr:row>
      <xdr:rowOff>154781</xdr:rowOff>
    </xdr:from>
    <xdr:to>
      <xdr:col>39</xdr:col>
      <xdr:colOff>304800</xdr:colOff>
      <xdr:row>47</xdr:row>
      <xdr:rowOff>40481</xdr:rowOff>
    </xdr:to>
    <xdr:graphicFrame macro="">
      <xdr:nvGraphicFramePr>
        <xdr:cNvPr id="12" name="Chart 1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17</xdr:row>
      <xdr:rowOff>154781</xdr:rowOff>
    </xdr:from>
    <xdr:to>
      <xdr:col>39</xdr:col>
      <xdr:colOff>304800</xdr:colOff>
      <xdr:row>32</xdr:row>
      <xdr:rowOff>40481</xdr:rowOff>
    </xdr:to>
    <xdr:graphicFrame macro="">
      <xdr:nvGraphicFramePr>
        <xdr:cNvPr id="13" name="Chart 1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8</xdr:col>
      <xdr:colOff>0</xdr:colOff>
      <xdr:row>33</xdr:row>
      <xdr:rowOff>0</xdr:rowOff>
    </xdr:from>
    <xdr:to>
      <xdr:col>15</xdr:col>
      <xdr:colOff>304800</xdr:colOff>
      <xdr:row>47</xdr:row>
      <xdr:rowOff>76200</xdr:rowOff>
    </xdr:to>
    <xdr:graphicFrame macro="">
      <xdr:nvGraphicFramePr>
        <xdr:cNvPr id="14" name="Chart 1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8</xdr:col>
      <xdr:colOff>0</xdr:colOff>
      <xdr:row>48</xdr:row>
      <xdr:rowOff>0</xdr:rowOff>
    </xdr:from>
    <xdr:to>
      <xdr:col>15</xdr:col>
      <xdr:colOff>304800</xdr:colOff>
      <xdr:row>62</xdr:row>
      <xdr:rowOff>76200</xdr:rowOff>
    </xdr:to>
    <xdr:graphicFrame macro="">
      <xdr:nvGraphicFramePr>
        <xdr:cNvPr id="15" name="Chart 1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2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topLeftCell="O4" zoomScale="130" zoomScaleNormal="130" workbookViewId="0">
      <selection activeCell="S51" sqref="S51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6.9590001106262198</v>
      </c>
      <c r="C2">
        <v>8.8321601143458199</v>
      </c>
      <c r="D2">
        <v>12.912855148315399</v>
      </c>
      <c r="E2">
        <v>2214.13839608431</v>
      </c>
      <c r="F2">
        <v>0.92490166425705</v>
      </c>
      <c r="G2">
        <v>13.961327552795399</v>
      </c>
    </row>
    <row r="3" spans="1:7" x14ac:dyDescent="0.25">
      <c r="A3" t="s">
        <v>8</v>
      </c>
      <c r="B3">
        <v>10.5590000152588</v>
      </c>
      <c r="C3">
        <v>18.382142359160198</v>
      </c>
      <c r="D3">
        <v>13.961329460144</v>
      </c>
      <c r="E3">
        <v>2393.9178790897099</v>
      </c>
      <c r="F3">
        <v>1.9249734878539999</v>
      </c>
      <c r="G3">
        <v>7.2527384757995597</v>
      </c>
    </row>
    <row r="4" spans="1:7" x14ac:dyDescent="0.25">
      <c r="A4" t="s">
        <v>9</v>
      </c>
      <c r="B4">
        <v>14.1590003967285</v>
      </c>
      <c r="C4">
        <v>27.9312907517314</v>
      </c>
      <c r="D4">
        <v>15.400294303894</v>
      </c>
      <c r="E4">
        <v>2640.6541001051701</v>
      </c>
      <c r="F4">
        <v>2.9249579906463601</v>
      </c>
      <c r="G4">
        <v>5.2651333808898899</v>
      </c>
    </row>
    <row r="5" spans="1:7" x14ac:dyDescent="0.25">
      <c r="A5" t="s">
        <v>10</v>
      </c>
      <c r="B5">
        <v>17.7590007781982</v>
      </c>
      <c r="C5">
        <v>37.4803594587639</v>
      </c>
      <c r="D5">
        <v>16.657608032226602</v>
      </c>
      <c r="E5">
        <v>2856.2427032738901</v>
      </c>
      <c r="F5">
        <v>3.9249341487884499</v>
      </c>
      <c r="G5">
        <v>4.2440476417541504</v>
      </c>
    </row>
    <row r="6" spans="1:7" x14ac:dyDescent="0.25">
      <c r="A6" t="s">
        <v>11</v>
      </c>
      <c r="B6">
        <v>21.3689994812012</v>
      </c>
      <c r="C6">
        <v>47.056213890415101</v>
      </c>
      <c r="D6">
        <v>17.947013854980501</v>
      </c>
      <c r="E6">
        <v>3077.3344915360199</v>
      </c>
      <c r="F6">
        <v>4.9277153015136701</v>
      </c>
      <c r="G6">
        <v>3.6420557498931898</v>
      </c>
    </row>
    <row r="7" spans="1:7" x14ac:dyDescent="0.25">
      <c r="A7" t="s">
        <v>12</v>
      </c>
      <c r="B7">
        <v>24.968999862670898</v>
      </c>
      <c r="C7">
        <v>56.604021289208099</v>
      </c>
      <c r="D7">
        <v>18.9451084136963</v>
      </c>
      <c r="E7">
        <v>3248.4754920005798</v>
      </c>
      <c r="F7">
        <v>5.9275593757629403</v>
      </c>
      <c r="G7">
        <v>3.19610595703125</v>
      </c>
    </row>
    <row r="8" spans="1:7" x14ac:dyDescent="0.25">
      <c r="A8" t="s">
        <v>13</v>
      </c>
      <c r="B8">
        <v>28.5690002441406</v>
      </c>
      <c r="C8">
        <v>66.153085442781304</v>
      </c>
      <c r="D8">
        <v>19.9361057281494</v>
      </c>
      <c r="E8">
        <v>3418.3994866907601</v>
      </c>
      <c r="F8">
        <v>6.9275350570678702</v>
      </c>
      <c r="G8">
        <v>2.87780666351318</v>
      </c>
    </row>
    <row r="9" spans="1:7" x14ac:dyDescent="0.25">
      <c r="A9" t="s">
        <v>14</v>
      </c>
      <c r="B9">
        <v>32.168998718261697</v>
      </c>
      <c r="C9">
        <v>75.701539432801795</v>
      </c>
      <c r="D9">
        <v>21.038301467895501</v>
      </c>
      <c r="E9">
        <v>3607.3904484510399</v>
      </c>
      <c r="F9">
        <v>7.9274468421936</v>
      </c>
      <c r="G9">
        <v>2.6538558006286599</v>
      </c>
    </row>
    <row r="10" spans="1:7" x14ac:dyDescent="0.25">
      <c r="A10" t="s">
        <v>15</v>
      </c>
      <c r="B10">
        <v>35.769001007080099</v>
      </c>
      <c r="C10">
        <v>85.251669095862596</v>
      </c>
      <c r="D10">
        <v>21.769535064697301</v>
      </c>
      <c r="E10">
        <v>3732.7734753489499</v>
      </c>
      <c r="F10">
        <v>8.9275341033935494</v>
      </c>
      <c r="G10">
        <v>2.4384713172912602</v>
      </c>
    </row>
    <row r="11" spans="1:7" x14ac:dyDescent="0.25">
      <c r="A11" t="s">
        <v>16</v>
      </c>
      <c r="B11">
        <v>39.359001159667997</v>
      </c>
      <c r="C11">
        <v>94.774828619201202</v>
      </c>
      <c r="D11">
        <v>22.950239181518601</v>
      </c>
      <c r="E11">
        <v>3935.22623926401</v>
      </c>
      <c r="F11">
        <v>9.9247970581054705</v>
      </c>
      <c r="G11">
        <v>2.3124139308929399</v>
      </c>
    </row>
    <row r="12" spans="1:7" x14ac:dyDescent="0.25">
      <c r="A12" t="s">
        <v>17</v>
      </c>
      <c r="B12">
        <v>42.958999633789098</v>
      </c>
      <c r="C12">
        <v>104.32515408101401</v>
      </c>
      <c r="D12">
        <v>23.825160980224599</v>
      </c>
      <c r="E12">
        <v>4085.2469392120802</v>
      </c>
      <c r="F12">
        <v>10.9249048233032</v>
      </c>
      <c r="G12">
        <v>2.1808118820190399</v>
      </c>
    </row>
    <row r="13" spans="1:7" x14ac:dyDescent="0.25">
      <c r="A13" t="s">
        <v>18</v>
      </c>
      <c r="B13">
        <v>46.558998107910199</v>
      </c>
      <c r="C13">
        <v>113.87569810887599</v>
      </c>
      <c r="D13">
        <v>24.963159561157202</v>
      </c>
      <c r="E13">
        <v>4280.3771793842297</v>
      </c>
      <c r="F13">
        <v>11.925035476684601</v>
      </c>
      <c r="G13">
        <v>2.0933403968811</v>
      </c>
    </row>
    <row r="14" spans="1:7" x14ac:dyDescent="0.25">
      <c r="A14" t="s">
        <v>19</v>
      </c>
      <c r="B14">
        <v>50.159000396728501</v>
      </c>
      <c r="C14">
        <v>123.426770338022</v>
      </c>
      <c r="D14">
        <v>25.6153755187988</v>
      </c>
      <c r="E14">
        <v>4392.2113254666301</v>
      </c>
      <c r="F14">
        <v>12.9252214431763</v>
      </c>
      <c r="G14">
        <v>1.9818133115768399</v>
      </c>
    </row>
    <row r="15" spans="1:7" x14ac:dyDescent="0.25">
      <c r="A15" t="s">
        <v>20</v>
      </c>
      <c r="B15">
        <v>53.758998870849602</v>
      </c>
      <c r="C15">
        <v>132.976476529363</v>
      </c>
      <c r="D15">
        <v>26.238796234130898</v>
      </c>
      <c r="E15">
        <v>4499.1075992584201</v>
      </c>
      <c r="F15">
        <v>13.925264358520501</v>
      </c>
      <c r="G15">
        <v>1.8842583894729601</v>
      </c>
    </row>
    <row r="16" spans="1:7" x14ac:dyDescent="0.25">
      <c r="A16" t="s">
        <v>21</v>
      </c>
      <c r="B16">
        <v>57.359001159667997</v>
      </c>
      <c r="C16">
        <v>142.52632843140299</v>
      </c>
      <c r="D16">
        <v>26.8994331359863</v>
      </c>
      <c r="E16">
        <v>4612.38576099277</v>
      </c>
      <c r="F16">
        <v>14.9253225326538</v>
      </c>
      <c r="G16">
        <v>1.80226814746857</v>
      </c>
    </row>
    <row r="17" spans="1:7" x14ac:dyDescent="0.25">
      <c r="A17" t="s">
        <v>22</v>
      </c>
      <c r="B17">
        <v>60.958999633789098</v>
      </c>
      <c r="C17">
        <v>152.07713655990699</v>
      </c>
      <c r="D17">
        <v>27.507392883300799</v>
      </c>
      <c r="E17">
        <v>4716.6310250759097</v>
      </c>
      <c r="F17">
        <v>15.9254808425903</v>
      </c>
      <c r="G17">
        <v>1.72725665569305</v>
      </c>
    </row>
    <row r="18" spans="1:7" x14ac:dyDescent="0.25">
      <c r="A18" t="s">
        <v>23</v>
      </c>
      <c r="B18">
        <v>64.558998107910199</v>
      </c>
      <c r="C18">
        <v>161.62354604667999</v>
      </c>
      <c r="D18">
        <v>28.285301208496101</v>
      </c>
      <c r="E18">
        <v>4850.0173725187797</v>
      </c>
      <c r="F18">
        <v>16.925178527831999</v>
      </c>
      <c r="G18">
        <v>1.6711965799331701</v>
      </c>
    </row>
    <row r="19" spans="1:7" x14ac:dyDescent="0.25">
      <c r="A19" t="s">
        <v>24</v>
      </c>
      <c r="B19">
        <v>68.158996582031307</v>
      </c>
      <c r="C19">
        <v>171.172113873184</v>
      </c>
      <c r="D19">
        <v>29.4548244476318</v>
      </c>
      <c r="E19">
        <v>5050.5530089139902</v>
      </c>
      <c r="F19">
        <v>17.925102233886701</v>
      </c>
      <c r="G19">
        <v>1.64321649074554</v>
      </c>
    </row>
    <row r="20" spans="1:7" x14ac:dyDescent="0.25">
      <c r="A20" t="s">
        <v>25</v>
      </c>
      <c r="B20">
        <v>71.759002685546903</v>
      </c>
      <c r="C20">
        <v>180.717002504535</v>
      </c>
      <c r="D20">
        <v>30.0490016937256</v>
      </c>
      <c r="E20">
        <v>5152.4350419640496</v>
      </c>
      <c r="F20">
        <v>18.924640655517599</v>
      </c>
      <c r="G20">
        <v>1.58782410621643</v>
      </c>
    </row>
    <row r="21" spans="1:7" x14ac:dyDescent="0.25">
      <c r="A21" t="s">
        <v>26</v>
      </c>
      <c r="B21">
        <v>75.359001159667997</v>
      </c>
      <c r="C21">
        <v>190.26631709837201</v>
      </c>
      <c r="D21">
        <v>30.8052768707275</v>
      </c>
      <c r="E21">
        <v>5282.1119315922297</v>
      </c>
      <c r="F21">
        <v>19.9246425628662</v>
      </c>
      <c r="G21">
        <v>1.5460892915725699</v>
      </c>
    </row>
    <row r="22" spans="1:7" x14ac:dyDescent="0.25">
      <c r="A22" t="s">
        <v>27</v>
      </c>
      <c r="B22">
        <v>78.958999633789105</v>
      </c>
      <c r="C22">
        <v>199.81344603172201</v>
      </c>
      <c r="D22">
        <v>31.145832061767599</v>
      </c>
      <c r="E22">
        <v>5340.5063226819002</v>
      </c>
      <c r="F22">
        <v>20.924415588378899</v>
      </c>
      <c r="G22">
        <v>1.48849236965179</v>
      </c>
    </row>
    <row r="23" spans="1:7" x14ac:dyDescent="0.25">
      <c r="A23" t="s">
        <v>28</v>
      </c>
      <c r="B23">
        <v>82.558998107910199</v>
      </c>
      <c r="C23">
        <v>209.35818895237401</v>
      </c>
      <c r="D23">
        <v>31.557294845581101</v>
      </c>
      <c r="E23">
        <v>5411.0586643219003</v>
      </c>
      <c r="F23">
        <v>21.9239387512207</v>
      </c>
      <c r="G23">
        <v>1.4393990039825399</v>
      </c>
    </row>
    <row r="24" spans="1:7" x14ac:dyDescent="0.25">
      <c r="A24" t="s">
        <v>29</v>
      </c>
      <c r="B24">
        <v>86.158996582031307</v>
      </c>
      <c r="C24">
        <v>218.908523521105</v>
      </c>
      <c r="D24">
        <v>32.240734100341797</v>
      </c>
      <c r="E24">
        <v>5528.2465182244796</v>
      </c>
      <c r="F24">
        <v>22.924047470092798</v>
      </c>
      <c r="G24">
        <v>1.4064154624939</v>
      </c>
    </row>
    <row r="25" spans="1:7" x14ac:dyDescent="0.25">
      <c r="A25" t="s">
        <v>30</v>
      </c>
      <c r="B25">
        <v>89.759002685546903</v>
      </c>
      <c r="C25">
        <v>228.45302966187</v>
      </c>
      <c r="D25">
        <v>33.534759521484403</v>
      </c>
      <c r="E25">
        <v>5750.1299306750298</v>
      </c>
      <c r="F25">
        <v>23.923545837402301</v>
      </c>
      <c r="G25">
        <v>1.4017469882965099</v>
      </c>
    </row>
    <row r="26" spans="1:7" x14ac:dyDescent="0.25">
      <c r="A26" t="s">
        <v>31</v>
      </c>
      <c r="B26">
        <v>93.359001159667997</v>
      </c>
      <c r="C26">
        <v>238.00094179022801</v>
      </c>
      <c r="D26">
        <v>34.012577056884801</v>
      </c>
      <c r="E26">
        <v>5832.0607058703899</v>
      </c>
      <c r="F26">
        <v>24.9234008789063</v>
      </c>
      <c r="G26">
        <v>1.3646844625473</v>
      </c>
    </row>
    <row r="27" spans="1:7" x14ac:dyDescent="0.25">
      <c r="A27" t="s">
        <v>32</v>
      </c>
      <c r="B27">
        <v>96.958999633789105</v>
      </c>
      <c r="C27">
        <v>247.54796144055399</v>
      </c>
      <c r="D27">
        <v>35.074062347412102</v>
      </c>
      <c r="E27">
        <v>6014.0709392726403</v>
      </c>
      <c r="F27">
        <v>25.923162460327099</v>
      </c>
      <c r="G27">
        <v>1.3530008792877199</v>
      </c>
    </row>
    <row r="28" spans="1:7" x14ac:dyDescent="0.25">
      <c r="A28" t="s">
        <v>33</v>
      </c>
      <c r="B28">
        <v>100.55899810791</v>
      </c>
      <c r="C28">
        <v>257.093724336099</v>
      </c>
      <c r="D28">
        <v>36.575691223144503</v>
      </c>
      <c r="E28">
        <v>6271.5522944927197</v>
      </c>
      <c r="F28">
        <v>26.922792434692401</v>
      </c>
      <c r="G28">
        <v>1.3585400581359901</v>
      </c>
    </row>
    <row r="29" spans="1:7" x14ac:dyDescent="0.25">
      <c r="A29" t="s">
        <v>34</v>
      </c>
      <c r="B29">
        <v>104.15899658203099</v>
      </c>
      <c r="C29">
        <v>266.64114469084802</v>
      </c>
      <c r="D29">
        <v>37.225559234619098</v>
      </c>
      <c r="E29">
        <v>6382.9836435615998</v>
      </c>
      <c r="F29">
        <v>27.9225959777832</v>
      </c>
      <c r="G29">
        <v>1.33316969871521</v>
      </c>
    </row>
    <row r="30" spans="1:7" x14ac:dyDescent="0.25">
      <c r="A30" t="s">
        <v>35</v>
      </c>
      <c r="B30">
        <v>107.759002685547</v>
      </c>
      <c r="C30">
        <v>276.18679830336902</v>
      </c>
      <c r="D30">
        <v>38.957595825195298</v>
      </c>
      <c r="E30">
        <v>6679.9717023968697</v>
      </c>
      <c r="F30">
        <v>28.922214508056602</v>
      </c>
      <c r="G30">
        <v>1.34697830677032</v>
      </c>
    </row>
    <row r="31" spans="1:7" x14ac:dyDescent="0.25">
      <c r="A31" t="s">
        <v>36</v>
      </c>
      <c r="B31">
        <v>111.359001159668</v>
      </c>
      <c r="C31">
        <v>285.73458293486499</v>
      </c>
      <c r="D31">
        <v>39.948440551757798</v>
      </c>
      <c r="E31">
        <v>6849.8700857162503</v>
      </c>
      <c r="F31">
        <v>29.922056198120099</v>
      </c>
      <c r="G31">
        <v>1.33508336544037</v>
      </c>
    </row>
    <row r="32" spans="1:7" x14ac:dyDescent="0.25">
      <c r="A32" t="s">
        <v>37</v>
      </c>
      <c r="B32">
        <v>114.95899963378901</v>
      </c>
      <c r="C32">
        <v>295.28147508832899</v>
      </c>
      <c r="D32">
        <v>40.5709037780762</v>
      </c>
      <c r="E32">
        <v>6956.6019810736198</v>
      </c>
      <c r="F32">
        <v>30.9218044281006</v>
      </c>
      <c r="G32">
        <v>1.3120484352111801</v>
      </c>
    </row>
    <row r="33" spans="1:7" x14ac:dyDescent="0.25">
      <c r="A33" t="s">
        <v>38</v>
      </c>
      <c r="B33">
        <v>118.55899810791</v>
      </c>
      <c r="C33">
        <v>304.82783904050802</v>
      </c>
      <c r="D33">
        <v>41.293735504150398</v>
      </c>
      <c r="E33">
        <v>7080.5447176098796</v>
      </c>
      <c r="F33">
        <v>31.9214973449707</v>
      </c>
      <c r="G33">
        <v>1.2936027050018299</v>
      </c>
    </row>
    <row r="34" spans="1:7" x14ac:dyDescent="0.25">
      <c r="A34" t="s">
        <v>39</v>
      </c>
      <c r="B34">
        <v>122.15899658203099</v>
      </c>
      <c r="C34">
        <v>314.375605458167</v>
      </c>
      <c r="D34">
        <v>42.632354736328097</v>
      </c>
      <c r="E34">
        <v>7310.0747540593102</v>
      </c>
      <c r="F34">
        <v>32.921337127685497</v>
      </c>
      <c r="G34">
        <v>1.29497635364532</v>
      </c>
    </row>
    <row r="35" spans="1:7" x14ac:dyDescent="0.25">
      <c r="A35" t="s">
        <v>40</v>
      </c>
      <c r="B35">
        <v>125.759002685547</v>
      </c>
      <c r="C35">
        <v>323.92045766184299</v>
      </c>
      <c r="D35">
        <v>43.448532104492202</v>
      </c>
      <c r="E35">
        <v>7450.0227347016298</v>
      </c>
      <c r="F35">
        <v>33.920871734619098</v>
      </c>
      <c r="G35">
        <v>1.28087902069092</v>
      </c>
    </row>
    <row r="36" spans="1:7" x14ac:dyDescent="0.25">
      <c r="A36" t="s">
        <v>41</v>
      </c>
      <c r="B36">
        <v>129.35899353027301</v>
      </c>
      <c r="C36">
        <v>333.46928048207099</v>
      </c>
      <c r="D36">
        <v>45.313819885253899</v>
      </c>
      <c r="E36">
        <v>7769.8593959212303</v>
      </c>
      <c r="F36">
        <v>34.920822143554702</v>
      </c>
      <c r="G36">
        <v>1.2976161241531401</v>
      </c>
    </row>
    <row r="37" spans="1:7" x14ac:dyDescent="0.25">
      <c r="A37" t="s">
        <v>42</v>
      </c>
      <c r="B37">
        <v>132.95899963378901</v>
      </c>
      <c r="C37">
        <v>343.015990497161</v>
      </c>
      <c r="D37">
        <v>46.237766265869098</v>
      </c>
      <c r="E37">
        <v>7928.2866790890703</v>
      </c>
      <c r="F37">
        <v>35.9205513000488</v>
      </c>
      <c r="G37">
        <v>1.2872232198715201</v>
      </c>
    </row>
    <row r="38" spans="1:7" x14ac:dyDescent="0.25">
      <c r="A38" t="s">
        <v>43</v>
      </c>
      <c r="B38">
        <v>136.559005737305</v>
      </c>
      <c r="C38">
        <v>352.564959028087</v>
      </c>
      <c r="D38">
        <v>47.775928497314503</v>
      </c>
      <c r="E38">
        <v>8192.0316442847306</v>
      </c>
      <c r="F38">
        <v>36.920516967773402</v>
      </c>
      <c r="G38">
        <v>1.2940211296081501</v>
      </c>
    </row>
    <row r="39" spans="1:7" x14ac:dyDescent="0.25">
      <c r="A39" t="s">
        <v>44</v>
      </c>
      <c r="B39">
        <v>140.15899658203099</v>
      </c>
      <c r="C39">
        <v>362.10966552106402</v>
      </c>
      <c r="D39">
        <v>48.947292327880902</v>
      </c>
      <c r="E39">
        <v>8392.8825333714503</v>
      </c>
      <c r="F39">
        <v>37.920036315917997</v>
      </c>
      <c r="G39">
        <v>1.2908028364181501</v>
      </c>
    </row>
    <row r="40" spans="1:7" x14ac:dyDescent="0.25">
      <c r="A40" t="s">
        <v>45</v>
      </c>
      <c r="B40">
        <v>143.75900268554699</v>
      </c>
      <c r="C40">
        <v>371.65841548594199</v>
      </c>
      <c r="D40">
        <v>50.909336090087898</v>
      </c>
      <c r="E40">
        <v>8729.3097749352492</v>
      </c>
      <c r="F40">
        <v>38.919979095458999</v>
      </c>
      <c r="G40">
        <v>1.3080514669418299</v>
      </c>
    </row>
    <row r="41" spans="1:7" x14ac:dyDescent="0.25">
      <c r="A41" t="s">
        <v>46</v>
      </c>
      <c r="B41">
        <v>147.35899353027301</v>
      </c>
      <c r="C41">
        <v>381.20589048220302</v>
      </c>
      <c r="D41">
        <v>51.739078521728501</v>
      </c>
      <c r="E41">
        <v>8871.5841993689501</v>
      </c>
      <c r="F41">
        <v>39.919788360595703</v>
      </c>
      <c r="G41">
        <v>1.29607594013214</v>
      </c>
    </row>
    <row r="42" spans="1:7" x14ac:dyDescent="0.25">
      <c r="A42" t="s">
        <v>47</v>
      </c>
      <c r="B42">
        <v>150.95899963378901</v>
      </c>
      <c r="C42">
        <v>390.74862988074102</v>
      </c>
      <c r="D42">
        <v>52.784225463867202</v>
      </c>
      <c r="E42">
        <v>9050.7930144667607</v>
      </c>
      <c r="F42">
        <v>40.919101715087898</v>
      </c>
      <c r="G42">
        <v>1.2899653911590601</v>
      </c>
    </row>
    <row r="43" spans="1:7" x14ac:dyDescent="0.25">
      <c r="A43" t="s">
        <v>48</v>
      </c>
      <c r="B43">
        <v>154.559005737305</v>
      </c>
      <c r="C43">
        <v>400.29606844932601</v>
      </c>
      <c r="D43">
        <v>54.554641723632798</v>
      </c>
      <c r="E43">
        <v>9354.3622642755508</v>
      </c>
      <c r="F43">
        <v>41.918907165527301</v>
      </c>
      <c r="G43">
        <v>1.3014328479766799</v>
      </c>
    </row>
    <row r="44" spans="1:7" x14ac:dyDescent="0.25">
      <c r="A44" t="s">
        <v>49</v>
      </c>
      <c r="B44">
        <v>158.16900634765599</v>
      </c>
      <c r="C44">
        <v>409.86984422678501</v>
      </c>
      <c r="D44">
        <v>56.280708312988303</v>
      </c>
      <c r="E44">
        <v>9650.3272652626001</v>
      </c>
      <c r="F44">
        <v>42.921470642089801</v>
      </c>
      <c r="G44">
        <v>1.3112484216690099</v>
      </c>
    </row>
    <row r="45" spans="1:7" x14ac:dyDescent="0.25">
      <c r="A45" t="s">
        <v>50</v>
      </c>
      <c r="B45">
        <v>161.76899719238301</v>
      </c>
      <c r="C45">
        <v>419.41710065699698</v>
      </c>
      <c r="D45">
        <v>58.658592224121101</v>
      </c>
      <c r="E45">
        <v>10058.0574944615</v>
      </c>
      <c r="F45">
        <v>43.921257019042997</v>
      </c>
      <c r="G45">
        <v>1.3355399370193499</v>
      </c>
    </row>
    <row r="46" spans="1:7" x14ac:dyDescent="0.25">
      <c r="A46" t="s">
        <v>51</v>
      </c>
      <c r="B46">
        <v>165.36900329589801</v>
      </c>
      <c r="C46">
        <v>428.96523135140302</v>
      </c>
      <c r="D46">
        <v>60.2066040039063</v>
      </c>
      <c r="E46">
        <v>10323.491878807499</v>
      </c>
      <c r="F46">
        <v>44.921134948730497</v>
      </c>
      <c r="G46">
        <v>1.3402733802795399</v>
      </c>
    </row>
    <row r="47" spans="1:7" x14ac:dyDescent="0.25">
      <c r="A47" t="s">
        <v>52</v>
      </c>
      <c r="B47">
        <v>168.968994140625</v>
      </c>
      <c r="C47">
        <v>438.51481915280198</v>
      </c>
      <c r="D47">
        <v>61.563667297363303</v>
      </c>
      <c r="E47">
        <v>10556.1846867204</v>
      </c>
      <c r="F47">
        <v>45.921165466308601</v>
      </c>
      <c r="G47">
        <v>1.34063816070557</v>
      </c>
    </row>
    <row r="48" spans="1:7" x14ac:dyDescent="0.25">
      <c r="A48" t="s">
        <v>53</v>
      </c>
      <c r="B48">
        <v>172.56900024414099</v>
      </c>
      <c r="C48">
        <v>448.06109203579399</v>
      </c>
      <c r="D48">
        <v>64.428092956542997</v>
      </c>
      <c r="E48">
        <v>11047.3409295082</v>
      </c>
      <c r="F48">
        <v>46.920848846435497</v>
      </c>
      <c r="G48">
        <v>1.3731229305267301</v>
      </c>
    </row>
    <row r="49" spans="1:7" x14ac:dyDescent="0.25">
      <c r="A49" t="s">
        <v>54</v>
      </c>
      <c r="B49">
        <v>176.16900634765599</v>
      </c>
      <c r="C49">
        <v>457.60914987485103</v>
      </c>
      <c r="D49">
        <v>66.176841735839801</v>
      </c>
      <c r="E49">
        <v>11347.1951335669</v>
      </c>
      <c r="F49">
        <v>47.920719146728501</v>
      </c>
      <c r="G49">
        <v>1.38096511363983</v>
      </c>
    </row>
    <row r="50" spans="1:7" x14ac:dyDescent="0.25">
      <c r="A50" t="s">
        <v>55</v>
      </c>
      <c r="B50">
        <v>179.76899719238301</v>
      </c>
      <c r="C50">
        <v>467.15228997781202</v>
      </c>
      <c r="D50">
        <v>68.549850463867202</v>
      </c>
      <c r="E50">
        <v>11754.089966416401</v>
      </c>
      <c r="F50">
        <v>48.920074462890597</v>
      </c>
      <c r="G50">
        <v>1.40126216411591</v>
      </c>
    </row>
    <row r="51" spans="1:7" x14ac:dyDescent="0.25">
      <c r="A51" t="s">
        <v>56</v>
      </c>
      <c r="B51">
        <v>183.36900329589801</v>
      </c>
      <c r="C51">
        <v>476.70147707478702</v>
      </c>
      <c r="D51">
        <v>71.362136840820298</v>
      </c>
      <c r="E51">
        <v>12236.306443810499</v>
      </c>
      <c r="F51">
        <v>49.9200630187988</v>
      </c>
      <c r="G51">
        <v>1.4295282363891599</v>
      </c>
    </row>
    <row r="52" spans="1:7" x14ac:dyDescent="0.25">
      <c r="A52" t="s">
        <v>57</v>
      </c>
      <c r="B52">
        <v>186.968994140625</v>
      </c>
      <c r="C52">
        <v>486.24662069986198</v>
      </c>
      <c r="D52">
        <v>72.978591918945298</v>
      </c>
      <c r="E52">
        <v>12513.476423919201</v>
      </c>
      <c r="F52">
        <v>50.919628143310497</v>
      </c>
      <c r="G52">
        <v>1.43321144580841</v>
      </c>
    </row>
    <row r="53" spans="1:7" x14ac:dyDescent="0.25">
      <c r="A53" t="s">
        <v>58</v>
      </c>
      <c r="B53">
        <v>190.56799316406301</v>
      </c>
      <c r="C53">
        <v>495.79267501680499</v>
      </c>
      <c r="D53">
        <v>74.958427429199205</v>
      </c>
      <c r="E53">
        <v>12852.9537469149</v>
      </c>
      <c r="F53">
        <v>51.919288635253899</v>
      </c>
      <c r="G53">
        <v>1.4437490701675399</v>
      </c>
    </row>
    <row r="54" spans="1:7" x14ac:dyDescent="0.25">
      <c r="A54" t="s">
        <v>59</v>
      </c>
      <c r="B54">
        <v>194.16799926757801</v>
      </c>
      <c r="C54">
        <v>505.34306422704901</v>
      </c>
      <c r="D54">
        <v>77.366859436035199</v>
      </c>
      <c r="E54">
        <v>13265.922665595999</v>
      </c>
      <c r="F54">
        <v>52.919403076171903</v>
      </c>
      <c r="G54">
        <v>1.46197533607483</v>
      </c>
    </row>
    <row r="55" spans="1:7" x14ac:dyDescent="0.25">
      <c r="A55" t="s">
        <v>60</v>
      </c>
      <c r="B55">
        <v>197.76800537109401</v>
      </c>
      <c r="C55">
        <v>514.88616790233505</v>
      </c>
      <c r="D55">
        <v>79.232154846191406</v>
      </c>
      <c r="E55">
        <v>13585.7602581382</v>
      </c>
      <c r="F55">
        <v>53.918754577636697</v>
      </c>
      <c r="G55">
        <v>1.4694730043411299</v>
      </c>
    </row>
    <row r="56" spans="1:7" x14ac:dyDescent="0.25">
      <c r="A56" t="s">
        <v>61</v>
      </c>
      <c r="B56">
        <v>201.36799621582</v>
      </c>
      <c r="C56">
        <v>524.43805064724495</v>
      </c>
      <c r="D56">
        <v>81.658454895019503</v>
      </c>
      <c r="E56">
        <v>14001.7932280898</v>
      </c>
      <c r="F56">
        <v>54.919025421142599</v>
      </c>
      <c r="G56">
        <v>1.4868882894516</v>
      </c>
    </row>
    <row r="57" spans="1:7" x14ac:dyDescent="0.25">
      <c r="A57" t="s">
        <v>62</v>
      </c>
      <c r="B57">
        <v>204.96800231933599</v>
      </c>
      <c r="C57">
        <v>533.98188287602602</v>
      </c>
      <c r="D57">
        <v>84.361824035644503</v>
      </c>
      <c r="E57">
        <v>14465.3329625726</v>
      </c>
      <c r="F57">
        <v>55.918453216552699</v>
      </c>
      <c r="G57">
        <v>1.5086580514907799</v>
      </c>
    </row>
    <row r="58" spans="1:7" x14ac:dyDescent="0.25">
      <c r="A58" t="s">
        <v>63</v>
      </c>
      <c r="B58">
        <v>208.56799316406301</v>
      </c>
      <c r="C58">
        <v>543.52961286600998</v>
      </c>
      <c r="D58">
        <v>87.624153137207003</v>
      </c>
      <c r="E58">
        <v>15024.717897176701</v>
      </c>
      <c r="F58">
        <v>56.918289184570298</v>
      </c>
      <c r="G58">
        <v>1.53947269916534</v>
      </c>
    </row>
    <row r="59" spans="1:7" x14ac:dyDescent="0.25">
      <c r="A59" t="s">
        <v>64</v>
      </c>
      <c r="B59">
        <v>212.16799926757801</v>
      </c>
      <c r="C59">
        <v>553.07548504457998</v>
      </c>
      <c r="D59">
        <v>88.930946350097699</v>
      </c>
      <c r="E59">
        <v>15248.790383338899</v>
      </c>
      <c r="F59">
        <v>57.917930603027301</v>
      </c>
      <c r="G59">
        <v>1.5354648828506501</v>
      </c>
    </row>
    <row r="60" spans="1:7" x14ac:dyDescent="0.25">
      <c r="A60" t="s">
        <v>65</v>
      </c>
      <c r="B60">
        <v>215.76800537109401</v>
      </c>
      <c r="C60">
        <v>562.62281433014198</v>
      </c>
      <c r="D60">
        <v>90.7489013671875</v>
      </c>
      <c r="E60">
        <v>15560.5114996433</v>
      </c>
      <c r="F60">
        <v>58.917724609375</v>
      </c>
      <c r="G60">
        <v>1.5402648448944101</v>
      </c>
    </row>
    <row r="61" spans="1:7" x14ac:dyDescent="0.25">
      <c r="A61" t="s">
        <v>66</v>
      </c>
      <c r="B61">
        <v>219.36799621582</v>
      </c>
      <c r="C61">
        <v>572.16919649615795</v>
      </c>
      <c r="D61">
        <v>93.170265197753906</v>
      </c>
      <c r="E61">
        <v>15975.696966052101</v>
      </c>
      <c r="F61">
        <v>59.9174194335938</v>
      </c>
      <c r="G61">
        <v>1.5549778938293499</v>
      </c>
    </row>
    <row r="62" spans="1:7" x14ac:dyDescent="0.25">
      <c r="A62" t="s">
        <v>67</v>
      </c>
      <c r="B62">
        <v>222.96800231933599</v>
      </c>
      <c r="C62">
        <v>581.71652578171995</v>
      </c>
      <c r="D62">
        <v>95.541473388671903</v>
      </c>
      <c r="E62">
        <v>16382.2825998068</v>
      </c>
      <c r="F62">
        <v>60.917213439941399</v>
      </c>
      <c r="G62">
        <v>1.5683821439743</v>
      </c>
    </row>
    <row r="63" spans="1:7" x14ac:dyDescent="0.25">
      <c r="A63" t="s">
        <v>68</v>
      </c>
      <c r="B63">
        <v>226.56799316406301</v>
      </c>
      <c r="C63">
        <v>591.265603595671</v>
      </c>
      <c r="D63">
        <v>97.680122375488295</v>
      </c>
      <c r="E63">
        <v>16748.992726206801</v>
      </c>
      <c r="F63">
        <v>61.917190551757798</v>
      </c>
      <c r="G63">
        <v>1.57759296894073</v>
      </c>
    </row>
    <row r="64" spans="1:7" x14ac:dyDescent="0.25">
      <c r="A64" t="s">
        <v>69</v>
      </c>
      <c r="B64">
        <v>230.16799926757801</v>
      </c>
      <c r="C64">
        <v>600.81224075541104</v>
      </c>
      <c r="D64">
        <v>99.820632934570298</v>
      </c>
      <c r="E64">
        <v>17116.021364927299</v>
      </c>
      <c r="F64">
        <v>62.916912078857401</v>
      </c>
      <c r="G64">
        <v>1.58654689788818</v>
      </c>
    </row>
    <row r="65" spans="1:7" x14ac:dyDescent="0.25">
      <c r="A65" t="s">
        <v>70</v>
      </c>
      <c r="B65">
        <v>233.76800537109401</v>
      </c>
      <c r="C65">
        <v>610.35916933655005</v>
      </c>
      <c r="D65">
        <v>103.808067321777</v>
      </c>
      <c r="E65">
        <v>17799.736931920099</v>
      </c>
      <c r="F65">
        <v>63.916664123535199</v>
      </c>
      <c r="G65">
        <v>1.6241158246994001</v>
      </c>
    </row>
    <row r="66" spans="1:7" x14ac:dyDescent="0.25">
      <c r="A66" t="s">
        <v>71</v>
      </c>
      <c r="B66">
        <v>237.36799621582</v>
      </c>
      <c r="C66">
        <v>619.90358440812804</v>
      </c>
      <c r="D66">
        <v>102.876663208008</v>
      </c>
      <c r="E66">
        <v>17640.0318741798</v>
      </c>
      <c r="F66">
        <v>64.916152954101605</v>
      </c>
      <c r="G66">
        <v>1.58476221561432</v>
      </c>
    </row>
    <row r="67" spans="1:7" x14ac:dyDescent="0.25">
      <c r="A67" t="s">
        <v>72</v>
      </c>
      <c r="B67">
        <v>240.96800231933599</v>
      </c>
      <c r="C67">
        <v>629.45229794533202</v>
      </c>
      <c r="D67">
        <v>105.363739013672</v>
      </c>
      <c r="E67">
        <v>18066.4844810963</v>
      </c>
      <c r="F67">
        <v>65.916091918945298</v>
      </c>
      <c r="G67">
        <v>1.5984524488449099</v>
      </c>
    </row>
    <row r="68" spans="1:7" x14ac:dyDescent="0.25">
      <c r="A68" t="s">
        <v>73</v>
      </c>
      <c r="B68">
        <v>244.56799316406301</v>
      </c>
      <c r="C68">
        <v>638.995183054569</v>
      </c>
      <c r="D68">
        <v>108.540802001953</v>
      </c>
      <c r="E68">
        <v>18611.2485826015</v>
      </c>
      <c r="F68">
        <v>66.915420532226605</v>
      </c>
      <c r="G68">
        <v>1.62205958366394</v>
      </c>
    </row>
    <row r="69" spans="1:7" x14ac:dyDescent="0.25">
      <c r="A69" t="s">
        <v>74</v>
      </c>
      <c r="B69">
        <v>248.16799926757801</v>
      </c>
      <c r="C69">
        <v>648.54564512016202</v>
      </c>
      <c r="D69">
        <v>111.76993560791</v>
      </c>
      <c r="E69">
        <v>19164.940342307102</v>
      </c>
      <c r="F69">
        <v>67.915542602539105</v>
      </c>
      <c r="G69">
        <v>1.64571952819824</v>
      </c>
    </row>
    <row r="70" spans="1:7" x14ac:dyDescent="0.25">
      <c r="A70" t="s">
        <v>75</v>
      </c>
      <c r="B70">
        <v>251.76800537109401</v>
      </c>
      <c r="C70">
        <v>658.09188157547999</v>
      </c>
      <c r="D70">
        <v>115.268310546875</v>
      </c>
      <c r="E70">
        <v>19764.799624681498</v>
      </c>
      <c r="F70">
        <v>68.915222167968807</v>
      </c>
      <c r="G70">
        <v>1.6726102828979501</v>
      </c>
    </row>
    <row r="71" spans="1:7" x14ac:dyDescent="0.25">
      <c r="A71" t="s">
        <v>76</v>
      </c>
      <c r="B71">
        <v>255.36799621582</v>
      </c>
      <c r="C71">
        <v>667.63906515034205</v>
      </c>
      <c r="D71">
        <v>118.093612670898</v>
      </c>
      <c r="E71">
        <v>20249.247550964399</v>
      </c>
      <c r="F71">
        <v>69.915000915527301</v>
      </c>
      <c r="G71">
        <v>1.68910264968872</v>
      </c>
    </row>
    <row r="72" spans="1:7" x14ac:dyDescent="0.25">
      <c r="A72" t="s">
        <v>77</v>
      </c>
      <c r="B72">
        <v>258.96798706054699</v>
      </c>
      <c r="C72">
        <v>677.18537446100902</v>
      </c>
      <c r="D72">
        <v>119.941108703613</v>
      </c>
      <c r="E72">
        <v>20566.033199429501</v>
      </c>
      <c r="F72">
        <v>70.914688110351605</v>
      </c>
      <c r="G72">
        <v>1.6913436651229901</v>
      </c>
    </row>
    <row r="73" spans="1:7" x14ac:dyDescent="0.25">
      <c r="A73" t="s">
        <v>78</v>
      </c>
      <c r="B73">
        <v>262.56799316406301</v>
      </c>
      <c r="C73">
        <v>686.73335944471705</v>
      </c>
      <c r="D73">
        <v>121.82281494140599</v>
      </c>
      <c r="E73">
        <v>20888.686180114699</v>
      </c>
      <c r="F73">
        <v>71.91455078125</v>
      </c>
      <c r="G73">
        <v>1.6939939260482799</v>
      </c>
    </row>
    <row r="74" spans="1:7" x14ac:dyDescent="0.25">
      <c r="A74" t="s">
        <v>79</v>
      </c>
      <c r="B74">
        <v>266.16799926757801</v>
      </c>
      <c r="C74">
        <v>696.27741023954695</v>
      </c>
      <c r="D74">
        <v>123.86447906494099</v>
      </c>
      <c r="E74">
        <v>21238.7647479773</v>
      </c>
      <c r="F74">
        <v>72.914001464843807</v>
      </c>
      <c r="G74">
        <v>1.698774933815</v>
      </c>
    </row>
    <row r="75" spans="1:7" x14ac:dyDescent="0.25">
      <c r="A75" t="s">
        <v>80</v>
      </c>
      <c r="B75">
        <v>269.76800537109398</v>
      </c>
      <c r="C75">
        <v>705.82619663210005</v>
      </c>
      <c r="D75">
        <v>126.33139801025401</v>
      </c>
      <c r="E75">
        <v>21661.762148141901</v>
      </c>
      <c r="F75">
        <v>73.913948059082003</v>
      </c>
      <c r="G75">
        <v>1.70916855335236</v>
      </c>
    </row>
    <row r="76" spans="1:7" x14ac:dyDescent="0.25">
      <c r="A76" t="s">
        <v>81</v>
      </c>
      <c r="B76">
        <v>273.36801147460898</v>
      </c>
      <c r="C76">
        <v>715.37228737671899</v>
      </c>
      <c r="D76">
        <v>127.09271240234401</v>
      </c>
      <c r="E76">
        <v>21792.3037707806</v>
      </c>
      <c r="F76">
        <v>74.913612365722699</v>
      </c>
      <c r="G76">
        <v>1.6965236663818399</v>
      </c>
    </row>
    <row r="77" spans="1:7" x14ac:dyDescent="0.25">
      <c r="A77" t="s">
        <v>82</v>
      </c>
      <c r="B77">
        <v>276.96798706054699</v>
      </c>
      <c r="C77">
        <v>724.92005379437705</v>
      </c>
      <c r="D77">
        <v>121.43276977539099</v>
      </c>
      <c r="E77">
        <v>20821.806043386499</v>
      </c>
      <c r="F77">
        <v>75.9134521484375</v>
      </c>
      <c r="G77">
        <v>1.59962117671967</v>
      </c>
    </row>
    <row r="78" spans="1:7" x14ac:dyDescent="0.25">
      <c r="A78" t="s">
        <v>83</v>
      </c>
      <c r="B78">
        <v>280.56799316406301</v>
      </c>
      <c r="C78">
        <v>734.46935017437704</v>
      </c>
      <c r="D78">
        <v>125.833938598633</v>
      </c>
      <c r="E78">
        <v>21576.464176178</v>
      </c>
      <c r="F78">
        <v>76.9134521484375</v>
      </c>
      <c r="G78">
        <v>1.6360459327697801</v>
      </c>
    </row>
    <row r="79" spans="1:7" x14ac:dyDescent="0.25">
      <c r="A79" t="s">
        <v>84</v>
      </c>
      <c r="B79">
        <v>284.16799926757801</v>
      </c>
      <c r="C79">
        <v>744.01150673011898</v>
      </c>
      <c r="D79">
        <v>129.96119689941401</v>
      </c>
      <c r="E79">
        <v>22284.155711531599</v>
      </c>
      <c r="F79">
        <v>77.912704467773395</v>
      </c>
      <c r="G79">
        <v>1.66803598403931</v>
      </c>
    </row>
    <row r="80" spans="1:7" x14ac:dyDescent="0.25">
      <c r="A80" t="s">
        <v>85</v>
      </c>
      <c r="B80">
        <v>287.76800537109398</v>
      </c>
      <c r="C80">
        <v>753.56328019200396</v>
      </c>
      <c r="D80">
        <v>131.71792602539099</v>
      </c>
      <c r="E80">
        <v>22585.378959775</v>
      </c>
      <c r="F80">
        <v>78.9129638671875</v>
      </c>
      <c r="G80">
        <v>1.6691545248031601</v>
      </c>
    </row>
    <row r="81" spans="1:7" x14ac:dyDescent="0.25">
      <c r="A81" t="s">
        <v>86</v>
      </c>
      <c r="B81">
        <v>291.36801147460898</v>
      </c>
      <c r="C81">
        <v>763.10470819424995</v>
      </c>
      <c r="D81">
        <v>132.50912475585901</v>
      </c>
      <c r="E81">
        <v>22721.042856574099</v>
      </c>
      <c r="F81">
        <v>79.912139892578097</v>
      </c>
      <c r="G81">
        <v>1.6581851243972801</v>
      </c>
    </row>
    <row r="82" spans="1:7" x14ac:dyDescent="0.25">
      <c r="A82" t="s">
        <v>87</v>
      </c>
      <c r="B82">
        <v>294.96798706054699</v>
      </c>
      <c r="C82">
        <v>772.66347576969497</v>
      </c>
      <c r="D82">
        <v>135.75181579589801</v>
      </c>
      <c r="E82">
        <v>23277.059197425799</v>
      </c>
      <c r="F82">
        <v>80.913131713867202</v>
      </c>
      <c r="G82">
        <v>1.6777476072311399</v>
      </c>
    </row>
    <row r="83" spans="1:7" x14ac:dyDescent="0.25">
      <c r="A83" t="s">
        <v>88</v>
      </c>
      <c r="B83">
        <v>298.56799316406301</v>
      </c>
      <c r="C83">
        <v>782.201698136559</v>
      </c>
      <c r="D83">
        <v>134.83665466308599</v>
      </c>
      <c r="E83">
        <v>23120.138794183698</v>
      </c>
      <c r="F83">
        <v>81.911972045898395</v>
      </c>
      <c r="G83">
        <v>1.6461166143417401</v>
      </c>
    </row>
    <row r="84" spans="1:7" x14ac:dyDescent="0.25">
      <c r="A84" t="s">
        <v>89</v>
      </c>
      <c r="B84">
        <v>302.16799926757801</v>
      </c>
      <c r="C84">
        <v>791.74035763552104</v>
      </c>
      <c r="D84">
        <v>138.39822387695301</v>
      </c>
      <c r="E84">
        <v>23730.8330833912</v>
      </c>
      <c r="F84">
        <v>82.910858154296903</v>
      </c>
      <c r="G84">
        <v>1.6692411899566699</v>
      </c>
    </row>
    <row r="85" spans="1:7" x14ac:dyDescent="0.25">
      <c r="A85" t="s">
        <v>90</v>
      </c>
      <c r="B85">
        <v>305.76800537109398</v>
      </c>
      <c r="C85">
        <v>801.299343777015</v>
      </c>
      <c r="D85">
        <v>139.284423828125</v>
      </c>
      <c r="E85">
        <v>23882.7895373106</v>
      </c>
      <c r="F85">
        <v>83.911872863769503</v>
      </c>
      <c r="G85">
        <v>1.6598893404007</v>
      </c>
    </row>
    <row r="86" spans="1:7" x14ac:dyDescent="0.25">
      <c r="A86" t="s">
        <v>91</v>
      </c>
      <c r="B86">
        <v>309.36801147460898</v>
      </c>
      <c r="C86">
        <v>810.84558023233205</v>
      </c>
      <c r="D86">
        <v>143.40017700195301</v>
      </c>
      <c r="E86">
        <v>24588.5085314512</v>
      </c>
      <c r="F86">
        <v>84.911552429199205</v>
      </c>
      <c r="G86">
        <v>1.6888182163238501</v>
      </c>
    </row>
    <row r="87" spans="1:7" x14ac:dyDescent="0.25">
      <c r="A87" t="s">
        <v>92</v>
      </c>
      <c r="B87">
        <v>312.96798706054699</v>
      </c>
      <c r="C87">
        <v>820.39414805883598</v>
      </c>
      <c r="D87">
        <v>146.72882080078099</v>
      </c>
      <c r="E87">
        <v>25159.262120723699</v>
      </c>
      <c r="F87">
        <v>85.911476135253906</v>
      </c>
      <c r="G87">
        <v>1.70790708065033</v>
      </c>
    </row>
    <row r="88" spans="1:7" x14ac:dyDescent="0.25">
      <c r="A88" t="s">
        <v>93</v>
      </c>
      <c r="B88">
        <v>316.56799316406301</v>
      </c>
      <c r="C88">
        <v>829.93849027506496</v>
      </c>
      <c r="D88">
        <v>146.43264770507801</v>
      </c>
      <c r="E88">
        <v>25108.478963375099</v>
      </c>
      <c r="F88">
        <v>86.910957336425795</v>
      </c>
      <c r="G88">
        <v>1.68485832214355</v>
      </c>
    </row>
    <row r="89" spans="1:7" x14ac:dyDescent="0.25">
      <c r="A89" t="s">
        <v>94</v>
      </c>
      <c r="B89">
        <v>320.16799926757801</v>
      </c>
      <c r="C89">
        <v>839.48275963594403</v>
      </c>
      <c r="D89">
        <v>150.91862487793</v>
      </c>
      <c r="E89">
        <v>25877.6787668467</v>
      </c>
      <c r="F89">
        <v>87.910430908203097</v>
      </c>
      <c r="G89">
        <v>1.7167316675186199</v>
      </c>
    </row>
    <row r="90" spans="1:7" x14ac:dyDescent="0.25">
      <c r="A90" t="s">
        <v>95</v>
      </c>
      <c r="B90">
        <v>323.76800537109398</v>
      </c>
      <c r="C90">
        <v>849.03016177685504</v>
      </c>
      <c r="D90">
        <v>152.16569519043</v>
      </c>
      <c r="E90">
        <v>26091.512292623502</v>
      </c>
      <c r="F90">
        <v>88.910232543945298</v>
      </c>
      <c r="G90">
        <v>1.71145308017731</v>
      </c>
    </row>
    <row r="91" spans="1:7" x14ac:dyDescent="0.25">
      <c r="A91" t="s">
        <v>96</v>
      </c>
      <c r="B91">
        <v>327.36801147460898</v>
      </c>
      <c r="C91">
        <v>858.575451112628</v>
      </c>
      <c r="D91">
        <v>154.06620788574199</v>
      </c>
      <c r="E91">
        <v>26417.387649416902</v>
      </c>
      <c r="F91">
        <v>89.909812927246094</v>
      </c>
      <c r="G91">
        <v>1.7135639190673799</v>
      </c>
    </row>
    <row r="92" spans="1:7" x14ac:dyDescent="0.25">
      <c r="A92" t="s">
        <v>97</v>
      </c>
      <c r="B92">
        <v>330.96798706054699</v>
      </c>
      <c r="C92">
        <v>868.127224574514</v>
      </c>
      <c r="D92">
        <v>159.24186706543</v>
      </c>
      <c r="E92">
        <v>27304.846793413199</v>
      </c>
      <c r="F92">
        <v>90.910072326660199</v>
      </c>
      <c r="G92">
        <v>1.7516416311264</v>
      </c>
    </row>
    <row r="93" spans="1:7" x14ac:dyDescent="0.25">
      <c r="A93" t="s">
        <v>98</v>
      </c>
      <c r="B93">
        <v>334.56799316406301</v>
      </c>
      <c r="C93">
        <v>877.67426243867703</v>
      </c>
      <c r="D93">
        <v>161.49891662597699</v>
      </c>
      <c r="E93">
        <v>27691.857889294599</v>
      </c>
      <c r="F93">
        <v>91.909835815429702</v>
      </c>
      <c r="G93">
        <v>1.7571450471878101</v>
      </c>
    </row>
    <row r="94" spans="1:7" x14ac:dyDescent="0.25">
      <c r="A94" t="s">
        <v>99</v>
      </c>
      <c r="B94">
        <v>338.16799926757801</v>
      </c>
      <c r="C94">
        <v>887.220571749344</v>
      </c>
      <c r="D94">
        <v>163.64964294433599</v>
      </c>
      <c r="E94">
        <v>28060.637414455399</v>
      </c>
      <c r="F94">
        <v>92.909523010253906</v>
      </c>
      <c r="G94">
        <v>1.7613872289657599</v>
      </c>
    </row>
    <row r="95" spans="1:7" x14ac:dyDescent="0.25">
      <c r="A95" t="s">
        <v>100</v>
      </c>
      <c r="B95">
        <v>341.76800537109398</v>
      </c>
      <c r="C95">
        <v>896.76593394046699</v>
      </c>
      <c r="D95">
        <v>167.516189575195</v>
      </c>
      <c r="E95">
        <v>28723.625466227499</v>
      </c>
      <c r="F95">
        <v>93.909111022949205</v>
      </c>
      <c r="G95">
        <v>1.7838119268417401</v>
      </c>
    </row>
    <row r="96" spans="1:7" x14ac:dyDescent="0.25">
      <c r="A96" t="s">
        <v>101</v>
      </c>
      <c r="B96">
        <v>345.36801147460898</v>
      </c>
      <c r="C96">
        <v>906.31144184228901</v>
      </c>
      <c r="D96">
        <v>168.80599975585901</v>
      </c>
      <c r="E96">
        <v>28944.7885006666</v>
      </c>
      <c r="F96">
        <v>94.908714294433594</v>
      </c>
      <c r="G96">
        <v>1.77861428260803</v>
      </c>
    </row>
    <row r="97" spans="1:7" x14ac:dyDescent="0.25">
      <c r="A97" t="s">
        <v>102</v>
      </c>
      <c r="B97">
        <v>348.96798706054699</v>
      </c>
      <c r="C97">
        <v>915.860301090191</v>
      </c>
      <c r="D97">
        <v>170.31153869628901</v>
      </c>
      <c r="E97">
        <v>29202.939942479101</v>
      </c>
      <c r="F97">
        <v>95.908668518066406</v>
      </c>
      <c r="G97">
        <v>1.77576792240143</v>
      </c>
    </row>
    <row r="98" spans="1:7" x14ac:dyDescent="0.25">
      <c r="A98" t="s">
        <v>103</v>
      </c>
      <c r="B98">
        <v>352.56799316406301</v>
      </c>
      <c r="C98">
        <v>925.40631897946002</v>
      </c>
      <c r="D98">
        <v>171.37710571289099</v>
      </c>
      <c r="E98">
        <v>29385.6486678123</v>
      </c>
      <c r="F98">
        <v>96.9083251953125</v>
      </c>
      <c r="G98">
        <v>1.7684456110000599</v>
      </c>
    </row>
    <row r="99" spans="1:7" x14ac:dyDescent="0.25">
      <c r="A99" t="s">
        <v>104</v>
      </c>
      <c r="B99">
        <v>356.16799926757801</v>
      </c>
      <c r="C99">
        <v>934.95692675575299</v>
      </c>
      <c r="D99">
        <v>174.58061218261699</v>
      </c>
      <c r="E99">
        <v>29934.948310256001</v>
      </c>
      <c r="F99">
        <v>97.908462524414105</v>
      </c>
      <c r="G99">
        <v>1.7831003665924099</v>
      </c>
    </row>
    <row r="100" spans="1:7" x14ac:dyDescent="0.25">
      <c r="A100" t="s">
        <v>105</v>
      </c>
      <c r="B100">
        <v>359.76800537109398</v>
      </c>
      <c r="C100">
        <v>944.49143349978795</v>
      </c>
      <c r="D100">
        <v>172.24041748046901</v>
      </c>
      <c r="E100">
        <v>29533.680528402299</v>
      </c>
      <c r="F100">
        <v>98.906913757324205</v>
      </c>
      <c r="G100">
        <v>1.74143958091736</v>
      </c>
    </row>
    <row r="101" spans="1:7" x14ac:dyDescent="0.25">
      <c r="A101" t="s">
        <v>106</v>
      </c>
      <c r="B101">
        <v>363.36801147460898</v>
      </c>
      <c r="C101">
        <v>954.05377098736301</v>
      </c>
      <c r="D101">
        <v>177.556396484375</v>
      </c>
      <c r="E101">
        <v>30445.197597146001</v>
      </c>
      <c r="F101">
        <v>99.908279418945298</v>
      </c>
      <c r="G101">
        <v>1.77719402313232</v>
      </c>
    </row>
    <row r="102" spans="1:7" x14ac:dyDescent="0.25">
      <c r="A102" t="s">
        <v>107</v>
      </c>
      <c r="B102">
        <v>364.41799926757801</v>
      </c>
      <c r="C102">
        <v>954.937214956356</v>
      </c>
      <c r="D102">
        <v>170.17771911621099</v>
      </c>
      <c r="E102">
        <v>29179.994016885801</v>
      </c>
      <c r="F102">
        <v>100.00079345703099</v>
      </c>
      <c r="G102">
        <v>1.7017636299133301</v>
      </c>
    </row>
    <row r="103" spans="1:7" x14ac:dyDescent="0.25">
      <c r="A103" t="s">
        <v>108</v>
      </c>
      <c r="B103">
        <v>365.40798950195301</v>
      </c>
      <c r="C103">
        <v>954.93058511954496</v>
      </c>
      <c r="D103">
        <v>170.48353576660199</v>
      </c>
      <c r="E103">
        <v>29232.4312031269</v>
      </c>
      <c r="F103">
        <v>100.00009918212901</v>
      </c>
      <c r="G103">
        <v>1.70483362674713</v>
      </c>
    </row>
    <row r="104" spans="1:7" x14ac:dyDescent="0.25">
      <c r="A104" t="s">
        <v>109</v>
      </c>
      <c r="B104">
        <v>366.40798950195301</v>
      </c>
      <c r="C104">
        <v>954.93881777404704</v>
      </c>
      <c r="D104">
        <v>170.64680480957</v>
      </c>
      <c r="E104">
        <v>29260.424897074699</v>
      </c>
      <c r="F104">
        <v>100.00096130371099</v>
      </c>
      <c r="G104">
        <v>1.7064516544342001</v>
      </c>
    </row>
    <row r="105" spans="1:7" x14ac:dyDescent="0.25">
      <c r="A105" t="s">
        <v>110</v>
      </c>
      <c r="B105">
        <v>367.40798950195301</v>
      </c>
      <c r="C105">
        <v>954.93153223908905</v>
      </c>
      <c r="D105">
        <v>171.92794799804699</v>
      </c>
      <c r="E105">
        <v>29480.099678039602</v>
      </c>
      <c r="F105">
        <v>100.000198364258</v>
      </c>
      <c r="G105">
        <v>1.71927607059479</v>
      </c>
    </row>
    <row r="106" spans="1:7" x14ac:dyDescent="0.25">
      <c r="A106" t="s">
        <v>111</v>
      </c>
      <c r="B106">
        <v>368.40798950195301</v>
      </c>
      <c r="C106">
        <v>954.92125963479805</v>
      </c>
      <c r="D106">
        <v>171.32109069824199</v>
      </c>
      <c r="E106">
        <v>29376.044869422902</v>
      </c>
      <c r="F106">
        <v>99.999122619628906</v>
      </c>
      <c r="G106">
        <v>1.7132259607315099</v>
      </c>
    </row>
    <row r="107" spans="1:7" x14ac:dyDescent="0.25">
      <c r="A107" t="s">
        <v>112</v>
      </c>
      <c r="B107">
        <v>369.40798950195301</v>
      </c>
      <c r="C107">
        <v>954.92759805021205</v>
      </c>
      <c r="D107">
        <v>172.19366455078099</v>
      </c>
      <c r="E107">
        <v>29525.663703679998</v>
      </c>
      <c r="F107">
        <v>99.999786376953097</v>
      </c>
      <c r="G107">
        <v>1.72194027900696</v>
      </c>
    </row>
    <row r="108" spans="1:7" x14ac:dyDescent="0.25">
      <c r="A108" t="s">
        <v>113</v>
      </c>
      <c r="B108">
        <v>370.40798950195301</v>
      </c>
      <c r="C108">
        <v>954.927379484163</v>
      </c>
      <c r="D108">
        <v>172.00770568847699</v>
      </c>
      <c r="E108">
        <v>29493.777081370401</v>
      </c>
      <c r="F108">
        <v>99.999763488769503</v>
      </c>
      <c r="G108">
        <v>1.72008109092712</v>
      </c>
    </row>
    <row r="109" spans="1:7" x14ac:dyDescent="0.25">
      <c r="A109" t="s">
        <v>114</v>
      </c>
      <c r="B109">
        <v>371.40798950195301</v>
      </c>
      <c r="C109">
        <v>954.93546642796605</v>
      </c>
      <c r="D109">
        <v>172.38641357421901</v>
      </c>
      <c r="E109">
        <v>29558.7126165628</v>
      </c>
      <c r="F109">
        <v>100.000610351563</v>
      </c>
      <c r="G109">
        <v>1.72385358810425</v>
      </c>
    </row>
    <row r="110" spans="1:7" x14ac:dyDescent="0.25">
      <c r="A110" t="s">
        <v>115</v>
      </c>
      <c r="B110">
        <v>372.40798950195301</v>
      </c>
      <c r="C110">
        <v>954.93204222653605</v>
      </c>
      <c r="D110">
        <v>171.03501892089801</v>
      </c>
      <c r="E110">
        <v>29326.992109417901</v>
      </c>
      <c r="F110">
        <v>100.00025177002</v>
      </c>
      <c r="G110">
        <v>1.7103458642959599</v>
      </c>
    </row>
    <row r="111" spans="1:7" x14ac:dyDescent="0.25">
      <c r="A111" t="s">
        <v>116</v>
      </c>
      <c r="B111">
        <v>373.40798950195301</v>
      </c>
      <c r="C111">
        <v>954.928326603708</v>
      </c>
      <c r="D111">
        <v>169.69291687011699</v>
      </c>
      <c r="E111">
        <v>29096.864163875602</v>
      </c>
      <c r="F111">
        <v>99.999862670898395</v>
      </c>
      <c r="G111">
        <v>1.69693148136139</v>
      </c>
    </row>
    <row r="112" spans="1:7" x14ac:dyDescent="0.25">
      <c r="A112" t="s">
        <v>117</v>
      </c>
      <c r="B112">
        <v>374.40798950195301</v>
      </c>
      <c r="C112">
        <v>954.92759805021205</v>
      </c>
      <c r="D112">
        <v>169.75486755371099</v>
      </c>
      <c r="E112">
        <v>29107.4868291616</v>
      </c>
      <c r="F112">
        <v>99.999786376953097</v>
      </c>
      <c r="G112">
        <v>1.6975523233413701</v>
      </c>
    </row>
    <row r="113" spans="1:7" x14ac:dyDescent="0.25">
      <c r="A113" t="s">
        <v>118</v>
      </c>
      <c r="B113">
        <v>375.40798950195301</v>
      </c>
      <c r="C113">
        <v>954.92672378601696</v>
      </c>
      <c r="D113">
        <v>170.70039367675801</v>
      </c>
      <c r="E113">
        <v>29269.615188241001</v>
      </c>
      <c r="F113">
        <v>99.999694824218807</v>
      </c>
      <c r="G113">
        <v>1.70700919628143</v>
      </c>
    </row>
    <row r="114" spans="1:7" x14ac:dyDescent="0.25">
      <c r="A114" t="s">
        <v>119</v>
      </c>
      <c r="B114">
        <v>376.40798950195301</v>
      </c>
      <c r="C114">
        <v>954.93014798744696</v>
      </c>
      <c r="D114">
        <v>170.38632202148401</v>
      </c>
      <c r="E114">
        <v>29215.760529041301</v>
      </c>
      <c r="F114">
        <v>100.000053405762</v>
      </c>
      <c r="G114">
        <v>1.70386230945587</v>
      </c>
    </row>
    <row r="115" spans="1:7" x14ac:dyDescent="0.25">
      <c r="A115" t="s">
        <v>120</v>
      </c>
      <c r="B115">
        <v>377.40798950195301</v>
      </c>
      <c r="C115">
        <v>954.93896348474595</v>
      </c>
      <c r="D115">
        <v>168.54638671875</v>
      </c>
      <c r="E115">
        <v>28900.271281599998</v>
      </c>
      <c r="F115">
        <v>100.0009765625</v>
      </c>
      <c r="G115">
        <v>1.68544745445251</v>
      </c>
    </row>
    <row r="116" spans="1:7" x14ac:dyDescent="0.25">
      <c r="A116" t="s">
        <v>121</v>
      </c>
      <c r="B116">
        <v>378.40798950195301</v>
      </c>
      <c r="C116">
        <v>954.93051226419504</v>
      </c>
      <c r="D116">
        <v>169.36341857910199</v>
      </c>
      <c r="E116">
        <v>29040.366411209099</v>
      </c>
      <c r="F116">
        <v>100.00009155273401</v>
      </c>
      <c r="G116">
        <v>1.6936326026916499</v>
      </c>
    </row>
    <row r="117" spans="1:7" x14ac:dyDescent="0.25">
      <c r="A117" t="s">
        <v>122</v>
      </c>
      <c r="B117">
        <v>379.40798950195301</v>
      </c>
      <c r="C117">
        <v>954.928836591155</v>
      </c>
      <c r="D117">
        <v>169.31373596191401</v>
      </c>
      <c r="E117">
        <v>29031.846672296499</v>
      </c>
      <c r="F117">
        <v>99.999916076660199</v>
      </c>
      <c r="G117">
        <v>1.6931388378143299</v>
      </c>
    </row>
    <row r="118" spans="1:7" x14ac:dyDescent="0.25">
      <c r="A118" t="s">
        <v>123</v>
      </c>
      <c r="B118">
        <v>380.40798950195301</v>
      </c>
      <c r="C118">
        <v>954.97626542372996</v>
      </c>
      <c r="D118">
        <v>168.580810546875</v>
      </c>
      <c r="E118">
        <v>28906.1740040779</v>
      </c>
      <c r="F118">
        <v>100.0048828125</v>
      </c>
      <c r="G118">
        <v>1.6857258081436199</v>
      </c>
    </row>
    <row r="119" spans="1:7" x14ac:dyDescent="0.25">
      <c r="A119" t="s">
        <v>124</v>
      </c>
      <c r="B119">
        <v>381.40798950195301</v>
      </c>
      <c r="C119">
        <v>954.92563095577304</v>
      </c>
      <c r="D119">
        <v>165.18824768066401</v>
      </c>
      <c r="E119">
        <v>28324.458748102199</v>
      </c>
      <c r="F119">
        <v>99.999580383300795</v>
      </c>
      <c r="G119">
        <v>1.65188944339752</v>
      </c>
    </row>
    <row r="120" spans="1:7" x14ac:dyDescent="0.25">
      <c r="A120" t="s">
        <v>125</v>
      </c>
      <c r="B120">
        <v>382.40798950195301</v>
      </c>
      <c r="C120">
        <v>954.93408217632395</v>
      </c>
      <c r="D120">
        <v>166.04074096679699</v>
      </c>
      <c r="E120">
        <v>28470.6335514784</v>
      </c>
      <c r="F120">
        <v>100.00046539306599</v>
      </c>
      <c r="G120">
        <v>1.66039967536926</v>
      </c>
    </row>
    <row r="121" spans="1:7" x14ac:dyDescent="0.25">
      <c r="A121" t="s">
        <v>126</v>
      </c>
      <c r="B121">
        <v>383.40798950195301</v>
      </c>
      <c r="C121">
        <v>954.92606808787104</v>
      </c>
      <c r="D121">
        <v>166.319091796875</v>
      </c>
      <c r="E121">
        <v>28518.361970782302</v>
      </c>
      <c r="F121">
        <v>99.999626159667997</v>
      </c>
      <c r="G121">
        <v>1.66319715976715</v>
      </c>
    </row>
    <row r="122" spans="1:7" x14ac:dyDescent="0.25">
      <c r="A122" t="s">
        <v>127</v>
      </c>
      <c r="B122">
        <v>384.40798950195301</v>
      </c>
      <c r="C122">
        <v>954.92359100598503</v>
      </c>
      <c r="D122">
        <v>168.27983093261699</v>
      </c>
      <c r="E122">
        <v>28854.565694928198</v>
      </c>
      <c r="F122">
        <v>99.999366760253906</v>
      </c>
      <c r="G122">
        <v>1.6828089952468901</v>
      </c>
    </row>
    <row r="123" spans="1:7" x14ac:dyDescent="0.25">
      <c r="A123" t="s">
        <v>128</v>
      </c>
      <c r="B123">
        <v>385.40798950195301</v>
      </c>
      <c r="C123">
        <v>954.93160509443896</v>
      </c>
      <c r="D123">
        <v>164.20314025878901</v>
      </c>
      <c r="E123">
        <v>28155.544772744201</v>
      </c>
      <c r="F123">
        <v>100.000205993652</v>
      </c>
      <c r="G123">
        <v>1.64202797412872</v>
      </c>
    </row>
    <row r="124" spans="1:7" x14ac:dyDescent="0.25">
      <c r="A124" t="s">
        <v>129</v>
      </c>
      <c r="B124">
        <v>386.40798950195301</v>
      </c>
      <c r="C124">
        <v>954.92176962224505</v>
      </c>
      <c r="D124">
        <v>165.38987731933599</v>
      </c>
      <c r="E124">
        <v>28359.033167362199</v>
      </c>
      <c r="F124">
        <v>99.999176025390597</v>
      </c>
      <c r="G124">
        <v>1.6539124250412001</v>
      </c>
    </row>
    <row r="125" spans="1:7" x14ac:dyDescent="0.25">
      <c r="A125" t="s">
        <v>130</v>
      </c>
      <c r="B125">
        <v>387.40798950195301</v>
      </c>
      <c r="C125">
        <v>954.93153223908905</v>
      </c>
      <c r="D125">
        <v>167.84191894531301</v>
      </c>
      <c r="E125">
        <v>28779.4787436724</v>
      </c>
      <c r="F125">
        <v>100.000198364258</v>
      </c>
      <c r="G125">
        <v>1.67841589450836</v>
      </c>
    </row>
    <row r="126" spans="1:7" x14ac:dyDescent="0.25">
      <c r="A126" t="s">
        <v>131</v>
      </c>
      <c r="B126">
        <v>388.4169921875</v>
      </c>
      <c r="C126">
        <v>954.92898230185403</v>
      </c>
      <c r="D126">
        <v>169.52723693847699</v>
      </c>
      <c r="E126">
        <v>29068.456962704699</v>
      </c>
      <c r="F126">
        <v>99.999931335449205</v>
      </c>
      <c r="G126">
        <v>1.69527351856232</v>
      </c>
    </row>
    <row r="127" spans="1:7" x14ac:dyDescent="0.25">
      <c r="A127" t="s">
        <v>132</v>
      </c>
      <c r="B127">
        <v>389.4169921875</v>
      </c>
      <c r="C127">
        <v>954.93255221398294</v>
      </c>
      <c r="D127">
        <v>169.48069763183599</v>
      </c>
      <c r="E127">
        <v>29060.4755282402</v>
      </c>
      <c r="F127">
        <v>100.00030517578099</v>
      </c>
      <c r="G127">
        <v>1.69480180740356</v>
      </c>
    </row>
    <row r="128" spans="1:7" x14ac:dyDescent="0.25">
      <c r="A128" t="s">
        <v>133</v>
      </c>
      <c r="B128">
        <v>390.4169921875</v>
      </c>
      <c r="C128">
        <v>954.93306220142995</v>
      </c>
      <c r="D128">
        <v>168.02777099609401</v>
      </c>
      <c r="E128">
        <v>28811.3467395306</v>
      </c>
      <c r="F128">
        <v>100.000358581543</v>
      </c>
      <c r="G128">
        <v>1.6802716255187999</v>
      </c>
    </row>
    <row r="129" spans="1:7" x14ac:dyDescent="0.25">
      <c r="A129" t="s">
        <v>134</v>
      </c>
      <c r="B129">
        <v>391.4169921875</v>
      </c>
      <c r="C129">
        <v>954.92978371069898</v>
      </c>
      <c r="D129">
        <v>167.477615356445</v>
      </c>
      <c r="E129">
        <v>28717.013075947802</v>
      </c>
      <c r="F129">
        <v>100.00001525878901</v>
      </c>
      <c r="G129">
        <v>1.67477583885193</v>
      </c>
    </row>
    <row r="130" spans="1:7" x14ac:dyDescent="0.25">
      <c r="A130" t="s">
        <v>135</v>
      </c>
      <c r="B130">
        <v>392.4169921875</v>
      </c>
      <c r="C130">
        <v>954.93320791212898</v>
      </c>
      <c r="D130">
        <v>168.54556274414099</v>
      </c>
      <c r="E130">
        <v>28900.129720568701</v>
      </c>
      <c r="F130">
        <v>100.000373840332</v>
      </c>
      <c r="G130">
        <v>1.6854493618011499</v>
      </c>
    </row>
    <row r="131" spans="1:7" x14ac:dyDescent="0.25">
      <c r="A131" t="s">
        <v>136</v>
      </c>
      <c r="B131">
        <v>393.4169921875</v>
      </c>
      <c r="C131">
        <v>954.93626783681202</v>
      </c>
      <c r="D131">
        <v>168.20788574218801</v>
      </c>
      <c r="E131">
        <v>28842.229396104802</v>
      </c>
      <c r="F131">
        <v>100.000694274902</v>
      </c>
      <c r="G131">
        <v>1.68206715583801</v>
      </c>
    </row>
    <row r="132" spans="1:7" x14ac:dyDescent="0.25">
      <c r="A132" t="s">
        <v>137</v>
      </c>
      <c r="B132">
        <v>397.11700439453102</v>
      </c>
      <c r="C132">
        <v>946.10925939253605</v>
      </c>
      <c r="D132">
        <v>168.66276550293</v>
      </c>
      <c r="E132">
        <v>28920.227661728899</v>
      </c>
      <c r="F132">
        <v>99.076332092285199</v>
      </c>
      <c r="G132">
        <v>1.7023516893386801</v>
      </c>
    </row>
    <row r="133" spans="1:7" x14ac:dyDescent="0.25">
      <c r="A133" t="s">
        <v>138</v>
      </c>
      <c r="B133">
        <v>400.71701049804699</v>
      </c>
      <c r="C133">
        <v>936.55624738970801</v>
      </c>
      <c r="D133">
        <v>159.65287780761699</v>
      </c>
      <c r="E133">
        <v>27375.321835279501</v>
      </c>
      <c r="F133">
        <v>98.075942993164105</v>
      </c>
      <c r="G133">
        <v>1.6278495788574201</v>
      </c>
    </row>
    <row r="134" spans="1:7" x14ac:dyDescent="0.25">
      <c r="A134" t="s">
        <v>139</v>
      </c>
      <c r="B134">
        <v>404.32699584960898</v>
      </c>
      <c r="C134">
        <v>926.98327302109499</v>
      </c>
      <c r="D134">
        <v>159.85429382324199</v>
      </c>
      <c r="E134">
        <v>27409.859001636501</v>
      </c>
      <c r="F134">
        <v>97.073463439941406</v>
      </c>
      <c r="G134">
        <v>1.64673519134521</v>
      </c>
    </row>
    <row r="135" spans="1:7" x14ac:dyDescent="0.25">
      <c r="A135" t="s">
        <v>140</v>
      </c>
      <c r="B135">
        <v>407.927001953125</v>
      </c>
      <c r="C135">
        <v>917.43594373553299</v>
      </c>
      <c r="D135">
        <v>156.05439758300801</v>
      </c>
      <c r="E135">
        <v>26758.298277854901</v>
      </c>
      <c r="F135">
        <v>96.073669433593807</v>
      </c>
      <c r="G135">
        <v>1.6243201494216899</v>
      </c>
    </row>
    <row r="136" spans="1:7" x14ac:dyDescent="0.25">
      <c r="A136" t="s">
        <v>141</v>
      </c>
      <c r="B136">
        <v>411.51699829101602</v>
      </c>
      <c r="C136">
        <v>907.90835824970804</v>
      </c>
      <c r="D136">
        <v>153.76124572753901</v>
      </c>
      <c r="E136">
        <v>26365.095749497399</v>
      </c>
      <c r="F136">
        <v>95.075942993164105</v>
      </c>
      <c r="G136">
        <v>1.6172466278076201</v>
      </c>
    </row>
    <row r="137" spans="1:7" x14ac:dyDescent="0.25">
      <c r="A137" t="s">
        <v>142</v>
      </c>
      <c r="B137">
        <v>415.11700439453102</v>
      </c>
      <c r="C137">
        <v>898.36583741721904</v>
      </c>
      <c r="D137">
        <v>150.30891418457</v>
      </c>
      <c r="E137">
        <v>25773.1340825558</v>
      </c>
      <c r="F137">
        <v>94.076652526855497</v>
      </c>
      <c r="G137">
        <v>1.5977281332016</v>
      </c>
    </row>
    <row r="138" spans="1:7" x14ac:dyDescent="0.25">
      <c r="A138" t="s">
        <v>143</v>
      </c>
      <c r="B138">
        <v>418.71701049804699</v>
      </c>
      <c r="C138">
        <v>888.82258803123398</v>
      </c>
      <c r="D138">
        <v>148.01933288574199</v>
      </c>
      <c r="E138">
        <v>25380.544364452398</v>
      </c>
      <c r="F138">
        <v>93.077285766601605</v>
      </c>
      <c r="G138">
        <v>1.5902841091155999</v>
      </c>
    </row>
    <row r="139" spans="1:7" x14ac:dyDescent="0.25">
      <c r="A139" t="s">
        <v>144</v>
      </c>
      <c r="B139">
        <v>422.32699584960898</v>
      </c>
      <c r="C139">
        <v>879.24487806489799</v>
      </c>
      <c r="D139">
        <v>144.13833618164099</v>
      </c>
      <c r="E139">
        <v>24715.0771319866</v>
      </c>
      <c r="F139">
        <v>92.074310302734403</v>
      </c>
      <c r="G139">
        <v>1.56545662879944</v>
      </c>
    </row>
    <row r="140" spans="1:7" x14ac:dyDescent="0.25">
      <c r="A140" t="s">
        <v>145</v>
      </c>
      <c r="B140">
        <v>425.927001953125</v>
      </c>
      <c r="C140">
        <v>869.696018816996</v>
      </c>
      <c r="D140">
        <v>142.78549194335901</v>
      </c>
      <c r="E140">
        <v>24483.108893036799</v>
      </c>
      <c r="F140">
        <v>91.074356079101605</v>
      </c>
      <c r="G140">
        <v>1.5677902698516799</v>
      </c>
    </row>
    <row r="141" spans="1:7" x14ac:dyDescent="0.25">
      <c r="A141" t="s">
        <v>146</v>
      </c>
      <c r="B141">
        <v>429.51699829101602</v>
      </c>
      <c r="C141">
        <v>860.17382462703904</v>
      </c>
      <c r="D141">
        <v>141.12178039550801</v>
      </c>
      <c r="E141">
        <v>24197.837337851499</v>
      </c>
      <c r="F141">
        <v>90.077194213867202</v>
      </c>
      <c r="G141">
        <v>1.5666760206222501</v>
      </c>
    </row>
    <row r="142" spans="1:7" x14ac:dyDescent="0.25">
      <c r="A142" t="s">
        <v>147</v>
      </c>
      <c r="B142">
        <v>433.11700439453102</v>
      </c>
      <c r="C142">
        <v>850.629700976859</v>
      </c>
      <c r="D142">
        <v>137.43208312988301</v>
      </c>
      <c r="E142">
        <v>23565.171286463701</v>
      </c>
      <c r="F142">
        <v>89.077735900878906</v>
      </c>
      <c r="G142">
        <v>1.5428330898284901</v>
      </c>
    </row>
    <row r="143" spans="1:7" x14ac:dyDescent="0.25">
      <c r="A143" t="s">
        <v>148</v>
      </c>
      <c r="B143">
        <v>436.71701049804699</v>
      </c>
      <c r="C143">
        <v>841.08681586762202</v>
      </c>
      <c r="D143">
        <v>135.02391052246099</v>
      </c>
      <c r="E143">
        <v>23152.248933911302</v>
      </c>
      <c r="F143">
        <v>88.078407287597699</v>
      </c>
      <c r="G143">
        <v>1.53299677371979</v>
      </c>
    </row>
    <row r="144" spans="1:7" x14ac:dyDescent="0.25">
      <c r="A144" t="s">
        <v>149</v>
      </c>
      <c r="B144">
        <v>440.32699584960898</v>
      </c>
      <c r="C144">
        <v>831.51216582596805</v>
      </c>
      <c r="D144">
        <v>128.31097412109401</v>
      </c>
      <c r="E144">
        <v>22001.195698976499</v>
      </c>
      <c r="F144">
        <v>87.075752258300795</v>
      </c>
      <c r="G144">
        <v>1.47355568408966</v>
      </c>
    </row>
    <row r="145" spans="1:7" x14ac:dyDescent="0.25">
      <c r="A145" t="s">
        <v>150</v>
      </c>
      <c r="B145">
        <v>443.9169921875</v>
      </c>
      <c r="C145">
        <v>821.98982592531297</v>
      </c>
      <c r="D145">
        <v>125.39035797119099</v>
      </c>
      <c r="E145">
        <v>21500.4049241543</v>
      </c>
      <c r="F145">
        <v>86.078575134277301</v>
      </c>
      <c r="G145">
        <v>1.4566965103149401</v>
      </c>
    </row>
    <row r="146" spans="1:7" x14ac:dyDescent="0.25">
      <c r="A146" t="s">
        <v>151</v>
      </c>
      <c r="B146">
        <v>447.51699829101602</v>
      </c>
      <c r="C146">
        <v>812.44446373418998</v>
      </c>
      <c r="D146">
        <v>122.52352142334</v>
      </c>
      <c r="E146">
        <v>21008.8342428207</v>
      </c>
      <c r="F146">
        <v>85.078987121582003</v>
      </c>
      <c r="G146">
        <v>1.4401149749755899</v>
      </c>
    </row>
    <row r="147" spans="1:7" x14ac:dyDescent="0.25">
      <c r="A147" t="s">
        <v>152</v>
      </c>
      <c r="B147">
        <v>451.11700439453102</v>
      </c>
      <c r="C147">
        <v>802.89422023464499</v>
      </c>
      <c r="D147">
        <v>121.58829498291</v>
      </c>
      <c r="E147">
        <v>20848.473533987999</v>
      </c>
      <c r="F147">
        <v>84.078887939453097</v>
      </c>
      <c r="G147">
        <v>1.44612157344818</v>
      </c>
    </row>
    <row r="148" spans="1:7" x14ac:dyDescent="0.25">
      <c r="A148" t="s">
        <v>153</v>
      </c>
      <c r="B148">
        <v>454.71701049804699</v>
      </c>
      <c r="C148">
        <v>793.35213653425399</v>
      </c>
      <c r="D148">
        <v>119.197296142578</v>
      </c>
      <c r="E148">
        <v>20438.494160771399</v>
      </c>
      <c r="F148">
        <v>83.079643249511705</v>
      </c>
      <c r="G148">
        <v>1.4347352981567401</v>
      </c>
    </row>
    <row r="149" spans="1:7" x14ac:dyDescent="0.25">
      <c r="A149" t="s">
        <v>154</v>
      </c>
      <c r="B149">
        <v>458.31698608398398</v>
      </c>
      <c r="C149">
        <v>783.80400583984704</v>
      </c>
      <c r="D149">
        <v>117.58941650390599</v>
      </c>
      <c r="E149">
        <v>20162.794739008001</v>
      </c>
      <c r="F149">
        <v>82.079765319824205</v>
      </c>
      <c r="G149">
        <v>1.43262374401093</v>
      </c>
    </row>
    <row r="150" spans="1:7" x14ac:dyDescent="0.25">
      <c r="A150" t="s">
        <v>155</v>
      </c>
      <c r="B150">
        <v>461.9169921875</v>
      </c>
      <c r="C150">
        <v>774.25638513288698</v>
      </c>
      <c r="D150">
        <v>113.60252380371099</v>
      </c>
      <c r="E150">
        <v>19479.170441627499</v>
      </c>
      <c r="F150">
        <v>81.079940795898395</v>
      </c>
      <c r="G150">
        <v>1.40111744403839</v>
      </c>
    </row>
    <row r="151" spans="1:7" x14ac:dyDescent="0.25">
      <c r="A151" t="s">
        <v>156</v>
      </c>
      <c r="B151">
        <v>465.51699829101602</v>
      </c>
      <c r="C151">
        <v>764.70534022449704</v>
      </c>
      <c r="D151">
        <v>111.769233703613</v>
      </c>
      <c r="E151">
        <v>19164.8211330175</v>
      </c>
      <c r="F151">
        <v>80.079757690429702</v>
      </c>
      <c r="G151">
        <v>1.39572393894196</v>
      </c>
    </row>
    <row r="152" spans="1:7" x14ac:dyDescent="0.25">
      <c r="A152" t="s">
        <v>157</v>
      </c>
      <c r="B152">
        <v>469.11700439453102</v>
      </c>
      <c r="C152">
        <v>755.157792372887</v>
      </c>
      <c r="D152">
        <v>110.64161682128901</v>
      </c>
      <c r="E152">
        <v>18971.471115946799</v>
      </c>
      <c r="F152">
        <v>79.079940795898395</v>
      </c>
      <c r="G152">
        <v>1.3991110324859599</v>
      </c>
    </row>
    <row r="153" spans="1:7" x14ac:dyDescent="0.25">
      <c r="A153" t="s">
        <v>158</v>
      </c>
      <c r="B153">
        <v>472.71701049804699</v>
      </c>
      <c r="C153">
        <v>745.619715716722</v>
      </c>
      <c r="D153">
        <v>107.75983428955099</v>
      </c>
      <c r="E153">
        <v>18477.337434887901</v>
      </c>
      <c r="F153">
        <v>78.081115722656307</v>
      </c>
      <c r="G153">
        <v>1.3801010847091699</v>
      </c>
    </row>
    <row r="154" spans="1:7" x14ac:dyDescent="0.25">
      <c r="A154" t="s">
        <v>159</v>
      </c>
      <c r="B154">
        <v>476.31698608398398</v>
      </c>
      <c r="C154">
        <v>736.06539231760098</v>
      </c>
      <c r="D154">
        <v>105.65322113037099</v>
      </c>
      <c r="E154">
        <v>18116.122111678102</v>
      </c>
      <c r="F154">
        <v>77.080589294433594</v>
      </c>
      <c r="G154">
        <v>1.3706852197647099</v>
      </c>
    </row>
    <row r="155" spans="1:7" x14ac:dyDescent="0.25">
      <c r="A155" t="s">
        <v>160</v>
      </c>
      <c r="B155">
        <v>479.9169921875</v>
      </c>
      <c r="C155">
        <v>726.51886444088495</v>
      </c>
      <c r="D155">
        <v>104.78644561767599</v>
      </c>
      <c r="E155">
        <v>17967.497929930702</v>
      </c>
      <c r="F155">
        <v>76.080879211425795</v>
      </c>
      <c r="G155">
        <v>1.37730324268341</v>
      </c>
    </row>
    <row r="156" spans="1:7" x14ac:dyDescent="0.25">
      <c r="A156" t="s">
        <v>161</v>
      </c>
      <c r="B156">
        <v>483.51699829101602</v>
      </c>
      <c r="C156">
        <v>716.97423080325802</v>
      </c>
      <c r="D156">
        <v>101.799667358398</v>
      </c>
      <c r="E156">
        <v>17455.361783504501</v>
      </c>
      <c r="F156">
        <v>75.081367492675795</v>
      </c>
      <c r="G156">
        <v>1.35585796833038</v>
      </c>
    </row>
    <row r="157" spans="1:7" x14ac:dyDescent="0.25">
      <c r="A157" t="s">
        <v>162</v>
      </c>
      <c r="B157">
        <v>487.11700439453102</v>
      </c>
      <c r="C157">
        <v>707.42559012140498</v>
      </c>
      <c r="D157">
        <v>99.8299560546875</v>
      </c>
      <c r="E157">
        <v>17117.619514465299</v>
      </c>
      <c r="F157">
        <v>74.081436157226605</v>
      </c>
      <c r="G157">
        <v>1.3475704193115201</v>
      </c>
    </row>
    <row r="158" spans="1:7" x14ac:dyDescent="0.25">
      <c r="A158" t="s">
        <v>163</v>
      </c>
      <c r="B158">
        <v>490.71701049804699</v>
      </c>
      <c r="C158">
        <v>697.87796941444503</v>
      </c>
      <c r="D158">
        <v>97.90673828125</v>
      </c>
      <c r="E158">
        <v>16787.849366664901</v>
      </c>
      <c r="F158">
        <v>73.081611633300795</v>
      </c>
      <c r="G158">
        <v>1.3396904468536399</v>
      </c>
    </row>
    <row r="159" spans="1:7" x14ac:dyDescent="0.25">
      <c r="A159" t="s">
        <v>164</v>
      </c>
      <c r="B159">
        <v>494.31698608398398</v>
      </c>
      <c r="C159">
        <v>688.32911016654202</v>
      </c>
      <c r="D159">
        <v>95.861061096191406</v>
      </c>
      <c r="E159">
        <v>16437.0816200972</v>
      </c>
      <c r="F159">
        <v>72.081657409667997</v>
      </c>
      <c r="G159">
        <v>1.32989537715912</v>
      </c>
    </row>
    <row r="160" spans="1:7" x14ac:dyDescent="0.25">
      <c r="A160" t="s">
        <v>165</v>
      </c>
      <c r="B160">
        <v>497.9169921875</v>
      </c>
      <c r="C160">
        <v>678.78221801307905</v>
      </c>
      <c r="D160">
        <v>93.449615478515597</v>
      </c>
      <c r="E160">
        <v>16023.5967487097</v>
      </c>
      <c r="F160">
        <v>71.0819091796875</v>
      </c>
      <c r="G160">
        <v>1.31467509269714</v>
      </c>
    </row>
    <row r="161" spans="1:7" x14ac:dyDescent="0.25">
      <c r="A161" t="s">
        <v>166</v>
      </c>
      <c r="B161">
        <v>501.51699829101602</v>
      </c>
      <c r="C161">
        <v>669.23554442566297</v>
      </c>
      <c r="D161">
        <v>93.138992309570298</v>
      </c>
      <c r="E161">
        <v>15970.334410667399</v>
      </c>
      <c r="F161">
        <v>70.082183837890597</v>
      </c>
      <c r="G161">
        <v>1.32899677753448</v>
      </c>
    </row>
    <row r="162" spans="1:7" x14ac:dyDescent="0.25">
      <c r="A162" t="s">
        <v>167</v>
      </c>
      <c r="B162">
        <v>505.11700439453102</v>
      </c>
      <c r="C162">
        <v>659.69010937919097</v>
      </c>
      <c r="D162">
        <v>90.192535400390597</v>
      </c>
      <c r="E162">
        <v>15465.1124030352</v>
      </c>
      <c r="F162">
        <v>69.082588195800795</v>
      </c>
      <c r="G162">
        <v>1.30557548999786</v>
      </c>
    </row>
    <row r="163" spans="1:7" x14ac:dyDescent="0.25">
      <c r="A163" t="s">
        <v>168</v>
      </c>
      <c r="B163">
        <v>508.71701049804699</v>
      </c>
      <c r="C163">
        <v>650.142852948979</v>
      </c>
      <c r="D163">
        <v>86.866935729980497</v>
      </c>
      <c r="E163">
        <v>14894.8794230819</v>
      </c>
      <c r="F163">
        <v>68.082801818847699</v>
      </c>
      <c r="G163">
        <v>1.27590131759644</v>
      </c>
    </row>
    <row r="164" spans="1:7" x14ac:dyDescent="0.25">
      <c r="A164" t="s">
        <v>169</v>
      </c>
      <c r="B164">
        <v>512.31701660156295</v>
      </c>
      <c r="C164">
        <v>640.60164351278297</v>
      </c>
      <c r="D164">
        <v>83.278083801269503</v>
      </c>
      <c r="E164">
        <v>14279.507100582099</v>
      </c>
      <c r="F164">
        <v>67.083648681640597</v>
      </c>
      <c r="G164">
        <v>1.2414065599441499</v>
      </c>
    </row>
    <row r="165" spans="1:7" x14ac:dyDescent="0.25">
      <c r="A165" t="s">
        <v>170</v>
      </c>
      <c r="B165">
        <v>515.9169921875</v>
      </c>
      <c r="C165">
        <v>631.05205571138401</v>
      </c>
      <c r="D165">
        <v>81.424789428710895</v>
      </c>
      <c r="E165">
        <v>13961.726799607301</v>
      </c>
      <c r="F165">
        <v>66.0836181640625</v>
      </c>
      <c r="G165">
        <v>1.2321478128433201</v>
      </c>
    </row>
    <row r="166" spans="1:7" x14ac:dyDescent="0.25">
      <c r="A166" t="s">
        <v>171</v>
      </c>
      <c r="B166">
        <v>519.51702880859398</v>
      </c>
      <c r="C166">
        <v>621.50297789743297</v>
      </c>
      <c r="D166">
        <v>79.498771667480497</v>
      </c>
      <c r="E166">
        <v>13631.476089358301</v>
      </c>
      <c r="F166">
        <v>65.083641052246094</v>
      </c>
      <c r="G166">
        <v>1.22148621082306</v>
      </c>
    </row>
    <row r="167" spans="1:7" x14ac:dyDescent="0.25">
      <c r="A167" t="s">
        <v>172</v>
      </c>
      <c r="B167">
        <v>523.11700439453102</v>
      </c>
      <c r="C167">
        <v>611.95630431001803</v>
      </c>
      <c r="D167">
        <v>79.312316894531307</v>
      </c>
      <c r="E167">
        <v>13599.505648016901</v>
      </c>
      <c r="F167">
        <v>64.083915710449205</v>
      </c>
      <c r="G167">
        <v>1.2376321554184</v>
      </c>
    </row>
    <row r="168" spans="1:7" x14ac:dyDescent="0.25">
      <c r="A168" t="s">
        <v>173</v>
      </c>
      <c r="B168">
        <v>526.71697998046898</v>
      </c>
      <c r="C168">
        <v>602.41247208123605</v>
      </c>
      <c r="D168">
        <v>77.230918884277301</v>
      </c>
      <c r="E168">
        <v>13242.613524198499</v>
      </c>
      <c r="F168">
        <v>63.084487915039098</v>
      </c>
      <c r="G168">
        <v>1.2242457866668699</v>
      </c>
    </row>
    <row r="169" spans="1:7" x14ac:dyDescent="0.25">
      <c r="A169" t="s">
        <v>174</v>
      </c>
      <c r="B169">
        <v>530.31701660156295</v>
      </c>
      <c r="C169">
        <v>592.86474209125197</v>
      </c>
      <c r="D169">
        <v>75.630416870117202</v>
      </c>
      <c r="E169">
        <v>12968.1788384914</v>
      </c>
      <c r="F169">
        <v>62.084651947021499</v>
      </c>
      <c r="G169">
        <v>1.2181822061538701</v>
      </c>
    </row>
    <row r="170" spans="1:7" x14ac:dyDescent="0.25">
      <c r="A170" t="s">
        <v>175</v>
      </c>
      <c r="B170">
        <v>533.9169921875</v>
      </c>
      <c r="C170">
        <v>583.31202150982199</v>
      </c>
      <c r="D170">
        <v>73.704780578613295</v>
      </c>
      <c r="E170">
        <v>12637.993320822699</v>
      </c>
      <c r="F170">
        <v>61.084293365478501</v>
      </c>
      <c r="G170">
        <v>1.2066076993942301</v>
      </c>
    </row>
    <row r="171" spans="1:7" x14ac:dyDescent="0.25">
      <c r="A171" t="s">
        <v>176</v>
      </c>
      <c r="B171">
        <v>537.51702880859398</v>
      </c>
      <c r="C171">
        <v>573.76862641313801</v>
      </c>
      <c r="D171">
        <v>72.242759704589801</v>
      </c>
      <c r="E171">
        <v>12387.3045668006</v>
      </c>
      <c r="F171">
        <v>60.084911346435497</v>
      </c>
      <c r="G171">
        <v>1.2023444175720199</v>
      </c>
    </row>
    <row r="172" spans="1:7" x14ac:dyDescent="0.25">
      <c r="A172" t="s">
        <v>177</v>
      </c>
      <c r="B172">
        <v>541.11700439453102</v>
      </c>
      <c r="C172">
        <v>564.22096927850305</v>
      </c>
      <c r="D172">
        <v>76.411201477050795</v>
      </c>
      <c r="E172">
        <v>13102.057389915</v>
      </c>
      <c r="F172">
        <v>59.0850830078125</v>
      </c>
      <c r="G172">
        <v>1.29324018955231</v>
      </c>
    </row>
    <row r="173" spans="1:7" x14ac:dyDescent="0.25">
      <c r="A173" t="s">
        <v>178</v>
      </c>
      <c r="B173">
        <v>544.72698974609398</v>
      </c>
      <c r="C173">
        <v>554.64569996637897</v>
      </c>
      <c r="D173">
        <v>74.483169555664105</v>
      </c>
      <c r="E173">
        <v>12771.4620903134</v>
      </c>
      <c r="F173">
        <v>58.082363128662102</v>
      </c>
      <c r="G173">
        <v>1.28237152099609</v>
      </c>
    </row>
    <row r="174" spans="1:7" x14ac:dyDescent="0.25">
      <c r="A174" t="s">
        <v>179</v>
      </c>
      <c r="B174">
        <v>548.31701660156295</v>
      </c>
      <c r="C174">
        <v>545.12623785203095</v>
      </c>
      <c r="D174">
        <v>71.951957702636705</v>
      </c>
      <c r="E174">
        <v>12337.4415561557</v>
      </c>
      <c r="F174">
        <v>57.085487365722699</v>
      </c>
      <c r="G174">
        <v>1.26042473316193</v>
      </c>
    </row>
    <row r="175" spans="1:7" x14ac:dyDescent="0.25">
      <c r="A175" t="s">
        <v>180</v>
      </c>
      <c r="B175">
        <v>551.927001953125</v>
      </c>
      <c r="C175">
        <v>535.55421060296203</v>
      </c>
      <c r="D175">
        <v>69.358634948730497</v>
      </c>
      <c r="E175">
        <v>11892.770417034601</v>
      </c>
      <c r="F175">
        <v>56.083106994628899</v>
      </c>
      <c r="G175">
        <v>1.23671174049377</v>
      </c>
    </row>
    <row r="176" spans="1:7" x14ac:dyDescent="0.25">
      <c r="A176" t="s">
        <v>181</v>
      </c>
      <c r="B176">
        <v>555.51702880859398</v>
      </c>
      <c r="C176">
        <v>526.03631487863095</v>
      </c>
      <c r="D176">
        <v>67.030296325683594</v>
      </c>
      <c r="E176">
        <v>11493.534781038799</v>
      </c>
      <c r="F176">
        <v>55.086395263671903</v>
      </c>
      <c r="G176">
        <v>1.2168211936950699</v>
      </c>
    </row>
    <row r="177" spans="1:7" x14ac:dyDescent="0.25">
      <c r="A177" t="s">
        <v>182</v>
      </c>
      <c r="B177">
        <v>559.12701416015602</v>
      </c>
      <c r="C177">
        <v>516.46155555395296</v>
      </c>
      <c r="D177">
        <v>66.505752563476605</v>
      </c>
      <c r="E177">
        <v>11403.5923033953</v>
      </c>
      <c r="F177">
        <v>54.083728790283203</v>
      </c>
      <c r="G177">
        <v>1.22968137264252</v>
      </c>
    </row>
    <row r="178" spans="1:7" x14ac:dyDescent="0.25">
      <c r="A178" t="s">
        <v>183</v>
      </c>
      <c r="B178">
        <v>562.72698974609398</v>
      </c>
      <c r="C178">
        <v>506.911166343709</v>
      </c>
      <c r="D178">
        <v>70.510231018066406</v>
      </c>
      <c r="E178">
        <v>12090.2322232723</v>
      </c>
      <c r="F178">
        <v>53.083614349365199</v>
      </c>
      <c r="G178">
        <v>1.32828617095947</v>
      </c>
    </row>
    <row r="179" spans="1:7" x14ac:dyDescent="0.25">
      <c r="A179" t="s">
        <v>184</v>
      </c>
      <c r="B179">
        <v>566.32702636718795</v>
      </c>
      <c r="C179">
        <v>497.36711554887899</v>
      </c>
      <c r="D179">
        <v>66.741539001464801</v>
      </c>
      <c r="E179">
        <v>11444.0219476819</v>
      </c>
      <c r="F179">
        <v>52.084163665771499</v>
      </c>
      <c r="G179">
        <v>1.28141713142395</v>
      </c>
    </row>
    <row r="180" spans="1:7" x14ac:dyDescent="0.25">
      <c r="A180" t="s">
        <v>185</v>
      </c>
      <c r="B180">
        <v>569.927001953125</v>
      </c>
      <c r="C180">
        <v>487.821498364033</v>
      </c>
      <c r="D180">
        <v>65.664558410644503</v>
      </c>
      <c r="E180">
        <v>11259.355582296799</v>
      </c>
      <c r="F180">
        <v>51.084548950195298</v>
      </c>
      <c r="G180">
        <v>1.2854093313217201</v>
      </c>
    </row>
    <row r="181" spans="1:7" x14ac:dyDescent="0.25">
      <c r="A181" t="s">
        <v>186</v>
      </c>
      <c r="B181">
        <v>573.52697753906295</v>
      </c>
      <c r="C181">
        <v>478.27252983310598</v>
      </c>
      <c r="D181">
        <v>63.730735778808601</v>
      </c>
      <c r="E181">
        <v>10927.766561508201</v>
      </c>
      <c r="F181">
        <v>50.084583282470703</v>
      </c>
      <c r="G181">
        <v>1.2724621295928999</v>
      </c>
    </row>
    <row r="182" spans="1:7" x14ac:dyDescent="0.25">
      <c r="A182" t="s">
        <v>187</v>
      </c>
      <c r="B182">
        <v>577.12701416015602</v>
      </c>
      <c r="C182">
        <v>468.72654837151202</v>
      </c>
      <c r="D182">
        <v>60.683780670166001</v>
      </c>
      <c r="E182">
        <v>10405.3122922778</v>
      </c>
      <c r="F182">
        <v>49.084930419921903</v>
      </c>
      <c r="G182">
        <v>1.2363016605377199</v>
      </c>
    </row>
    <row r="183" spans="1:7" x14ac:dyDescent="0.25">
      <c r="A183" t="s">
        <v>188</v>
      </c>
      <c r="B183">
        <v>580.72698974609398</v>
      </c>
      <c r="C183">
        <v>459.17706985313799</v>
      </c>
      <c r="D183">
        <v>58.886795043945298</v>
      </c>
      <c r="E183">
        <v>10097.187012434</v>
      </c>
      <c r="F183">
        <v>48.084911346435497</v>
      </c>
      <c r="G183">
        <v>1.22464179992676</v>
      </c>
    </row>
    <row r="184" spans="1:7" x14ac:dyDescent="0.25">
      <c r="A184" t="s">
        <v>189</v>
      </c>
      <c r="B184">
        <v>584.32702636718795</v>
      </c>
      <c r="C184">
        <v>449.63057840409698</v>
      </c>
      <c r="D184">
        <v>57.834991455078097</v>
      </c>
      <c r="E184">
        <v>9916.8363958597201</v>
      </c>
      <c r="F184">
        <v>47.085205078125</v>
      </c>
      <c r="G184">
        <v>1.22830498218536</v>
      </c>
    </row>
    <row r="185" spans="1:7" x14ac:dyDescent="0.25">
      <c r="A185" t="s">
        <v>190</v>
      </c>
      <c r="B185">
        <v>587.926025390625</v>
      </c>
      <c r="C185">
        <v>440.08394124435603</v>
      </c>
      <c r="D185">
        <v>55.081790924072301</v>
      </c>
      <c r="E185">
        <v>9444.7517767548597</v>
      </c>
      <c r="F185">
        <v>46.085483551025398</v>
      </c>
      <c r="G185">
        <v>1.1952091455459599</v>
      </c>
    </row>
    <row r="186" spans="1:7" x14ac:dyDescent="0.25">
      <c r="A186" t="s">
        <v>191</v>
      </c>
      <c r="B186">
        <v>591.52600097656295</v>
      </c>
      <c r="C186">
        <v>430.53843334253401</v>
      </c>
      <c r="D186">
        <v>53.783893585205099</v>
      </c>
      <c r="E186">
        <v>9222.2038656473196</v>
      </c>
      <c r="F186">
        <v>45.085880279541001</v>
      </c>
      <c r="G186">
        <v>1.19292104244232</v>
      </c>
    </row>
    <row r="187" spans="1:7" x14ac:dyDescent="0.25">
      <c r="A187" t="s">
        <v>192</v>
      </c>
      <c r="B187">
        <v>595.1259765625</v>
      </c>
      <c r="C187">
        <v>420.98942838393299</v>
      </c>
      <c r="D187">
        <v>53.477561950683601</v>
      </c>
      <c r="E187">
        <v>9169.6782037615794</v>
      </c>
      <c r="F187">
        <v>44.085910797119098</v>
      </c>
      <c r="G187">
        <v>1.2130306959152199</v>
      </c>
    </row>
    <row r="188" spans="1:7" x14ac:dyDescent="0.25">
      <c r="A188" t="s">
        <v>193</v>
      </c>
      <c r="B188">
        <v>598.72601318359398</v>
      </c>
      <c r="C188">
        <v>411.44260908581799</v>
      </c>
      <c r="D188">
        <v>51.101913452148402</v>
      </c>
      <c r="E188">
        <v>8762.3307481408101</v>
      </c>
      <c r="F188">
        <v>43.086170196533203</v>
      </c>
      <c r="G188">
        <v>1.18603980541229</v>
      </c>
    </row>
    <row r="189" spans="1:7" x14ac:dyDescent="0.25">
      <c r="A189" t="s">
        <v>194</v>
      </c>
      <c r="B189">
        <v>602.32598876953102</v>
      </c>
      <c r="C189">
        <v>401.89334913349302</v>
      </c>
      <c r="D189">
        <v>50.162826538085902</v>
      </c>
      <c r="E189">
        <v>8601.3078689575195</v>
      </c>
      <c r="F189">
        <v>42.086174011230497</v>
      </c>
      <c r="G189">
        <v>1.1919075250625599</v>
      </c>
    </row>
    <row r="190" spans="1:7" x14ac:dyDescent="0.25">
      <c r="A190" t="s">
        <v>195</v>
      </c>
      <c r="B190">
        <v>605.926025390625</v>
      </c>
      <c r="C190">
        <v>392.34740409957402</v>
      </c>
      <c r="D190">
        <v>48.9640922546387</v>
      </c>
      <c r="E190">
        <v>8395.7631140947306</v>
      </c>
      <c r="F190">
        <v>41.086524963378899</v>
      </c>
      <c r="G190">
        <v>1.1917312145233201</v>
      </c>
    </row>
    <row r="191" spans="1:7" x14ac:dyDescent="0.25">
      <c r="A191" t="s">
        <v>196</v>
      </c>
      <c r="B191">
        <v>609.52600097656295</v>
      </c>
      <c r="C191">
        <v>382.80302545567002</v>
      </c>
      <c r="D191">
        <v>46.996665954589801</v>
      </c>
      <c r="E191">
        <v>8058.4129318594896</v>
      </c>
      <c r="F191">
        <v>40.087039947509801</v>
      </c>
      <c r="G191">
        <v>1.1723655462264999</v>
      </c>
    </row>
    <row r="192" spans="1:7" x14ac:dyDescent="0.25">
      <c r="A192" t="s">
        <v>197</v>
      </c>
      <c r="B192">
        <v>613.1259765625</v>
      </c>
      <c r="C192">
        <v>373.25525903801201</v>
      </c>
      <c r="D192">
        <v>45.013034820556598</v>
      </c>
      <c r="E192">
        <v>7718.2841487228898</v>
      </c>
      <c r="F192">
        <v>39.087200164794901</v>
      </c>
      <c r="G192">
        <v>1.15160548686981</v>
      </c>
    </row>
    <row r="193" spans="1:7" x14ac:dyDescent="0.25">
      <c r="A193" t="s">
        <v>198</v>
      </c>
      <c r="B193">
        <v>616.72601318359398</v>
      </c>
      <c r="C193">
        <v>363.70749262035298</v>
      </c>
      <c r="D193">
        <v>44.105503082275398</v>
      </c>
      <c r="E193">
        <v>7562.6717880368196</v>
      </c>
      <c r="F193">
        <v>38.087360382080099</v>
      </c>
      <c r="G193">
        <v>1.15800893306732</v>
      </c>
    </row>
    <row r="194" spans="1:7" x14ac:dyDescent="0.25">
      <c r="A194" t="s">
        <v>199</v>
      </c>
      <c r="B194">
        <v>620.32598876953102</v>
      </c>
      <c r="C194">
        <v>354.161001171311</v>
      </c>
      <c r="D194">
        <v>43.152378082275398</v>
      </c>
      <c r="E194">
        <v>7399.2419056594399</v>
      </c>
      <c r="F194">
        <v>37.087654113769503</v>
      </c>
      <c r="G194">
        <v>1.1635240316391</v>
      </c>
    </row>
    <row r="195" spans="1:7" x14ac:dyDescent="0.25">
      <c r="A195" t="s">
        <v>200</v>
      </c>
      <c r="B195">
        <v>623.926025390625</v>
      </c>
      <c r="C195">
        <v>344.61330760900199</v>
      </c>
      <c r="D195">
        <v>42.612518310546903</v>
      </c>
      <c r="E195">
        <v>7306.6730983555299</v>
      </c>
      <c r="F195">
        <v>36.087821960449197</v>
      </c>
      <c r="G195">
        <v>1.1808005571365401</v>
      </c>
    </row>
    <row r="196" spans="1:7" x14ac:dyDescent="0.25">
      <c r="A196" t="s">
        <v>201</v>
      </c>
      <c r="B196">
        <v>627.52600097656295</v>
      </c>
      <c r="C196">
        <v>335.067945417879</v>
      </c>
      <c r="D196">
        <v>41.596916198730497</v>
      </c>
      <c r="E196">
        <v>7132.5302124023401</v>
      </c>
      <c r="F196">
        <v>35.088233947753899</v>
      </c>
      <c r="G196">
        <v>1.1854947805404701</v>
      </c>
    </row>
    <row r="197" spans="1:7" x14ac:dyDescent="0.25">
      <c r="A197" t="s">
        <v>202</v>
      </c>
      <c r="B197">
        <v>631.1259765625</v>
      </c>
      <c r="C197">
        <v>325.52039756626903</v>
      </c>
      <c r="D197">
        <v>40.218681335449197</v>
      </c>
      <c r="E197">
        <v>6896.2071090936697</v>
      </c>
      <c r="F197">
        <v>34.088417053222699</v>
      </c>
      <c r="G197">
        <v>1.1798342466354399</v>
      </c>
    </row>
    <row r="198" spans="1:7" x14ac:dyDescent="0.25">
      <c r="A198" t="s">
        <v>203</v>
      </c>
      <c r="B198">
        <v>634.72601318359398</v>
      </c>
      <c r="C198">
        <v>315.97335970210599</v>
      </c>
      <c r="D198">
        <v>39.306709289550803</v>
      </c>
      <c r="E198">
        <v>6739.8333922028496</v>
      </c>
      <c r="F198">
        <v>33.088653564453097</v>
      </c>
      <c r="G198">
        <v>1.18792104721069</v>
      </c>
    </row>
    <row r="199" spans="1:7" x14ac:dyDescent="0.25">
      <c r="A199" t="s">
        <v>204</v>
      </c>
      <c r="B199">
        <v>638.32598876953102</v>
      </c>
      <c r="C199">
        <v>306.42737824051198</v>
      </c>
      <c r="D199">
        <v>38.258842468261697</v>
      </c>
      <c r="E199">
        <v>6560.1579844951602</v>
      </c>
      <c r="F199">
        <v>32.089000701904297</v>
      </c>
      <c r="G199">
        <v>1.19227278232574</v>
      </c>
    </row>
    <row r="200" spans="1:7" x14ac:dyDescent="0.25">
      <c r="A200" t="s">
        <v>205</v>
      </c>
      <c r="B200">
        <v>641.926025390625</v>
      </c>
      <c r="C200">
        <v>296.87820935737398</v>
      </c>
      <c r="D200">
        <v>37.052120208740199</v>
      </c>
      <c r="E200">
        <v>6353.2441854476901</v>
      </c>
      <c r="F200">
        <v>31.089014053344702</v>
      </c>
      <c r="G200">
        <v>1.1918075084686299</v>
      </c>
    </row>
    <row r="201" spans="1:7" x14ac:dyDescent="0.25">
      <c r="A201" t="s">
        <v>206</v>
      </c>
      <c r="B201">
        <v>645.52600097656295</v>
      </c>
      <c r="C201">
        <v>287.33228253729197</v>
      </c>
      <c r="D201">
        <v>36.429801940917997</v>
      </c>
      <c r="E201">
        <v>6246.5365044772598</v>
      </c>
      <c r="F201">
        <v>30.0893669128418</v>
      </c>
      <c r="G201">
        <v>1.21072006225586</v>
      </c>
    </row>
    <row r="202" spans="1:7" x14ac:dyDescent="0.25">
      <c r="A202" t="s">
        <v>207</v>
      </c>
      <c r="B202">
        <v>649.1259765625</v>
      </c>
      <c r="C202">
        <v>277.78535395615302</v>
      </c>
      <c r="D202">
        <v>35.438831329345703</v>
      </c>
      <c r="E202">
        <v>6076.6171663999603</v>
      </c>
      <c r="F202">
        <v>29.089614868164102</v>
      </c>
      <c r="G202">
        <v>1.2182639837264999</v>
      </c>
    </row>
    <row r="203" spans="1:7" x14ac:dyDescent="0.25">
      <c r="A203" t="s">
        <v>208</v>
      </c>
      <c r="B203">
        <v>652.72601318359398</v>
      </c>
      <c r="C203">
        <v>268.23915392851001</v>
      </c>
      <c r="D203">
        <v>35.054710388183601</v>
      </c>
      <c r="E203">
        <v>6010.7531026005699</v>
      </c>
      <c r="F203">
        <v>28.089939117431602</v>
      </c>
      <c r="G203">
        <v>1.2479454278945901</v>
      </c>
    </row>
    <row r="204" spans="1:7" x14ac:dyDescent="0.25">
      <c r="A204" t="s">
        <v>209</v>
      </c>
      <c r="B204">
        <v>656.32598876953102</v>
      </c>
      <c r="C204">
        <v>258.69042217747</v>
      </c>
      <c r="D204">
        <v>33.859661102294901</v>
      </c>
      <c r="E204">
        <v>5805.8402501046703</v>
      </c>
      <c r="F204">
        <v>27.0899982452393</v>
      </c>
      <c r="G204">
        <v>1.24989533424377</v>
      </c>
    </row>
    <row r="205" spans="1:7" x14ac:dyDescent="0.25">
      <c r="A205" t="s">
        <v>210</v>
      </c>
      <c r="B205">
        <v>659.926025390625</v>
      </c>
      <c r="C205">
        <v>249.14502355867199</v>
      </c>
      <c r="D205">
        <v>32.892494201660199</v>
      </c>
      <c r="E205">
        <v>5640.0024332106104</v>
      </c>
      <c r="F205">
        <v>26.090406417846701</v>
      </c>
      <c r="G205">
        <v>1.2607122659683201</v>
      </c>
    </row>
    <row r="206" spans="1:7" x14ac:dyDescent="0.25">
      <c r="A206" t="s">
        <v>211</v>
      </c>
      <c r="B206">
        <v>663.52600097656295</v>
      </c>
      <c r="C206">
        <v>239.59747570706199</v>
      </c>
      <c r="D206">
        <v>32.325401306152301</v>
      </c>
      <c r="E206">
        <v>5542.7639745175802</v>
      </c>
      <c r="F206">
        <v>25.090589523315401</v>
      </c>
      <c r="G206">
        <v>1.28834760189056</v>
      </c>
    </row>
    <row r="207" spans="1:7" x14ac:dyDescent="0.25">
      <c r="A207" t="s">
        <v>212</v>
      </c>
      <c r="B207">
        <v>667.1259765625</v>
      </c>
      <c r="C207">
        <v>230.04994606928901</v>
      </c>
      <c r="D207">
        <v>31.5439643859863</v>
      </c>
      <c r="E207">
        <v>5408.7731987237903</v>
      </c>
      <c r="F207">
        <v>24.090774536132798</v>
      </c>
      <c r="G207">
        <v>1.3093794584274301</v>
      </c>
    </row>
    <row r="208" spans="1:7" x14ac:dyDescent="0.25">
      <c r="A208" t="s">
        <v>213</v>
      </c>
      <c r="B208">
        <v>670.72601318359398</v>
      </c>
      <c r="C208">
        <v>220.50381889699599</v>
      </c>
      <c r="D208">
        <v>30.716037750244102</v>
      </c>
      <c r="E208">
        <v>5266.8103016912901</v>
      </c>
      <c r="F208">
        <v>23.091106414794901</v>
      </c>
      <c r="G208">
        <v>1.33021068572998</v>
      </c>
    </row>
    <row r="209" spans="1:7" x14ac:dyDescent="0.25">
      <c r="A209" t="s">
        <v>214</v>
      </c>
      <c r="B209">
        <v>674.32598876953102</v>
      </c>
      <c r="C209">
        <v>210.956544252947</v>
      </c>
      <c r="D209">
        <v>30.2929172515869</v>
      </c>
      <c r="E209">
        <v>5194.2588761448897</v>
      </c>
      <c r="F209">
        <v>22.0913181304932</v>
      </c>
      <c r="G209">
        <v>1.37125897407532</v>
      </c>
    </row>
    <row r="210" spans="1:7" x14ac:dyDescent="0.25">
      <c r="A210" t="s">
        <v>215</v>
      </c>
      <c r="B210">
        <v>677.926025390625</v>
      </c>
      <c r="C210">
        <v>201.409652099483</v>
      </c>
      <c r="D210">
        <v>29.070795059204102</v>
      </c>
      <c r="E210">
        <v>4984.7043119370901</v>
      </c>
      <c r="F210">
        <v>21.091569900512699</v>
      </c>
      <c r="G210">
        <v>1.37831342220306</v>
      </c>
    </row>
    <row r="211" spans="1:7" x14ac:dyDescent="0.25">
      <c r="A211" t="s">
        <v>216</v>
      </c>
      <c r="B211">
        <v>681.52600097656295</v>
      </c>
      <c r="C211">
        <v>191.86241388310799</v>
      </c>
      <c r="D211">
        <v>27.847263336181602</v>
      </c>
      <c r="E211">
        <v>4774.9080695211896</v>
      </c>
      <c r="F211">
        <v>20.0917854309082</v>
      </c>
      <c r="G211">
        <v>1.38600242137909</v>
      </c>
    </row>
    <row r="212" spans="1:7" x14ac:dyDescent="0.25">
      <c r="A212" t="s">
        <v>217</v>
      </c>
      <c r="B212">
        <v>685.1259765625</v>
      </c>
      <c r="C212">
        <v>182.31566744034399</v>
      </c>
      <c r="D212">
        <v>27.397560119628899</v>
      </c>
      <c r="E212">
        <v>4697.7982856333301</v>
      </c>
      <c r="F212">
        <v>19.0920524597168</v>
      </c>
      <c r="G212">
        <v>1.4350243806839</v>
      </c>
    </row>
    <row r="213" spans="1:7" x14ac:dyDescent="0.25">
      <c r="A213" t="s">
        <v>218</v>
      </c>
      <c r="B213">
        <v>688.72601318359398</v>
      </c>
      <c r="C213">
        <v>172.76826529943301</v>
      </c>
      <c r="D213">
        <v>26.765115737915</v>
      </c>
      <c r="E213">
        <v>4589.3546193838101</v>
      </c>
      <c r="F213">
        <v>18.092250823974599</v>
      </c>
      <c r="G213">
        <v>1.47936904430389</v>
      </c>
    </row>
    <row r="214" spans="1:7" x14ac:dyDescent="0.25">
      <c r="A214" t="s">
        <v>219</v>
      </c>
      <c r="B214">
        <v>692.32598876953102</v>
      </c>
      <c r="C214">
        <v>163.221846705741</v>
      </c>
      <c r="D214">
        <v>25.983016967773398</v>
      </c>
      <c r="E214">
        <v>4455.2497565746298</v>
      </c>
      <c r="F214">
        <v>17.092552185058601</v>
      </c>
      <c r="G214">
        <v>1.52013671398163</v>
      </c>
    </row>
    <row r="215" spans="1:7" x14ac:dyDescent="0.25">
      <c r="A215" t="s">
        <v>220</v>
      </c>
      <c r="B215">
        <v>695.926025390625</v>
      </c>
      <c r="C215">
        <v>153.67453563401699</v>
      </c>
      <c r="D215">
        <v>25.188915252685501</v>
      </c>
      <c r="E215">
        <v>4319.0871365368403</v>
      </c>
      <c r="F215">
        <v>16.092760086059599</v>
      </c>
      <c r="G215">
        <v>1.5652327537536601</v>
      </c>
    </row>
    <row r="216" spans="1:7" x14ac:dyDescent="0.25">
      <c r="A216" t="s">
        <v>221</v>
      </c>
      <c r="B216">
        <v>699.52600097656295</v>
      </c>
      <c r="C216">
        <v>144.12495693953801</v>
      </c>
      <c r="D216">
        <v>24.480447769165</v>
      </c>
      <c r="E216">
        <v>4197.6077482104301</v>
      </c>
      <c r="F216">
        <v>15.092730522155801</v>
      </c>
      <c r="G216">
        <v>1.62200260162354</v>
      </c>
    </row>
    <row r="217" spans="1:7" x14ac:dyDescent="0.25">
      <c r="A217" t="s">
        <v>222</v>
      </c>
      <c r="B217">
        <v>703.1259765625</v>
      </c>
      <c r="C217">
        <v>134.57427630789601</v>
      </c>
      <c r="D217">
        <v>23.501781463623001</v>
      </c>
      <c r="E217">
        <v>4029.7978557646302</v>
      </c>
      <c r="F217">
        <v>14.0925855636597</v>
      </c>
      <c r="G217">
        <v>1.6676698923111</v>
      </c>
    </row>
    <row r="218" spans="1:7" x14ac:dyDescent="0.25">
      <c r="A218" t="s">
        <v>223</v>
      </c>
      <c r="B218">
        <v>706.72601318359398</v>
      </c>
      <c r="C218">
        <v>125.02477957568399</v>
      </c>
      <c r="D218">
        <v>22.865283966064499</v>
      </c>
      <c r="E218">
        <v>3920.6589572131602</v>
      </c>
      <c r="F218">
        <v>13.0925645828247</v>
      </c>
      <c r="G218">
        <v>1.74643278121948</v>
      </c>
    </row>
    <row r="219" spans="1:7" x14ac:dyDescent="0.25">
      <c r="A219" t="s">
        <v>224</v>
      </c>
      <c r="B219">
        <v>710.32598876953102</v>
      </c>
      <c r="C219">
        <v>115.475200881205</v>
      </c>
      <c r="D219">
        <v>22.047492980956999</v>
      </c>
      <c r="E219">
        <v>3780.4343737661802</v>
      </c>
      <c r="F219">
        <v>12.0925350189209</v>
      </c>
      <c r="G219">
        <v>1.82323169708252</v>
      </c>
    </row>
    <row r="220" spans="1:7" x14ac:dyDescent="0.25">
      <c r="A220" t="s">
        <v>225</v>
      </c>
      <c r="B220">
        <v>713.926025390625</v>
      </c>
      <c r="C220">
        <v>105.923154211758</v>
      </c>
      <c r="D220">
        <v>21.018533706665</v>
      </c>
      <c r="E220">
        <v>3604.0011327713701</v>
      </c>
      <c r="F220">
        <v>11.092247009277299</v>
      </c>
      <c r="G220">
        <v>1.89488506317139</v>
      </c>
    </row>
    <row r="221" spans="1:7" x14ac:dyDescent="0.25">
      <c r="A221" t="s">
        <v>226</v>
      </c>
      <c r="B221">
        <v>717.52600097656295</v>
      </c>
      <c r="C221">
        <v>96.374058183969296</v>
      </c>
      <c r="D221">
        <v>20.465471267700199</v>
      </c>
      <c r="E221">
        <v>3509.1687459498598</v>
      </c>
      <c r="F221">
        <v>10.092267990112299</v>
      </c>
      <c r="G221">
        <v>2.0278367996215798</v>
      </c>
    </row>
    <row r="222" spans="1:7" x14ac:dyDescent="0.25">
      <c r="A222" t="s">
        <v>227</v>
      </c>
      <c r="B222">
        <v>721.1259765625</v>
      </c>
      <c r="C222">
        <v>86.823286483140294</v>
      </c>
      <c r="D222">
        <v>19.262510299682599</v>
      </c>
      <c r="E222">
        <v>3302.89942212403</v>
      </c>
      <c r="F222">
        <v>9.0921134948730504</v>
      </c>
      <c r="G222">
        <v>2.1185953617095898</v>
      </c>
    </row>
    <row r="223" spans="1:7" x14ac:dyDescent="0.25">
      <c r="A223" t="s">
        <v>228</v>
      </c>
      <c r="B223">
        <v>724.72601318359398</v>
      </c>
      <c r="C223">
        <v>77.273461901855896</v>
      </c>
      <c r="D223">
        <v>18.3609809875488</v>
      </c>
      <c r="E223">
        <v>3148.31640571356</v>
      </c>
      <c r="F223">
        <v>8.0920581817627006</v>
      </c>
      <c r="G223">
        <v>2.2690124511718799</v>
      </c>
    </row>
    <row r="224" spans="1:7" x14ac:dyDescent="0.25">
      <c r="A224" t="s">
        <v>229</v>
      </c>
      <c r="B224">
        <v>728.32598876953102</v>
      </c>
      <c r="C224">
        <v>67.724452389794806</v>
      </c>
      <c r="D224">
        <v>17.4171848297119</v>
      </c>
      <c r="E224">
        <v>2986.4858370274301</v>
      </c>
      <c r="F224">
        <v>7.0920882225036603</v>
      </c>
      <c r="G224">
        <v>2.45586133003235</v>
      </c>
    </row>
    <row r="225" spans="1:7" x14ac:dyDescent="0.25">
      <c r="A225" t="s">
        <v>230</v>
      </c>
      <c r="B225">
        <v>731.926025390625</v>
      </c>
      <c r="C225">
        <v>58.174964764502199</v>
      </c>
      <c r="D225">
        <v>16.323297500610401</v>
      </c>
      <c r="E225">
        <v>2798.9193331450201</v>
      </c>
      <c r="F225">
        <v>6.0920681953430202</v>
      </c>
      <c r="G225">
        <v>2.6794345378875701</v>
      </c>
    </row>
    <row r="226" spans="1:7" x14ac:dyDescent="0.25">
      <c r="A226" t="s">
        <v>231</v>
      </c>
      <c r="B226">
        <v>735.52600097656295</v>
      </c>
      <c r="C226">
        <v>48.626979780794599</v>
      </c>
      <c r="D226">
        <v>15.1149797439575</v>
      </c>
      <c r="E226">
        <v>2591.7317252606199</v>
      </c>
      <c r="F226">
        <v>5.0922055244445801</v>
      </c>
      <c r="G226">
        <v>2.9682579040527299</v>
      </c>
    </row>
    <row r="227" spans="1:7" x14ac:dyDescent="0.25">
      <c r="A227" t="s">
        <v>232</v>
      </c>
      <c r="B227">
        <v>739.1259765625</v>
      </c>
      <c r="C227">
        <v>39.078562218448901</v>
      </c>
      <c r="D227">
        <v>13.815844535827599</v>
      </c>
      <c r="E227">
        <v>2368.9719382673502</v>
      </c>
      <c r="F227">
        <v>4.0922975540161097</v>
      </c>
      <c r="G227">
        <v>3.3760604858398402</v>
      </c>
    </row>
    <row r="228" spans="1:7" x14ac:dyDescent="0.25">
      <c r="A228" t="s">
        <v>233</v>
      </c>
      <c r="B228">
        <v>742.72601318359398</v>
      </c>
      <c r="C228">
        <v>29.528974417050598</v>
      </c>
      <c r="D228">
        <v>12.260630607605</v>
      </c>
      <c r="E228">
        <v>2102.30285301805</v>
      </c>
      <c r="F228">
        <v>3.0922670364379901</v>
      </c>
      <c r="G228">
        <v>3.96493268013</v>
      </c>
    </row>
    <row r="229" spans="1:7" x14ac:dyDescent="0.25">
      <c r="A229" t="s">
        <v>234</v>
      </c>
      <c r="B229">
        <v>746.32598876953102</v>
      </c>
      <c r="C229">
        <v>19.980231282361501</v>
      </c>
      <c r="D229">
        <v>10.587908744811999</v>
      </c>
      <c r="E229">
        <v>1815.48506952822</v>
      </c>
      <c r="F229">
        <v>2.09232497215271</v>
      </c>
      <c r="G229">
        <v>5.0603556632995597</v>
      </c>
    </row>
    <row r="230" spans="1:7" x14ac:dyDescent="0.25">
      <c r="A230" t="s">
        <v>235</v>
      </c>
      <c r="B230">
        <v>749.926025390625</v>
      </c>
      <c r="C230">
        <v>10.4313469904325</v>
      </c>
      <c r="D230">
        <v>8.2092628479003906</v>
      </c>
      <c r="E230">
        <v>1407.62387309223</v>
      </c>
      <c r="F230">
        <v>1.09236812591553</v>
      </c>
      <c r="G230">
        <v>7.5151066780090297</v>
      </c>
    </row>
    <row r="231" spans="1:7" x14ac:dyDescent="0.25">
      <c r="A231" t="s">
        <v>236</v>
      </c>
      <c r="B231">
        <v>753.52600097656295</v>
      </c>
      <c r="C231">
        <v>0.883727635281087</v>
      </c>
      <c r="D231">
        <v>3.44301438331604</v>
      </c>
      <c r="E231">
        <v>590.36596212536097</v>
      </c>
      <c r="F231">
        <v>9.2543743550777394E-2</v>
      </c>
      <c r="G231">
        <v>37.204181671142599</v>
      </c>
    </row>
  </sheetData>
  <pageMargins left="0.7" right="0.7" top="0.75" bottom="0.75" header="0.3" footer="0.3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topLeftCell="A2"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7.4029998779296902</v>
      </c>
      <c r="C2">
        <v>8.8566850463978</v>
      </c>
      <c r="D2">
        <v>2633.76538085938</v>
      </c>
      <c r="E2">
        <v>46814.173460006699</v>
      </c>
      <c r="F2">
        <v>0.92746990919113204</v>
      </c>
      <c r="G2">
        <v>2839.7314453125</v>
      </c>
    </row>
    <row r="3" spans="1:7" x14ac:dyDescent="0.25">
      <c r="A3" t="s">
        <v>8</v>
      </c>
      <c r="B3">
        <v>11.0030002593994</v>
      </c>
      <c r="C3">
        <v>18.395295026488899</v>
      </c>
      <c r="D3">
        <v>1693.02429199219</v>
      </c>
      <c r="E3">
        <v>30092.859640717499</v>
      </c>
      <c r="F3">
        <v>1.9263508319854701</v>
      </c>
      <c r="G3">
        <v>878.87640380859398</v>
      </c>
    </row>
    <row r="4" spans="1:7" x14ac:dyDescent="0.25">
      <c r="A4" t="s">
        <v>9</v>
      </c>
      <c r="B4">
        <v>14.602999687194799</v>
      </c>
      <c r="C4">
        <v>27.9745372318955</v>
      </c>
      <c r="D4">
        <v>1227.8583984375</v>
      </c>
      <c r="E4">
        <v>21824.7137963772</v>
      </c>
      <c r="F4">
        <v>2.9294867515564</v>
      </c>
      <c r="G4">
        <v>419.13772583007801</v>
      </c>
    </row>
    <row r="5" spans="1:7" x14ac:dyDescent="0.25">
      <c r="A5" t="s">
        <v>10</v>
      </c>
      <c r="B5">
        <v>18.202999114990199</v>
      </c>
      <c r="C5">
        <v>37.485762138281203</v>
      </c>
      <c r="D5">
        <v>1027.61877441406</v>
      </c>
      <c r="E5">
        <v>18265.530467033401</v>
      </c>
      <c r="F5">
        <v>3.9254999160766602</v>
      </c>
      <c r="G5">
        <v>261.78036499023398</v>
      </c>
    </row>
    <row r="6" spans="1:7" x14ac:dyDescent="0.25">
      <c r="A6" t="s">
        <v>11</v>
      </c>
      <c r="B6">
        <v>21.80299949646</v>
      </c>
      <c r="C6">
        <v>47.050836254924299</v>
      </c>
      <c r="D6">
        <v>973.681640625</v>
      </c>
      <c r="E6">
        <v>17306.819558143601</v>
      </c>
      <c r="F6">
        <v>4.9271521568298304</v>
      </c>
      <c r="G6">
        <v>197.61549377441401</v>
      </c>
    </row>
    <row r="7" spans="1:7" x14ac:dyDescent="0.25">
      <c r="A7" t="s">
        <v>12</v>
      </c>
      <c r="B7">
        <v>25.402999877929702</v>
      </c>
      <c r="C7">
        <v>56.610127478194698</v>
      </c>
      <c r="D7">
        <v>940.70538330078102</v>
      </c>
      <c r="E7">
        <v>16720.678657293302</v>
      </c>
      <c r="F7">
        <v>5.9281988143920898</v>
      </c>
      <c r="G7">
        <v>158.68316650390599</v>
      </c>
    </row>
    <row r="8" spans="1:7" x14ac:dyDescent="0.25">
      <c r="A8" t="s">
        <v>13</v>
      </c>
      <c r="B8">
        <v>29.0030002593994</v>
      </c>
      <c r="C8">
        <v>66.139962372938399</v>
      </c>
      <c r="D8">
        <v>940.24914550781295</v>
      </c>
      <c r="E8">
        <v>16712.568700313601</v>
      </c>
      <c r="F8">
        <v>6.9261608123779297</v>
      </c>
      <c r="G8">
        <v>135.75329589843801</v>
      </c>
    </row>
    <row r="9" spans="1:7" x14ac:dyDescent="0.25">
      <c r="A9" t="s">
        <v>14</v>
      </c>
      <c r="B9">
        <v>32.603000640869098</v>
      </c>
      <c r="C9">
        <v>75.676258626497898</v>
      </c>
      <c r="D9">
        <v>817.96661376953102</v>
      </c>
      <c r="E9">
        <v>14539.0443503857</v>
      </c>
      <c r="F9">
        <v>7.9247994422912598</v>
      </c>
      <c r="G9">
        <v>103.216064453125</v>
      </c>
    </row>
    <row r="10" spans="1:7" x14ac:dyDescent="0.25">
      <c r="A10" t="s">
        <v>15</v>
      </c>
      <c r="B10">
        <v>36.213001251220703</v>
      </c>
      <c r="C10">
        <v>85.267178178404194</v>
      </c>
      <c r="D10">
        <v>654.68084716796898</v>
      </c>
      <c r="E10">
        <v>11636.701412499</v>
      </c>
      <c r="F10">
        <v>8.9291582107543892</v>
      </c>
      <c r="G10">
        <v>73.319435119628906</v>
      </c>
    </row>
    <row r="11" spans="1:7" x14ac:dyDescent="0.25">
      <c r="A11" t="s">
        <v>16</v>
      </c>
      <c r="B11">
        <v>39.803001403808601</v>
      </c>
      <c r="C11">
        <v>94.795501324644206</v>
      </c>
      <c r="D11">
        <v>439.97540283203102</v>
      </c>
      <c r="E11">
        <v>7820.39482146502</v>
      </c>
      <c r="F11">
        <v>9.9269618988037092</v>
      </c>
      <c r="G11">
        <v>44.321254730224602</v>
      </c>
    </row>
    <row r="12" spans="1:7" x14ac:dyDescent="0.25">
      <c r="A12" t="s">
        <v>17</v>
      </c>
      <c r="B12">
        <v>43.402999877929702</v>
      </c>
      <c r="C12">
        <v>104.350289176619</v>
      </c>
      <c r="D12">
        <v>329.78924560546898</v>
      </c>
      <c r="E12">
        <v>5861.87792941928</v>
      </c>
      <c r="F12">
        <v>10.9275369644165</v>
      </c>
      <c r="G12">
        <v>30.179651260376001</v>
      </c>
    </row>
    <row r="13" spans="1:7" x14ac:dyDescent="0.25">
      <c r="A13" t="s">
        <v>18</v>
      </c>
      <c r="B13">
        <v>47.002998352050803</v>
      </c>
      <c r="C13">
        <v>113.883502738199</v>
      </c>
      <c r="D13">
        <v>275.94610595703102</v>
      </c>
      <c r="E13">
        <v>4904.8364162445096</v>
      </c>
      <c r="F13">
        <v>11.9258527755737</v>
      </c>
      <c r="G13">
        <v>23.1384792327881</v>
      </c>
    </row>
    <row r="14" spans="1:7" x14ac:dyDescent="0.25">
      <c r="A14" t="s">
        <v>19</v>
      </c>
      <c r="B14">
        <v>50.603000640869098</v>
      </c>
      <c r="C14">
        <v>123.423364350429</v>
      </c>
      <c r="D14">
        <v>300.29086303710898</v>
      </c>
      <c r="E14">
        <v>5337.5554271042301</v>
      </c>
      <c r="F14">
        <v>12.9248647689819</v>
      </c>
      <c r="G14">
        <v>23.233579635620099</v>
      </c>
    </row>
    <row r="15" spans="1:7" x14ac:dyDescent="0.25">
      <c r="A15" t="s">
        <v>20</v>
      </c>
      <c r="B15">
        <v>54.202999114990199</v>
      </c>
      <c r="C15">
        <v>132.99439894535899</v>
      </c>
      <c r="D15">
        <v>281.79690551757801</v>
      </c>
      <c r="E15">
        <v>5008.8320858776597</v>
      </c>
      <c r="F15">
        <v>13.927141189575201</v>
      </c>
      <c r="G15">
        <v>20.233650207519499</v>
      </c>
    </row>
    <row r="16" spans="1:7" x14ac:dyDescent="0.25">
      <c r="A16" t="s">
        <v>21</v>
      </c>
      <c r="B16">
        <v>57.803001403808601</v>
      </c>
      <c r="C16">
        <v>142.53995238177501</v>
      </c>
      <c r="D16">
        <v>261.57360839843801</v>
      </c>
      <c r="E16">
        <v>4649.3709087371799</v>
      </c>
      <c r="F16">
        <v>14.9267492294312</v>
      </c>
      <c r="G16">
        <v>17.5238151550293</v>
      </c>
    </row>
    <row r="17" spans="1:7" x14ac:dyDescent="0.25">
      <c r="A17" t="s">
        <v>22</v>
      </c>
      <c r="B17">
        <v>61.411998748779297</v>
      </c>
      <c r="C17">
        <v>152.116214348038</v>
      </c>
      <c r="D17">
        <v>234.98208618164099</v>
      </c>
      <c r="E17">
        <v>4176.7167858779403</v>
      </c>
      <c r="F17">
        <v>15.929573059081999</v>
      </c>
      <c r="G17">
        <v>14.751311302185099</v>
      </c>
    </row>
    <row r="18" spans="1:7" x14ac:dyDescent="0.25">
      <c r="A18" t="s">
        <v>23</v>
      </c>
      <c r="B18">
        <v>65.012001037597699</v>
      </c>
      <c r="C18">
        <v>161.663051859989</v>
      </c>
      <c r="D18">
        <v>215.54087829589801</v>
      </c>
      <c r="E18">
        <v>3831.1567623168198</v>
      </c>
      <c r="F18">
        <v>16.929315567016602</v>
      </c>
      <c r="G18">
        <v>12.7318124771118</v>
      </c>
    </row>
    <row r="19" spans="1:7" x14ac:dyDescent="0.25">
      <c r="A19" t="s">
        <v>24</v>
      </c>
      <c r="B19">
        <v>68.611999511718807</v>
      </c>
      <c r="C19">
        <v>171.20111030231701</v>
      </c>
      <c r="D19">
        <v>212.05113220214801</v>
      </c>
      <c r="E19">
        <v>3769.1278848797101</v>
      </c>
      <c r="F19">
        <v>17.928138732910199</v>
      </c>
      <c r="G19">
        <v>11.827838897705099</v>
      </c>
    </row>
    <row r="20" spans="1:7" x14ac:dyDescent="0.25">
      <c r="A20" t="s">
        <v>25</v>
      </c>
      <c r="B20">
        <v>72.211997985839801</v>
      </c>
      <c r="C20">
        <v>180.75929503496499</v>
      </c>
      <c r="D20">
        <v>219.69422912597699</v>
      </c>
      <c r="E20">
        <v>3904.98107299209</v>
      </c>
      <c r="F20">
        <v>18.929069519043001</v>
      </c>
      <c r="G20">
        <v>11.6061820983887</v>
      </c>
    </row>
    <row r="21" spans="1:7" x14ac:dyDescent="0.25">
      <c r="A21" t="s">
        <v>26</v>
      </c>
      <c r="B21">
        <v>75.811996459960895</v>
      </c>
      <c r="C21">
        <v>190.30646039599</v>
      </c>
      <c r="D21">
        <v>195.58985900878901</v>
      </c>
      <c r="E21">
        <v>3476.5349701046898</v>
      </c>
      <c r="F21">
        <v>19.928846359252901</v>
      </c>
      <c r="G21">
        <v>9.8144092559814506</v>
      </c>
    </row>
    <row r="22" spans="1:7" x14ac:dyDescent="0.25">
      <c r="A22" t="s">
        <v>27</v>
      </c>
      <c r="B22">
        <v>79.412002563476605</v>
      </c>
      <c r="C22">
        <v>199.85094832291799</v>
      </c>
      <c r="D22">
        <v>181.75172424316401</v>
      </c>
      <c r="E22">
        <v>3230.5673230439402</v>
      </c>
      <c r="F22">
        <v>20.928342819213899</v>
      </c>
      <c r="G22">
        <v>8.6844778060913104</v>
      </c>
    </row>
    <row r="23" spans="1:7" x14ac:dyDescent="0.25">
      <c r="A23" t="s">
        <v>28</v>
      </c>
      <c r="B23">
        <v>83.012001037597699</v>
      </c>
      <c r="C23">
        <v>209.396838715325</v>
      </c>
      <c r="D23">
        <v>187.55522155761699</v>
      </c>
      <c r="E23">
        <v>3333.7224740534998</v>
      </c>
      <c r="F23">
        <v>21.927986145019499</v>
      </c>
      <c r="G23">
        <v>8.5532350540161097</v>
      </c>
    </row>
    <row r="24" spans="1:7" x14ac:dyDescent="0.25">
      <c r="A24" t="s">
        <v>29</v>
      </c>
      <c r="B24">
        <v>86.611999511718807</v>
      </c>
      <c r="C24">
        <v>218.94606223997599</v>
      </c>
      <c r="D24">
        <v>176.63552856445301</v>
      </c>
      <c r="E24">
        <v>3139.62902873755</v>
      </c>
      <c r="F24">
        <v>22.927978515625</v>
      </c>
      <c r="G24">
        <v>7.7039294242858896</v>
      </c>
    </row>
    <row r="25" spans="1:7" x14ac:dyDescent="0.25">
      <c r="A25" t="s">
        <v>30</v>
      </c>
      <c r="B25">
        <v>90.211997985839801</v>
      </c>
      <c r="C25">
        <v>228.49430221740701</v>
      </c>
      <c r="D25">
        <v>157.24450683593801</v>
      </c>
      <c r="E25">
        <v>2794.9609793722602</v>
      </c>
      <c r="F25">
        <v>23.9278678894043</v>
      </c>
      <c r="G25">
        <v>6.5716052055358896</v>
      </c>
    </row>
    <row r="26" spans="1:7" x14ac:dyDescent="0.25">
      <c r="A26" t="s">
        <v>31</v>
      </c>
      <c r="B26">
        <v>93.811996459960895</v>
      </c>
      <c r="C26">
        <v>238.03899049654601</v>
      </c>
      <c r="D26">
        <v>144.605392456055</v>
      </c>
      <c r="E26">
        <v>2570.3057181090098</v>
      </c>
      <c r="F26">
        <v>24.927385330200199</v>
      </c>
      <c r="G26">
        <v>5.80106544494629</v>
      </c>
    </row>
    <row r="27" spans="1:7" x14ac:dyDescent="0.25">
      <c r="A27" t="s">
        <v>32</v>
      </c>
      <c r="B27">
        <v>97.412002563476605</v>
      </c>
      <c r="C27">
        <v>247.58624692675801</v>
      </c>
      <c r="D27">
        <v>133.92639160156301</v>
      </c>
      <c r="E27">
        <v>2380.4905358701899</v>
      </c>
      <c r="F27">
        <v>25.927171707153299</v>
      </c>
      <c r="G27">
        <v>5.1654839515686</v>
      </c>
    </row>
    <row r="28" spans="1:7" x14ac:dyDescent="0.25">
      <c r="A28" t="s">
        <v>33</v>
      </c>
      <c r="B28">
        <v>101.012001037598</v>
      </c>
      <c r="C28">
        <v>257.13233767137598</v>
      </c>
      <c r="D28">
        <v>139.08030700683599</v>
      </c>
      <c r="E28">
        <v>2472.09938243032</v>
      </c>
      <c r="F28">
        <v>26.926836013793899</v>
      </c>
      <c r="G28">
        <v>5.1651186943054199</v>
      </c>
    </row>
    <row r="29" spans="1:7" x14ac:dyDescent="0.25">
      <c r="A29" t="s">
        <v>34</v>
      </c>
      <c r="B29">
        <v>104.61199951171901</v>
      </c>
      <c r="C29">
        <v>266.68039551043302</v>
      </c>
      <c r="D29">
        <v>115.30754852294901</v>
      </c>
      <c r="E29">
        <v>2049.5476201176598</v>
      </c>
      <c r="F29">
        <v>27.9267063140869</v>
      </c>
      <c r="G29">
        <v>4.1289348602294904</v>
      </c>
    </row>
    <row r="30" spans="1:7" x14ac:dyDescent="0.25">
      <c r="A30" t="s">
        <v>35</v>
      </c>
      <c r="B30">
        <v>108.21199798584</v>
      </c>
      <c r="C30">
        <v>276.22721480854801</v>
      </c>
      <c r="D30">
        <v>107.001106262207</v>
      </c>
      <c r="E30">
        <v>1901.9037717953299</v>
      </c>
      <c r="F30">
        <v>28.926446914672901</v>
      </c>
      <c r="G30">
        <v>3.69907522201538</v>
      </c>
    </row>
    <row r="31" spans="1:7" x14ac:dyDescent="0.25">
      <c r="A31" t="s">
        <v>36</v>
      </c>
      <c r="B31">
        <v>111.81199645996099</v>
      </c>
      <c r="C31">
        <v>285.77326912549103</v>
      </c>
      <c r="D31">
        <v>103.454582214355</v>
      </c>
      <c r="E31">
        <v>1838.8656899333</v>
      </c>
      <c r="F31">
        <v>29.9261074066162</v>
      </c>
      <c r="G31">
        <v>3.4570009708404501</v>
      </c>
    </row>
    <row r="32" spans="1:7" x14ac:dyDescent="0.25">
      <c r="A32" t="s">
        <v>37</v>
      </c>
      <c r="B32">
        <v>115.412002563477</v>
      </c>
      <c r="C32">
        <v>295.31950558080899</v>
      </c>
      <c r="D32">
        <v>106.960655212402</v>
      </c>
      <c r="E32">
        <v>1901.18479076773</v>
      </c>
      <c r="F32">
        <v>30.925786972045898</v>
      </c>
      <c r="G32">
        <v>3.4586236476898198</v>
      </c>
    </row>
    <row r="33" spans="1:7" x14ac:dyDescent="0.25">
      <c r="A33" t="s">
        <v>38</v>
      </c>
      <c r="B33">
        <v>119.012001037598</v>
      </c>
      <c r="C33">
        <v>304.867873055102</v>
      </c>
      <c r="D33">
        <v>86.0830078125</v>
      </c>
      <c r="E33">
        <v>1530.09255882353</v>
      </c>
      <c r="F33">
        <v>31.9256896972656</v>
      </c>
      <c r="G33">
        <v>2.6963555812835698</v>
      </c>
    </row>
    <row r="34" spans="1:7" x14ac:dyDescent="0.25">
      <c r="A34" t="s">
        <v>39</v>
      </c>
      <c r="B34">
        <v>122.61199951171901</v>
      </c>
      <c r="C34">
        <v>314.41582161113502</v>
      </c>
      <c r="D34">
        <v>81.150970458984403</v>
      </c>
      <c r="E34">
        <v>1442.42751412094</v>
      </c>
      <c r="F34">
        <v>32.925548553466797</v>
      </c>
      <c r="G34">
        <v>2.4646809101104701</v>
      </c>
    </row>
    <row r="35" spans="1:7" x14ac:dyDescent="0.25">
      <c r="A35" t="s">
        <v>40</v>
      </c>
      <c r="B35">
        <v>126.21199798584</v>
      </c>
      <c r="C35">
        <v>323.96202163877803</v>
      </c>
      <c r="D35">
        <v>86.501190185546903</v>
      </c>
      <c r="E35">
        <v>1537.52556070685</v>
      </c>
      <c r="F35">
        <v>33.925224304199197</v>
      </c>
      <c r="G35">
        <v>2.5497603416442902</v>
      </c>
    </row>
    <row r="36" spans="1:7" x14ac:dyDescent="0.25">
      <c r="A36" t="s">
        <v>41</v>
      </c>
      <c r="B36">
        <v>129.81199645996099</v>
      </c>
      <c r="C36">
        <v>333.50844023246901</v>
      </c>
      <c r="D36">
        <v>87.951644897460895</v>
      </c>
      <c r="E36">
        <v>1563.30689787865</v>
      </c>
      <c r="F36">
        <v>34.924922943115199</v>
      </c>
      <c r="G36">
        <v>2.5183060169220002</v>
      </c>
    </row>
    <row r="37" spans="1:7" x14ac:dyDescent="0.25">
      <c r="A37" t="s">
        <v>42</v>
      </c>
      <c r="B37">
        <v>133.41200256347699</v>
      </c>
      <c r="C37">
        <v>343.05617022245298</v>
      </c>
      <c r="D37">
        <v>80.940124511718807</v>
      </c>
      <c r="E37">
        <v>1438.6797556653601</v>
      </c>
      <c r="F37">
        <v>35.924758911132798</v>
      </c>
      <c r="G37">
        <v>2.2530457973480198</v>
      </c>
    </row>
    <row r="38" spans="1:7" x14ac:dyDescent="0.25">
      <c r="A38" t="s">
        <v>43</v>
      </c>
      <c r="B38">
        <v>137.01199340820301</v>
      </c>
      <c r="C38">
        <v>352.603135231267</v>
      </c>
      <c r="D38">
        <v>79.12890625</v>
      </c>
      <c r="E38">
        <v>1406.4860297366999</v>
      </c>
      <c r="F38">
        <v>36.924514770507798</v>
      </c>
      <c r="G38">
        <v>2.1429910659789999</v>
      </c>
    </row>
    <row r="39" spans="1:7" x14ac:dyDescent="0.25">
      <c r="A39" t="s">
        <v>44</v>
      </c>
      <c r="B39">
        <v>140.61199951171901</v>
      </c>
      <c r="C39">
        <v>362.14572891910598</v>
      </c>
      <c r="D39">
        <v>136.00112915039099</v>
      </c>
      <c r="E39">
        <v>2417.3681158572399</v>
      </c>
      <c r="F39">
        <v>37.923812866210902</v>
      </c>
      <c r="G39">
        <v>3.5861670970916699</v>
      </c>
    </row>
    <row r="40" spans="1:7" x14ac:dyDescent="0.25">
      <c r="A40" t="s">
        <v>45</v>
      </c>
      <c r="B40">
        <v>144.21200561523401</v>
      </c>
      <c r="C40">
        <v>371.69753880866602</v>
      </c>
      <c r="D40">
        <v>123.28997039794901</v>
      </c>
      <c r="E40">
        <v>2191.43205322325</v>
      </c>
      <c r="F40">
        <v>38.924076080322301</v>
      </c>
      <c r="G40">
        <v>3.16744756698608</v>
      </c>
    </row>
    <row r="41" spans="1:7" x14ac:dyDescent="0.25">
      <c r="A41" t="s">
        <v>46</v>
      </c>
      <c r="B41">
        <v>147.81199645996099</v>
      </c>
      <c r="C41">
        <v>381.24246386769101</v>
      </c>
      <c r="D41">
        <v>113.632781982422</v>
      </c>
      <c r="E41">
        <v>2019.77929100394</v>
      </c>
      <c r="F41">
        <v>39.923618316650398</v>
      </c>
      <c r="G41">
        <v>2.8462545871734601</v>
      </c>
    </row>
    <row r="42" spans="1:7" x14ac:dyDescent="0.25">
      <c r="A42" t="s">
        <v>47</v>
      </c>
      <c r="B42">
        <v>151.41200256347699</v>
      </c>
      <c r="C42">
        <v>390.78884603370801</v>
      </c>
      <c r="D42">
        <v>104.114608764648</v>
      </c>
      <c r="E42">
        <v>1850.5974439904101</v>
      </c>
      <c r="F42">
        <v>40.923313140869098</v>
      </c>
      <c r="G42">
        <v>2.54413938522339</v>
      </c>
    </row>
    <row r="43" spans="1:7" x14ac:dyDescent="0.25">
      <c r="A43" t="s">
        <v>48</v>
      </c>
      <c r="B43">
        <v>155.01199340820301</v>
      </c>
      <c r="C43">
        <v>400.33759599858598</v>
      </c>
      <c r="D43">
        <v>88.328811645507798</v>
      </c>
      <c r="E43">
        <v>1570.01090701669</v>
      </c>
      <c r="F43">
        <v>41.923255920410199</v>
      </c>
      <c r="G43">
        <v>2.1069169044494598</v>
      </c>
    </row>
    <row r="44" spans="1:7" x14ac:dyDescent="0.25">
      <c r="A44" t="s">
        <v>49</v>
      </c>
      <c r="B44">
        <v>158.61199951171901</v>
      </c>
      <c r="C44">
        <v>409.884306013676</v>
      </c>
      <c r="D44">
        <v>84.748558044433594</v>
      </c>
      <c r="E44">
        <v>1506.37316983193</v>
      </c>
      <c r="F44">
        <v>42.922985076904297</v>
      </c>
      <c r="G44">
        <v>1.97443294525146</v>
      </c>
    </row>
    <row r="45" spans="1:7" x14ac:dyDescent="0.25">
      <c r="A45" t="s">
        <v>50</v>
      </c>
      <c r="B45">
        <v>162.21200561523401</v>
      </c>
      <c r="C45">
        <v>419.43068817969299</v>
      </c>
      <c r="D45">
        <v>83.050773620605497</v>
      </c>
      <c r="E45">
        <v>1476.1957572773099</v>
      </c>
      <c r="F45">
        <v>43.922679901122997</v>
      </c>
      <c r="G45">
        <v>1.89084029197693</v>
      </c>
    </row>
    <row r="46" spans="1:7" x14ac:dyDescent="0.25">
      <c r="A46" t="s">
        <v>51</v>
      </c>
      <c r="B46">
        <v>165.81199645996099</v>
      </c>
      <c r="C46">
        <v>428.97845459735203</v>
      </c>
      <c r="D46">
        <v>84.454627990722699</v>
      </c>
      <c r="E46">
        <v>1501.1487994342999</v>
      </c>
      <c r="F46">
        <v>44.922519683837898</v>
      </c>
      <c r="G46">
        <v>1.8800064325332599</v>
      </c>
    </row>
    <row r="47" spans="1:7" x14ac:dyDescent="0.25">
      <c r="A47" t="s">
        <v>52</v>
      </c>
      <c r="B47">
        <v>169.41200256347699</v>
      </c>
      <c r="C47">
        <v>438.52243253683298</v>
      </c>
      <c r="D47">
        <v>94.726524353027301</v>
      </c>
      <c r="E47">
        <v>1683.7277216836801</v>
      </c>
      <c r="F47">
        <v>45.921962738037102</v>
      </c>
      <c r="G47">
        <v>2.0627717971801798</v>
      </c>
    </row>
    <row r="48" spans="1:7" x14ac:dyDescent="0.25">
      <c r="A48" t="s">
        <v>53</v>
      </c>
      <c r="B48">
        <v>173.01199340820301</v>
      </c>
      <c r="C48">
        <v>448.07183819985698</v>
      </c>
      <c r="D48">
        <v>80.462585449218807</v>
      </c>
      <c r="E48">
        <v>1430.19168172032</v>
      </c>
      <c r="F48">
        <v>46.921974182128899</v>
      </c>
      <c r="G48">
        <v>1.71481668949127</v>
      </c>
    </row>
    <row r="49" spans="1:7" x14ac:dyDescent="0.25">
      <c r="A49" t="s">
        <v>54</v>
      </c>
      <c r="B49">
        <v>176.61199951171901</v>
      </c>
      <c r="C49">
        <v>457.61993246658898</v>
      </c>
      <c r="D49">
        <v>90.035591125488295</v>
      </c>
      <c r="E49">
        <v>1600.3482742235101</v>
      </c>
      <c r="F49">
        <v>47.921848297119098</v>
      </c>
      <c r="G49">
        <v>1.87880051136017</v>
      </c>
    </row>
    <row r="50" spans="1:7" x14ac:dyDescent="0.25">
      <c r="A50" t="s">
        <v>55</v>
      </c>
      <c r="B50">
        <v>180.21200561523401</v>
      </c>
      <c r="C50">
        <v>467.166678909354</v>
      </c>
      <c r="D50">
        <v>84.4200439453125</v>
      </c>
      <c r="E50">
        <v>1500.5340101197401</v>
      </c>
      <c r="F50">
        <v>48.921581268310497</v>
      </c>
      <c r="G50">
        <v>1.72561967372894</v>
      </c>
    </row>
    <row r="51" spans="1:7" x14ac:dyDescent="0.25">
      <c r="A51" t="s">
        <v>56</v>
      </c>
      <c r="B51">
        <v>183.81199645996099</v>
      </c>
      <c r="C51">
        <v>476.71408105026501</v>
      </c>
      <c r="D51">
        <v>65.071678161621094</v>
      </c>
      <c r="E51">
        <v>1156.62417374551</v>
      </c>
      <c r="F51">
        <v>49.921382904052699</v>
      </c>
      <c r="G51">
        <v>1.30348312854767</v>
      </c>
    </row>
    <row r="52" spans="1:7" x14ac:dyDescent="0.25">
      <c r="A52" t="s">
        <v>57</v>
      </c>
      <c r="B52">
        <v>187.41200256347699</v>
      </c>
      <c r="C52">
        <v>486.25991680115999</v>
      </c>
      <c r="D52">
        <v>59.708709716796903</v>
      </c>
      <c r="E52">
        <v>1061.299466528</v>
      </c>
      <c r="F52">
        <v>50.9210205078125</v>
      </c>
      <c r="G52">
        <v>1.17257487773895</v>
      </c>
    </row>
    <row r="53" spans="1:7" x14ac:dyDescent="0.25">
      <c r="A53" t="s">
        <v>58</v>
      </c>
      <c r="B53">
        <v>191.01199340820301</v>
      </c>
      <c r="C53">
        <v>495.80633539485098</v>
      </c>
      <c r="D53">
        <v>68.352394104003906</v>
      </c>
      <c r="E53">
        <v>1214.9376561865199</v>
      </c>
      <c r="F53">
        <v>51.920719146728501</v>
      </c>
      <c r="G53">
        <v>1.3164762258529701</v>
      </c>
    </row>
    <row r="54" spans="1:7" x14ac:dyDescent="0.25">
      <c r="A54" t="s">
        <v>59</v>
      </c>
      <c r="B54">
        <v>194.61199951171901</v>
      </c>
      <c r="C54">
        <v>505.354575372282</v>
      </c>
      <c r="D54">
        <v>65.027877807617202</v>
      </c>
      <c r="E54">
        <v>1155.8457044884599</v>
      </c>
      <c r="F54">
        <v>52.920608520507798</v>
      </c>
      <c r="G54">
        <v>1.22878170013428</v>
      </c>
    </row>
    <row r="55" spans="1:7" x14ac:dyDescent="0.25">
      <c r="A55" t="s">
        <v>60</v>
      </c>
      <c r="B55">
        <v>198.21200561523401</v>
      </c>
      <c r="C55">
        <v>514.90237821761605</v>
      </c>
      <c r="D55">
        <v>66.237838745117202</v>
      </c>
      <c r="E55">
        <v>1177.3522710427601</v>
      </c>
      <c r="F55">
        <v>53.920452117919901</v>
      </c>
      <c r="G55">
        <v>1.2284362316131601</v>
      </c>
    </row>
    <row r="56" spans="1:7" x14ac:dyDescent="0.25">
      <c r="A56" t="s">
        <v>61</v>
      </c>
      <c r="B56">
        <v>201.81199645996099</v>
      </c>
      <c r="C56">
        <v>524.44850538990897</v>
      </c>
      <c r="D56">
        <v>65.187782287597699</v>
      </c>
      <c r="E56">
        <v>1158.68798457086</v>
      </c>
      <c r="F56">
        <v>54.920120239257798</v>
      </c>
      <c r="G56">
        <v>1.18695628643036</v>
      </c>
    </row>
    <row r="57" spans="1:7" x14ac:dyDescent="0.25">
      <c r="A57" t="s">
        <v>62</v>
      </c>
      <c r="B57">
        <v>205.41200256347699</v>
      </c>
      <c r="C57">
        <v>533.99780176990896</v>
      </c>
      <c r="D57">
        <v>63.916469573974602</v>
      </c>
      <c r="E57">
        <v>1136.09083928168</v>
      </c>
      <c r="F57">
        <v>55.920120239257798</v>
      </c>
      <c r="G57">
        <v>1.1429959535598799</v>
      </c>
    </row>
    <row r="58" spans="1:7" x14ac:dyDescent="0.25">
      <c r="A58" t="s">
        <v>63</v>
      </c>
      <c r="B58">
        <v>209.01199340820301</v>
      </c>
      <c r="C58">
        <v>543.54232612451199</v>
      </c>
      <c r="D58">
        <v>67.281410217285199</v>
      </c>
      <c r="E58">
        <v>1195.90130634606</v>
      </c>
      <c r="F58">
        <v>56.919620513916001</v>
      </c>
      <c r="G58">
        <v>1.1820424795150799</v>
      </c>
    </row>
    <row r="59" spans="1:7" x14ac:dyDescent="0.25">
      <c r="A59" t="s">
        <v>64</v>
      </c>
      <c r="B59">
        <v>212.61199951171901</v>
      </c>
      <c r="C59">
        <v>553.08852615215505</v>
      </c>
      <c r="D59">
        <v>87.677619934082003</v>
      </c>
      <c r="E59">
        <v>1558.43619722873</v>
      </c>
      <c r="F59">
        <v>57.919296264648402</v>
      </c>
      <c r="G59">
        <v>1.5137894153595</v>
      </c>
    </row>
    <row r="60" spans="1:7" x14ac:dyDescent="0.25">
      <c r="A60" t="s">
        <v>65</v>
      </c>
      <c r="B60">
        <v>216.21200561523401</v>
      </c>
      <c r="C60">
        <v>562.63662041888699</v>
      </c>
      <c r="D60">
        <v>102.65972900390599</v>
      </c>
      <c r="E60">
        <v>1824.73741006106</v>
      </c>
      <c r="F60">
        <v>58.9191703796387</v>
      </c>
      <c r="G60">
        <v>1.74238240718842</v>
      </c>
    </row>
    <row r="61" spans="1:7" x14ac:dyDescent="0.25">
      <c r="A61" t="s">
        <v>66</v>
      </c>
      <c r="B61">
        <v>219.81199645996099</v>
      </c>
      <c r="C61">
        <v>572.18307544025299</v>
      </c>
      <c r="D61">
        <v>90.531082153320298</v>
      </c>
      <c r="E61">
        <v>1609.15544256568</v>
      </c>
      <c r="F61">
        <v>59.918872833252003</v>
      </c>
      <c r="G61">
        <v>1.5108942985534699</v>
      </c>
    </row>
    <row r="62" spans="1:7" x14ac:dyDescent="0.25">
      <c r="A62" t="s">
        <v>67</v>
      </c>
      <c r="B62">
        <v>223.41200256347699</v>
      </c>
      <c r="C62">
        <v>581.72945760626999</v>
      </c>
      <c r="D62">
        <v>102.85500335693401</v>
      </c>
      <c r="E62">
        <v>1828.2083328813301</v>
      </c>
      <c r="F62">
        <v>60.918567657470703</v>
      </c>
      <c r="G62">
        <v>1.6884015798568699</v>
      </c>
    </row>
    <row r="63" spans="1:7" x14ac:dyDescent="0.25">
      <c r="A63" t="s">
        <v>68</v>
      </c>
      <c r="B63">
        <v>227.01199340820301</v>
      </c>
      <c r="C63">
        <v>591.27700545788002</v>
      </c>
      <c r="D63">
        <v>106.778114318848</v>
      </c>
      <c r="E63">
        <v>1897.9401793330901</v>
      </c>
      <c r="F63">
        <v>61.918384552002003</v>
      </c>
      <c r="G63">
        <v>1.72449779510498</v>
      </c>
    </row>
    <row r="64" spans="1:7" x14ac:dyDescent="0.25">
      <c r="A64" t="s">
        <v>69</v>
      </c>
      <c r="B64">
        <v>230.61199951171901</v>
      </c>
      <c r="C64">
        <v>600.82422546041698</v>
      </c>
      <c r="D64">
        <v>102.983016967773</v>
      </c>
      <c r="E64">
        <v>1830.48378676176</v>
      </c>
      <c r="F64">
        <v>62.918167114257798</v>
      </c>
      <c r="G64">
        <v>1.6367771625518801</v>
      </c>
    </row>
    <row r="65" spans="1:7" x14ac:dyDescent="0.25">
      <c r="A65" t="s">
        <v>70</v>
      </c>
      <c r="B65">
        <v>234.21200561523401</v>
      </c>
      <c r="C65">
        <v>610.37075333713301</v>
      </c>
      <c r="D65">
        <v>106.05816650390599</v>
      </c>
      <c r="E65">
        <v>1885.14334149659</v>
      </c>
      <c r="F65">
        <v>63.917877197265597</v>
      </c>
      <c r="G65">
        <v>1.6592880487442001</v>
      </c>
    </row>
    <row r="66" spans="1:7" x14ac:dyDescent="0.25">
      <c r="A66" t="s">
        <v>71</v>
      </c>
      <c r="B66">
        <v>237.81199645996099</v>
      </c>
      <c r="C66">
        <v>619.91888403153996</v>
      </c>
      <c r="D66">
        <v>86.224258422851605</v>
      </c>
      <c r="E66">
        <v>1532.6032880693699</v>
      </c>
      <c r="F66">
        <v>64.917755126953097</v>
      </c>
      <c r="G66">
        <v>1.32820761203766</v>
      </c>
    </row>
    <row r="67" spans="1:7" x14ac:dyDescent="0.25">
      <c r="A67" t="s">
        <v>72</v>
      </c>
      <c r="B67">
        <v>241.41200256347699</v>
      </c>
      <c r="C67">
        <v>629.46497477615799</v>
      </c>
      <c r="D67">
        <v>73.383590698242202</v>
      </c>
      <c r="E67">
        <v>1304.3652288615699</v>
      </c>
      <c r="F67">
        <v>65.917419433593807</v>
      </c>
      <c r="G67">
        <v>1.11326551437378</v>
      </c>
    </row>
    <row r="68" spans="1:7" x14ac:dyDescent="0.25">
      <c r="A68" t="s">
        <v>73</v>
      </c>
      <c r="B68">
        <v>245.01199340820301</v>
      </c>
      <c r="C68">
        <v>639.01142979752501</v>
      </c>
      <c r="D68">
        <v>66.853874206542997</v>
      </c>
      <c r="E68">
        <v>1188.30206338316</v>
      </c>
      <c r="F68">
        <v>66.917121887207003</v>
      </c>
      <c r="G68">
        <v>0.99905484914779696</v>
      </c>
    </row>
    <row r="69" spans="1:7" x14ac:dyDescent="0.25">
      <c r="A69" t="s">
        <v>74</v>
      </c>
      <c r="B69">
        <v>248.61199951171901</v>
      </c>
      <c r="C69">
        <v>648.55934192588302</v>
      </c>
      <c r="D69">
        <v>64.761604309082003</v>
      </c>
      <c r="E69">
        <v>1151.1127231642599</v>
      </c>
      <c r="F69">
        <v>67.916976928710895</v>
      </c>
      <c r="G69">
        <v>0.95354074239730802</v>
      </c>
    </row>
    <row r="70" spans="1:7" x14ac:dyDescent="0.25">
      <c r="A70" t="s">
        <v>75</v>
      </c>
      <c r="B70">
        <v>252.21200561523401</v>
      </c>
      <c r="C70">
        <v>658.10652550074497</v>
      </c>
      <c r="D70">
        <v>67.862815856933594</v>
      </c>
      <c r="E70">
        <v>1206.2356108799599</v>
      </c>
      <c r="F70">
        <v>68.916755676269503</v>
      </c>
      <c r="G70">
        <v>0.98470705747604403</v>
      </c>
    </row>
    <row r="71" spans="1:7" x14ac:dyDescent="0.25">
      <c r="A71" t="s">
        <v>76</v>
      </c>
      <c r="B71">
        <v>255.81199645996099</v>
      </c>
      <c r="C71">
        <v>667.654000497006</v>
      </c>
      <c r="D71">
        <v>58.084354400634801</v>
      </c>
      <c r="E71">
        <v>1032.4271861463801</v>
      </c>
      <c r="F71">
        <v>69.916564941406307</v>
      </c>
      <c r="G71">
        <v>0.83076667785644498</v>
      </c>
    </row>
    <row r="72" spans="1:7" x14ac:dyDescent="0.25">
      <c r="A72" t="s">
        <v>77</v>
      </c>
      <c r="B72">
        <v>259.41198730468801</v>
      </c>
      <c r="C72">
        <v>677.19746844903898</v>
      </c>
      <c r="D72">
        <v>61.242752075195298</v>
      </c>
      <c r="E72">
        <v>1088.56649603695</v>
      </c>
      <c r="F72">
        <v>70.915954589843807</v>
      </c>
      <c r="G72">
        <v>0.86359626054763805</v>
      </c>
    </row>
    <row r="73" spans="1:7" x14ac:dyDescent="0.25">
      <c r="A73" t="s">
        <v>78</v>
      </c>
      <c r="B73">
        <v>263.010986328125</v>
      </c>
      <c r="C73">
        <v>686.74610913089305</v>
      </c>
      <c r="D73">
        <v>75.052513122558594</v>
      </c>
      <c r="E73">
        <v>1334.0297155082201</v>
      </c>
      <c r="F73">
        <v>71.915885925292997</v>
      </c>
      <c r="G73">
        <v>1.0436152219772299</v>
      </c>
    </row>
    <row r="74" spans="1:7" x14ac:dyDescent="0.25">
      <c r="A74" t="s">
        <v>79</v>
      </c>
      <c r="B74">
        <v>266.61099243164102</v>
      </c>
      <c r="C74">
        <v>696.29606120903895</v>
      </c>
      <c r="D74">
        <v>69.573844909667997</v>
      </c>
      <c r="E74">
        <v>1236.64853163064</v>
      </c>
      <c r="F74">
        <v>72.915954589843807</v>
      </c>
      <c r="G74">
        <v>0.95416492223739602</v>
      </c>
    </row>
    <row r="75" spans="1:7" x14ac:dyDescent="0.25">
      <c r="A75" t="s">
        <v>80</v>
      </c>
      <c r="B75">
        <v>270.21099853515602</v>
      </c>
      <c r="C75">
        <v>705.841204834113</v>
      </c>
      <c r="D75">
        <v>62.830493927002003</v>
      </c>
      <c r="E75">
        <v>1116.78801476955</v>
      </c>
      <c r="F75">
        <v>73.915519714355497</v>
      </c>
      <c r="G75">
        <v>0.850031137466431</v>
      </c>
    </row>
    <row r="76" spans="1:7" x14ac:dyDescent="0.25">
      <c r="A76" t="s">
        <v>81</v>
      </c>
      <c r="B76">
        <v>273.81100463867199</v>
      </c>
      <c r="C76">
        <v>715.38867983037403</v>
      </c>
      <c r="D76">
        <v>71.051719665527301</v>
      </c>
      <c r="E76">
        <v>1262.9171833395999</v>
      </c>
      <c r="F76">
        <v>74.915328979492202</v>
      </c>
      <c r="G76">
        <v>0.94842696189880404</v>
      </c>
    </row>
    <row r="77" spans="1:7" x14ac:dyDescent="0.25">
      <c r="A77" t="s">
        <v>82</v>
      </c>
      <c r="B77">
        <v>277.41101074218801</v>
      </c>
      <c r="C77">
        <v>724.93418773219605</v>
      </c>
      <c r="D77">
        <v>56.046558380127003</v>
      </c>
      <c r="E77">
        <v>996.20618857443299</v>
      </c>
      <c r="F77">
        <v>75.914932250976605</v>
      </c>
      <c r="G77">
        <v>0.73828107118606601</v>
      </c>
    </row>
    <row r="78" spans="1:7" x14ac:dyDescent="0.25">
      <c r="A78" t="s">
        <v>83</v>
      </c>
      <c r="B78">
        <v>281.010986328125</v>
      </c>
      <c r="C78">
        <v>734.48071560891196</v>
      </c>
      <c r="D78">
        <v>55.914993286132798</v>
      </c>
      <c r="E78">
        <v>993.86763758957397</v>
      </c>
      <c r="F78">
        <v>76.914642333984403</v>
      </c>
      <c r="G78">
        <v>0.72697460651397705</v>
      </c>
    </row>
    <row r="79" spans="1:7" x14ac:dyDescent="0.25">
      <c r="A79" t="s">
        <v>84</v>
      </c>
      <c r="B79">
        <v>284.61099243164102</v>
      </c>
      <c r="C79">
        <v>744.02848202657106</v>
      </c>
      <c r="D79">
        <v>55.244144439697301</v>
      </c>
      <c r="E79">
        <v>981.94356542080595</v>
      </c>
      <c r="F79">
        <v>77.914482116699205</v>
      </c>
      <c r="G79">
        <v>0.70903563499450695</v>
      </c>
    </row>
    <row r="80" spans="1:7" x14ac:dyDescent="0.25">
      <c r="A80" t="s">
        <v>85</v>
      </c>
      <c r="B80">
        <v>288.21099853515602</v>
      </c>
      <c r="C80">
        <v>753.57508275863597</v>
      </c>
      <c r="D80">
        <v>50.663379669189503</v>
      </c>
      <c r="E80">
        <v>900.522223673761</v>
      </c>
      <c r="F80">
        <v>78.914199829101605</v>
      </c>
      <c r="G80">
        <v>0.64200586080551103</v>
      </c>
    </row>
    <row r="81" spans="1:7" x14ac:dyDescent="0.25">
      <c r="A81" t="s">
        <v>86</v>
      </c>
      <c r="B81">
        <v>291.81100463867199</v>
      </c>
      <c r="C81">
        <v>763.12263061024601</v>
      </c>
      <c r="D81">
        <v>47.284248352050803</v>
      </c>
      <c r="E81">
        <v>840.45942639932002</v>
      </c>
      <c r="F81">
        <v>79.914016723632798</v>
      </c>
      <c r="G81">
        <v>0.59168905019760099</v>
      </c>
    </row>
    <row r="82" spans="1:7" x14ac:dyDescent="0.25">
      <c r="A82" t="s">
        <v>87</v>
      </c>
      <c r="B82">
        <v>295.41101074218801</v>
      </c>
      <c r="C82">
        <v>772.669012776263</v>
      </c>
      <c r="D82">
        <v>51.449466705322301</v>
      </c>
      <c r="E82">
        <v>914.49462343007303</v>
      </c>
      <c r="F82">
        <v>80.913711547851605</v>
      </c>
      <c r="G82">
        <v>0.635855972766876</v>
      </c>
    </row>
    <row r="83" spans="1:7" x14ac:dyDescent="0.25">
      <c r="A83" t="s">
        <v>88</v>
      </c>
      <c r="B83">
        <v>299.010986328125</v>
      </c>
      <c r="C83">
        <v>782.21568636367795</v>
      </c>
      <c r="D83">
        <v>50.698623657226598</v>
      </c>
      <c r="E83">
        <v>901.14865452051197</v>
      </c>
      <c r="F83">
        <v>81.913436889648395</v>
      </c>
      <c r="G83">
        <v>0.61892926692962602</v>
      </c>
    </row>
    <row r="84" spans="1:7" x14ac:dyDescent="0.25">
      <c r="A84" t="s">
        <v>89</v>
      </c>
      <c r="B84">
        <v>302.61099243164102</v>
      </c>
      <c r="C84">
        <v>791.76374420273498</v>
      </c>
      <c r="D84">
        <v>49.537776947021499</v>
      </c>
      <c r="E84">
        <v>880.51508646458399</v>
      </c>
      <c r="F84">
        <v>82.913307189941406</v>
      </c>
      <c r="G84">
        <v>0.597464740276337</v>
      </c>
    </row>
    <row r="85" spans="1:7" x14ac:dyDescent="0.25">
      <c r="A85" t="s">
        <v>90</v>
      </c>
      <c r="B85">
        <v>306.21099853515602</v>
      </c>
      <c r="C85">
        <v>801.31049064549995</v>
      </c>
      <c r="D85">
        <v>47.448799133300803</v>
      </c>
      <c r="E85">
        <v>843.38424494490005</v>
      </c>
      <c r="F85">
        <v>83.913040161132798</v>
      </c>
      <c r="G85">
        <v>0.56545203924179099</v>
      </c>
    </row>
    <row r="86" spans="1:7" x14ac:dyDescent="0.25">
      <c r="A86" t="s">
        <v>91</v>
      </c>
      <c r="B86">
        <v>309.81100463867199</v>
      </c>
      <c r="C86">
        <v>810.856581390119</v>
      </c>
      <c r="D86">
        <v>47.3089408874512</v>
      </c>
      <c r="E86">
        <v>840.89831216260802</v>
      </c>
      <c r="F86">
        <v>84.912704467773395</v>
      </c>
      <c r="G86">
        <v>0.55714797973632801</v>
      </c>
    </row>
    <row r="87" spans="1:7" x14ac:dyDescent="0.25">
      <c r="A87" t="s">
        <v>92</v>
      </c>
      <c r="B87">
        <v>313.41101074218801</v>
      </c>
      <c r="C87">
        <v>820.40383782032995</v>
      </c>
      <c r="D87">
        <v>49.630458831787102</v>
      </c>
      <c r="E87">
        <v>882.16242147609603</v>
      </c>
      <c r="F87">
        <v>85.912490844726605</v>
      </c>
      <c r="G87">
        <v>0.57768619060516402</v>
      </c>
    </row>
    <row r="88" spans="1:7" x14ac:dyDescent="0.25">
      <c r="A88" t="s">
        <v>93</v>
      </c>
      <c r="B88">
        <v>317.010986328125</v>
      </c>
      <c r="C88">
        <v>829.95131281659098</v>
      </c>
      <c r="D88">
        <v>47.159194946289098</v>
      </c>
      <c r="E88">
        <v>838.23665045201801</v>
      </c>
      <c r="F88">
        <v>86.912300109863295</v>
      </c>
      <c r="G88">
        <v>0.54260671138763406</v>
      </c>
    </row>
    <row r="89" spans="1:7" x14ac:dyDescent="0.25">
      <c r="A89" t="s">
        <v>94</v>
      </c>
      <c r="B89">
        <v>320.61099243164102</v>
      </c>
      <c r="C89">
        <v>839.49733070586001</v>
      </c>
      <c r="D89">
        <v>51.509685516357401</v>
      </c>
      <c r="E89">
        <v>915.56500410661101</v>
      </c>
      <c r="F89">
        <v>87.911956787109403</v>
      </c>
      <c r="G89">
        <v>0.585923552513123</v>
      </c>
    </row>
    <row r="90" spans="1:7" x14ac:dyDescent="0.25">
      <c r="A90" t="s">
        <v>95</v>
      </c>
      <c r="B90">
        <v>324.21099853515602</v>
      </c>
      <c r="C90">
        <v>849.04436857002304</v>
      </c>
      <c r="D90">
        <v>51.3727416992188</v>
      </c>
      <c r="E90">
        <v>913.13081793487095</v>
      </c>
      <c r="F90">
        <v>88.911720275878906</v>
      </c>
      <c r="G90">
        <v>0.577794909477234</v>
      </c>
    </row>
    <row r="91" spans="1:7" x14ac:dyDescent="0.25">
      <c r="A91" t="s">
        <v>96</v>
      </c>
      <c r="B91">
        <v>327.81100463867199</v>
      </c>
      <c r="C91">
        <v>858.59242640907996</v>
      </c>
      <c r="D91">
        <v>59.039196014404297</v>
      </c>
      <c r="E91">
        <v>1049.3991430848801</v>
      </c>
      <c r="F91">
        <v>89.911590576171903</v>
      </c>
      <c r="G91">
        <v>0.65663611888885498</v>
      </c>
    </row>
    <row r="92" spans="1:7" x14ac:dyDescent="0.25">
      <c r="A92" t="s">
        <v>97</v>
      </c>
      <c r="B92">
        <v>331.41101074218801</v>
      </c>
      <c r="C92">
        <v>868.13640434856097</v>
      </c>
      <c r="D92">
        <v>79.519515991210895</v>
      </c>
      <c r="E92">
        <v>1413.4290395304599</v>
      </c>
      <c r="F92">
        <v>90.911033630371094</v>
      </c>
      <c r="G92">
        <v>0.87469595670700095</v>
      </c>
    </row>
    <row r="93" spans="1:7" x14ac:dyDescent="0.25">
      <c r="A93" t="s">
        <v>98</v>
      </c>
      <c r="B93">
        <v>335.010986328125</v>
      </c>
      <c r="C93">
        <v>877.68912492999095</v>
      </c>
      <c r="D93">
        <v>81.708274841308594</v>
      </c>
      <c r="E93">
        <v>1452.3334102705101</v>
      </c>
      <c r="F93">
        <v>91.911392211914105</v>
      </c>
      <c r="G93">
        <v>0.88898962736129805</v>
      </c>
    </row>
    <row r="94" spans="1:7" x14ac:dyDescent="0.25">
      <c r="A94" t="s">
        <v>99</v>
      </c>
      <c r="B94">
        <v>338.61099243164102</v>
      </c>
      <c r="C94">
        <v>887.23193718387904</v>
      </c>
      <c r="D94">
        <v>80.065330505371094</v>
      </c>
      <c r="E94">
        <v>1423.1306267902301</v>
      </c>
      <c r="F94">
        <v>92.910713195800795</v>
      </c>
      <c r="G94">
        <v>0.86174488067626998</v>
      </c>
    </row>
    <row r="95" spans="1:7" x14ac:dyDescent="0.25">
      <c r="A95" t="s">
        <v>100</v>
      </c>
      <c r="B95">
        <v>342.21099853515602</v>
      </c>
      <c r="C95">
        <v>896.78181640667503</v>
      </c>
      <c r="D95">
        <v>120.183868408203</v>
      </c>
      <c r="E95">
        <v>2136.2223196774698</v>
      </c>
      <c r="F95">
        <v>93.910774230957003</v>
      </c>
      <c r="G95">
        <v>1.2797665596008301</v>
      </c>
    </row>
    <row r="96" spans="1:7" x14ac:dyDescent="0.25">
      <c r="A96" t="s">
        <v>101</v>
      </c>
      <c r="B96">
        <v>345.81100463867199</v>
      </c>
      <c r="C96">
        <v>906.32950996898398</v>
      </c>
      <c r="D96">
        <v>81.588218688964801</v>
      </c>
      <c r="E96">
        <v>1450.1994010061001</v>
      </c>
      <c r="F96">
        <v>94.910606384277301</v>
      </c>
      <c r="G96">
        <v>0.85963225364685103</v>
      </c>
    </row>
    <row r="97" spans="1:7" x14ac:dyDescent="0.25">
      <c r="A97" t="s">
        <v>102</v>
      </c>
      <c r="B97">
        <v>349.41101074218801</v>
      </c>
      <c r="C97">
        <v>915.87334219776596</v>
      </c>
      <c r="D97">
        <v>52.622707366943402</v>
      </c>
      <c r="E97">
        <v>935.34850748255803</v>
      </c>
      <c r="F97">
        <v>95.9100341796875</v>
      </c>
      <c r="G97">
        <v>0.54866737127304099</v>
      </c>
    </row>
    <row r="98" spans="1:7" x14ac:dyDescent="0.25">
      <c r="A98" t="s">
        <v>103</v>
      </c>
      <c r="B98">
        <v>353.010986328125</v>
      </c>
      <c r="C98">
        <v>925.42191002427001</v>
      </c>
      <c r="D98">
        <v>48.580249786377003</v>
      </c>
      <c r="E98">
        <v>863.49539924413</v>
      </c>
      <c r="F98">
        <v>96.909957885742202</v>
      </c>
      <c r="G98">
        <v>0.50129264593124401</v>
      </c>
    </row>
    <row r="99" spans="1:7" x14ac:dyDescent="0.25">
      <c r="A99" t="s">
        <v>104</v>
      </c>
      <c r="B99">
        <v>356.61099243164102</v>
      </c>
      <c r="C99">
        <v>934.96778220284</v>
      </c>
      <c r="D99">
        <v>43.408584594726598</v>
      </c>
      <c r="E99">
        <v>771.57100895419705</v>
      </c>
      <c r="F99">
        <v>97.909599304199205</v>
      </c>
      <c r="G99">
        <v>0.443353712558746</v>
      </c>
    </row>
    <row r="100" spans="1:7" x14ac:dyDescent="0.25">
      <c r="A100" t="s">
        <v>105</v>
      </c>
      <c r="B100">
        <v>360.21099853515602</v>
      </c>
      <c r="C100">
        <v>944.51584004189704</v>
      </c>
      <c r="D100">
        <v>44.800983428955099</v>
      </c>
      <c r="E100">
        <v>796.32038250565495</v>
      </c>
      <c r="F100">
        <v>98.909469604492202</v>
      </c>
      <c r="G100">
        <v>0.45294937491416898</v>
      </c>
    </row>
    <row r="101" spans="1:7" x14ac:dyDescent="0.25">
      <c r="A101" t="s">
        <v>106</v>
      </c>
      <c r="B101">
        <v>363.81100463867199</v>
      </c>
      <c r="C101">
        <v>954.062076497215</v>
      </c>
      <c r="D101">
        <v>45.189044952392599</v>
      </c>
      <c r="E101">
        <v>803.21799032390095</v>
      </c>
      <c r="F101">
        <v>99.909149169921903</v>
      </c>
      <c r="G101">
        <v>0.45230138301849399</v>
      </c>
    </row>
    <row r="102" spans="1:7" x14ac:dyDescent="0.25">
      <c r="A102" t="s">
        <v>107</v>
      </c>
      <c r="B102">
        <v>364.88101196289102</v>
      </c>
      <c r="C102">
        <v>95.491279020041006</v>
      </c>
      <c r="D102">
        <v>32.526847839355497</v>
      </c>
      <c r="E102">
        <v>578.15230684354901</v>
      </c>
      <c r="F102">
        <v>9.9998235702514595</v>
      </c>
      <c r="G102">
        <v>3.2527422904968302</v>
      </c>
    </row>
    <row r="103" spans="1:7" x14ac:dyDescent="0.25">
      <c r="A103" t="s">
        <v>108</v>
      </c>
      <c r="B103">
        <v>365.87100219726602</v>
      </c>
      <c r="C103">
        <v>95.495003749788197</v>
      </c>
      <c r="D103">
        <v>34.045722961425803</v>
      </c>
      <c r="E103">
        <v>605.14971846714604</v>
      </c>
      <c r="F103">
        <v>10.0002136230469</v>
      </c>
      <c r="G103">
        <v>3.4044995307922399</v>
      </c>
    </row>
    <row r="104" spans="1:7" x14ac:dyDescent="0.25">
      <c r="A104" t="s">
        <v>109</v>
      </c>
      <c r="B104">
        <v>366.87100219726602</v>
      </c>
      <c r="C104">
        <v>95.493492001284395</v>
      </c>
      <c r="D104">
        <v>32.9662895202637</v>
      </c>
      <c r="E104">
        <v>585.96319286152698</v>
      </c>
      <c r="F104">
        <v>10.0000553131104</v>
      </c>
      <c r="G104">
        <v>3.2966108322143599</v>
      </c>
    </row>
    <row r="105" spans="1:7" x14ac:dyDescent="0.25">
      <c r="A105" t="s">
        <v>110</v>
      </c>
      <c r="B105">
        <v>367.87100219726602</v>
      </c>
      <c r="C105">
        <v>95.492007573536796</v>
      </c>
      <c r="D105">
        <v>33.274669647216797</v>
      </c>
      <c r="E105">
        <v>591.44455008208797</v>
      </c>
      <c r="F105">
        <v>9.9998998641967791</v>
      </c>
      <c r="G105">
        <v>3.3275003433227499</v>
      </c>
    </row>
    <row r="106" spans="1:7" x14ac:dyDescent="0.25">
      <c r="A106" t="s">
        <v>111</v>
      </c>
      <c r="B106">
        <v>368.87100219726602</v>
      </c>
      <c r="C106">
        <v>95.491998466618099</v>
      </c>
      <c r="D106">
        <v>34.885799407958999</v>
      </c>
      <c r="E106">
        <v>620.08172972127795</v>
      </c>
      <c r="F106">
        <v>9.9998989105224592</v>
      </c>
      <c r="G106">
        <v>3.48861527442932</v>
      </c>
    </row>
    <row r="107" spans="1:7" x14ac:dyDescent="0.25">
      <c r="A107" t="s">
        <v>112</v>
      </c>
      <c r="B107">
        <v>369.87100219726602</v>
      </c>
      <c r="C107">
        <v>95.492080428886396</v>
      </c>
      <c r="D107">
        <v>33.1958618164063</v>
      </c>
      <c r="E107">
        <v>590.04372451454401</v>
      </c>
      <c r="F107">
        <v>9.9999074935913104</v>
      </c>
      <c r="G107">
        <v>3.3196167945861799</v>
      </c>
    </row>
    <row r="108" spans="1:7" x14ac:dyDescent="0.25">
      <c r="A108" t="s">
        <v>113</v>
      </c>
      <c r="B108">
        <v>370.87100219726602</v>
      </c>
      <c r="C108">
        <v>95.493091296861806</v>
      </c>
      <c r="D108">
        <v>33.811214447021499</v>
      </c>
      <c r="E108">
        <v>600.98140966147196</v>
      </c>
      <c r="F108">
        <v>10.000013351440399</v>
      </c>
      <c r="G108">
        <v>3.3811168670654301</v>
      </c>
    </row>
    <row r="109" spans="1:7" x14ac:dyDescent="0.25">
      <c r="A109" t="s">
        <v>114</v>
      </c>
      <c r="B109">
        <v>371.87100219726602</v>
      </c>
      <c r="C109">
        <v>95.491524906845797</v>
      </c>
      <c r="D109">
        <v>32.486541748046903</v>
      </c>
      <c r="E109">
        <v>577.43588695302606</v>
      </c>
      <c r="F109">
        <v>9.9998493194580096</v>
      </c>
      <c r="G109">
        <v>3.2487032413482702</v>
      </c>
    </row>
    <row r="110" spans="1:7" x14ac:dyDescent="0.25">
      <c r="A110" t="s">
        <v>115</v>
      </c>
      <c r="B110">
        <v>372.87100219726602</v>
      </c>
      <c r="C110">
        <v>95.493874491869704</v>
      </c>
      <c r="D110">
        <v>33.997745513916001</v>
      </c>
      <c r="E110">
        <v>604.29691802710295</v>
      </c>
      <c r="F110">
        <v>10.0000953674316</v>
      </c>
      <c r="G110">
        <v>3.3997421264648402</v>
      </c>
    </row>
    <row r="111" spans="1:7" x14ac:dyDescent="0.25">
      <c r="A111" t="s">
        <v>116</v>
      </c>
      <c r="B111">
        <v>373.87100219726602</v>
      </c>
      <c r="C111">
        <v>95.493728781170603</v>
      </c>
      <c r="D111">
        <v>35.224941253662102</v>
      </c>
      <c r="E111">
        <v>626.10988970845904</v>
      </c>
      <c r="F111">
        <v>10.000080108642599</v>
      </c>
      <c r="G111">
        <v>3.5224659442901598</v>
      </c>
    </row>
    <row r="112" spans="1:7" x14ac:dyDescent="0.25">
      <c r="A112" t="s">
        <v>117</v>
      </c>
      <c r="B112">
        <v>374.87100219726602</v>
      </c>
      <c r="C112">
        <v>95.492763447788604</v>
      </c>
      <c r="D112">
        <v>33.472400665283203</v>
      </c>
      <c r="E112">
        <v>594.95912864804302</v>
      </c>
      <c r="F112">
        <v>9.9999790191650408</v>
      </c>
      <c r="G112">
        <v>3.3472471237182599</v>
      </c>
    </row>
    <row r="113" spans="1:7" x14ac:dyDescent="0.25">
      <c r="A113" t="s">
        <v>118</v>
      </c>
      <c r="B113">
        <v>375.87100219726602</v>
      </c>
      <c r="C113">
        <v>95.493018441512206</v>
      </c>
      <c r="D113">
        <v>35.500255584716797</v>
      </c>
      <c r="E113">
        <v>631.00346596911595</v>
      </c>
      <c r="F113">
        <v>10.0000057220459</v>
      </c>
      <c r="G113">
        <v>3.5500235557556201</v>
      </c>
    </row>
    <row r="114" spans="1:7" x14ac:dyDescent="0.25">
      <c r="A114" t="s">
        <v>119</v>
      </c>
      <c r="B114">
        <v>376.87100219726602</v>
      </c>
      <c r="C114">
        <v>95.492390064122105</v>
      </c>
      <c r="D114">
        <v>38.5465698242188</v>
      </c>
      <c r="E114">
        <v>685.15056045725896</v>
      </c>
      <c r="F114">
        <v>9.99993991851807</v>
      </c>
      <c r="G114">
        <v>3.8546800613403298</v>
      </c>
    </row>
    <row r="115" spans="1:7" x14ac:dyDescent="0.25">
      <c r="A115" t="s">
        <v>120</v>
      </c>
      <c r="B115">
        <v>377.87100219726602</v>
      </c>
      <c r="C115">
        <v>95.494967322113396</v>
      </c>
      <c r="D115">
        <v>36.194709777832003</v>
      </c>
      <c r="E115">
        <v>643.34715716540802</v>
      </c>
      <c r="F115">
        <v>10.0002098083496</v>
      </c>
      <c r="G115">
        <v>3.6193950176239</v>
      </c>
    </row>
    <row r="116" spans="1:7" x14ac:dyDescent="0.25">
      <c r="A116" t="s">
        <v>121</v>
      </c>
      <c r="B116">
        <v>378.87100219726602</v>
      </c>
      <c r="C116">
        <v>95.493309862910493</v>
      </c>
      <c r="D116">
        <v>39.49609375</v>
      </c>
      <c r="E116">
        <v>702.027988154441</v>
      </c>
      <c r="F116">
        <v>10.000036239624</v>
      </c>
      <c r="G116">
        <v>3.94959497451782</v>
      </c>
    </row>
    <row r="117" spans="1:7" x14ac:dyDescent="0.25">
      <c r="A117" t="s">
        <v>122</v>
      </c>
      <c r="B117">
        <v>379.87100219726602</v>
      </c>
      <c r="C117">
        <v>95.491597762195397</v>
      </c>
      <c r="D117">
        <v>42.995944976806598</v>
      </c>
      <c r="E117">
        <v>764.23649443313502</v>
      </c>
      <c r="F117">
        <v>9.9998569488525408</v>
      </c>
      <c r="G117">
        <v>4.2996559143066397</v>
      </c>
    </row>
    <row r="118" spans="1:7" x14ac:dyDescent="0.25">
      <c r="A118" t="s">
        <v>123</v>
      </c>
      <c r="B118">
        <v>380.87100219726602</v>
      </c>
      <c r="C118">
        <v>95.492544881739903</v>
      </c>
      <c r="D118">
        <v>39.362545013427699</v>
      </c>
      <c r="E118">
        <v>699.65416332706798</v>
      </c>
      <c r="F118">
        <v>9.9999561309814506</v>
      </c>
      <c r="G118">
        <v>3.9362716674804701</v>
      </c>
    </row>
    <row r="119" spans="1:7" x14ac:dyDescent="0.25">
      <c r="A119" t="s">
        <v>124</v>
      </c>
      <c r="B119">
        <v>381.87100219726602</v>
      </c>
      <c r="C119">
        <v>95.489922089155101</v>
      </c>
      <c r="D119">
        <v>41.927410125732401</v>
      </c>
      <c r="E119">
        <v>745.24368392303597</v>
      </c>
      <c r="F119">
        <v>9.9996814727783203</v>
      </c>
      <c r="G119">
        <v>4.1928744316101101</v>
      </c>
    </row>
    <row r="120" spans="1:7" x14ac:dyDescent="0.25">
      <c r="A120" t="s">
        <v>125</v>
      </c>
      <c r="B120">
        <v>382.87100219726602</v>
      </c>
      <c r="C120">
        <v>95.491861862837595</v>
      </c>
      <c r="D120">
        <v>46.891292572021499</v>
      </c>
      <c r="E120">
        <v>833.47479812800896</v>
      </c>
      <c r="F120">
        <v>9.9998846054077095</v>
      </c>
      <c r="G120">
        <v>4.6891832351684597</v>
      </c>
    </row>
    <row r="121" spans="1:7" x14ac:dyDescent="0.25">
      <c r="A121" t="s">
        <v>126</v>
      </c>
      <c r="B121">
        <v>383.87100219726602</v>
      </c>
      <c r="C121">
        <v>95.497681183885206</v>
      </c>
      <c r="D121">
        <v>63.251045227050803</v>
      </c>
      <c r="E121">
        <v>1124.26315899938</v>
      </c>
      <c r="F121">
        <v>10.0004940032959</v>
      </c>
      <c r="G121">
        <v>6.3247919082641602</v>
      </c>
    </row>
    <row r="122" spans="1:7" x14ac:dyDescent="0.25">
      <c r="A122" t="s">
        <v>127</v>
      </c>
      <c r="B122">
        <v>384.87100219726602</v>
      </c>
      <c r="C122">
        <v>95.492217032666801</v>
      </c>
      <c r="D122">
        <v>85.293395996093807</v>
      </c>
      <c r="E122">
        <v>1516.05752762407</v>
      </c>
      <c r="F122">
        <v>9.9999217987060494</v>
      </c>
      <c r="G122">
        <v>8.5294065475463903</v>
      </c>
    </row>
    <row r="123" spans="1:7" x14ac:dyDescent="0.25">
      <c r="A123" t="s">
        <v>128</v>
      </c>
      <c r="B123">
        <v>385.87100219726602</v>
      </c>
      <c r="C123">
        <v>95.495959976251399</v>
      </c>
      <c r="D123">
        <v>112.504524230957</v>
      </c>
      <c r="E123">
        <v>1999.7248891741001</v>
      </c>
      <c r="F123">
        <v>10.000313758850099</v>
      </c>
      <c r="G123">
        <v>11.250099182128899</v>
      </c>
    </row>
    <row r="124" spans="1:7" x14ac:dyDescent="0.25">
      <c r="A124" t="s">
        <v>129</v>
      </c>
      <c r="B124">
        <v>386.87100219726602</v>
      </c>
      <c r="C124">
        <v>95.496551925966799</v>
      </c>
      <c r="D124">
        <v>117.32985687255901</v>
      </c>
      <c r="E124">
        <v>2085.4934118688102</v>
      </c>
      <c r="F124">
        <v>10.0003757476807</v>
      </c>
      <c r="G124">
        <v>11.7325448989868</v>
      </c>
    </row>
    <row r="125" spans="1:7" x14ac:dyDescent="0.25">
      <c r="A125" t="s">
        <v>130</v>
      </c>
      <c r="B125">
        <v>387.87100219726602</v>
      </c>
      <c r="C125">
        <v>95.488237309196094</v>
      </c>
      <c r="D125">
        <v>113.55264282226599</v>
      </c>
      <c r="E125">
        <v>2018.3548331260699</v>
      </c>
      <c r="F125">
        <v>9.9995050430297905</v>
      </c>
      <c r="G125">
        <v>11.3558263778687</v>
      </c>
    </row>
    <row r="126" spans="1:7" x14ac:dyDescent="0.25">
      <c r="A126" t="s">
        <v>131</v>
      </c>
      <c r="B126">
        <v>388.87100219726602</v>
      </c>
      <c r="C126">
        <v>95.492098642723704</v>
      </c>
      <c r="D126">
        <v>104.793998718262</v>
      </c>
      <c r="E126">
        <v>1862.6733217388401</v>
      </c>
      <c r="F126">
        <v>9.9999094009399396</v>
      </c>
      <c r="G126">
        <v>10.479495048522899</v>
      </c>
    </row>
    <row r="127" spans="1:7" x14ac:dyDescent="0.25">
      <c r="A127" t="s">
        <v>132</v>
      </c>
      <c r="B127">
        <v>389.87100219726602</v>
      </c>
      <c r="C127">
        <v>95.497744932316095</v>
      </c>
      <c r="D127">
        <v>120.73184204101599</v>
      </c>
      <c r="E127">
        <v>2145.9623239934399</v>
      </c>
      <c r="F127">
        <v>10.000500679016101</v>
      </c>
      <c r="G127">
        <v>12.072579383850099</v>
      </c>
    </row>
    <row r="128" spans="1:7" x14ac:dyDescent="0.25">
      <c r="A128" t="s">
        <v>133</v>
      </c>
      <c r="B128">
        <v>390.87100219726602</v>
      </c>
      <c r="C128">
        <v>95.496096580031903</v>
      </c>
      <c r="D128">
        <v>111.55746459960901</v>
      </c>
      <c r="E128">
        <v>1982.8912336379301</v>
      </c>
      <c r="F128">
        <v>10.000328063964799</v>
      </c>
      <c r="G128">
        <v>11.1553802490234</v>
      </c>
    </row>
    <row r="129" spans="1:7" x14ac:dyDescent="0.25">
      <c r="A129" t="s">
        <v>134</v>
      </c>
      <c r="B129">
        <v>391.87100219726602</v>
      </c>
      <c r="C129">
        <v>95.490723498000406</v>
      </c>
      <c r="D129">
        <v>107.685844421387</v>
      </c>
      <c r="E129">
        <v>1914.07476086169</v>
      </c>
      <c r="F129">
        <v>9.9997653961181605</v>
      </c>
      <c r="G129">
        <v>10.768836975097701</v>
      </c>
    </row>
    <row r="130" spans="1:7" x14ac:dyDescent="0.25">
      <c r="A130" t="s">
        <v>135</v>
      </c>
      <c r="B130">
        <v>392.87100219726602</v>
      </c>
      <c r="C130">
        <v>95.500240228039203</v>
      </c>
      <c r="D130">
        <v>109.54662322998</v>
      </c>
      <c r="E130">
        <v>1947.14940153062</v>
      </c>
      <c r="F130">
        <v>10.0007619857788</v>
      </c>
      <c r="G130">
        <v>10.9538278579712</v>
      </c>
    </row>
    <row r="131" spans="1:7" x14ac:dyDescent="0.25">
      <c r="A131" t="s">
        <v>136</v>
      </c>
      <c r="B131">
        <v>393.87100219726602</v>
      </c>
      <c r="C131">
        <v>95.483638315253899</v>
      </c>
      <c r="D131">
        <v>107.18642425537099</v>
      </c>
      <c r="E131">
        <v>1905.1977433264301</v>
      </c>
      <c r="F131">
        <v>9.9990234375</v>
      </c>
      <c r="G131">
        <v>10.719689369201699</v>
      </c>
    </row>
    <row r="132" spans="1:7" x14ac:dyDescent="0.25">
      <c r="A132" t="s">
        <v>137</v>
      </c>
      <c r="B132">
        <v>397.69100952148398</v>
      </c>
      <c r="C132">
        <v>946.09527116541699</v>
      </c>
      <c r="D132">
        <v>256.83099365234398</v>
      </c>
      <c r="E132">
        <v>4565.0727115571499</v>
      </c>
      <c r="F132">
        <v>99.074867248535199</v>
      </c>
      <c r="G132">
        <v>2.5922920703887899</v>
      </c>
    </row>
    <row r="133" spans="1:7" x14ac:dyDescent="0.25">
      <c r="A133" t="s">
        <v>138</v>
      </c>
      <c r="B133">
        <v>401.30099487304699</v>
      </c>
      <c r="C133">
        <v>936.52411818054395</v>
      </c>
      <c r="D133">
        <v>288.47467041015602</v>
      </c>
      <c r="E133">
        <v>5127.5268197059604</v>
      </c>
      <c r="F133">
        <v>98.072578430175795</v>
      </c>
      <c r="G133">
        <v>2.9414405822753902</v>
      </c>
    </row>
    <row r="134" spans="1:7" x14ac:dyDescent="0.25">
      <c r="A134" t="s">
        <v>139</v>
      </c>
      <c r="B134">
        <v>404.90100097656301</v>
      </c>
      <c r="C134">
        <v>926.97933883221799</v>
      </c>
      <c r="D134">
        <v>246.73759460449199</v>
      </c>
      <c r="E134">
        <v>4385.6664560735198</v>
      </c>
      <c r="F134">
        <v>97.073051452636705</v>
      </c>
      <c r="G134">
        <v>2.5417723655700701</v>
      </c>
    </row>
    <row r="135" spans="1:7" x14ac:dyDescent="0.25">
      <c r="A135" t="s">
        <v>140</v>
      </c>
      <c r="B135">
        <v>408.50100708007801</v>
      </c>
      <c r="C135">
        <v>917.43069815036404</v>
      </c>
      <c r="D135">
        <v>192.30247497558599</v>
      </c>
      <c r="E135">
        <v>3418.1030932813901</v>
      </c>
      <c r="F135">
        <v>96.0731201171875</v>
      </c>
      <c r="G135">
        <v>2.00162625312805</v>
      </c>
    </row>
    <row r="136" spans="1:7" x14ac:dyDescent="0.25">
      <c r="A136" t="s">
        <v>141</v>
      </c>
      <c r="B136">
        <v>412.09100341796898</v>
      </c>
      <c r="C136">
        <v>907.90945107995196</v>
      </c>
      <c r="D136">
        <v>243.74263000488301</v>
      </c>
      <c r="E136">
        <v>4332.4320577085</v>
      </c>
      <c r="F136">
        <v>95.076057434082003</v>
      </c>
      <c r="G136">
        <v>2.56365942955017</v>
      </c>
    </row>
    <row r="137" spans="1:7" x14ac:dyDescent="0.25">
      <c r="A137" t="s">
        <v>142</v>
      </c>
      <c r="B137">
        <v>415.69100952148398</v>
      </c>
      <c r="C137">
        <v>898.36889734190095</v>
      </c>
      <c r="D137">
        <v>231.62936401367199</v>
      </c>
      <c r="E137">
        <v>4117.1233169734496</v>
      </c>
      <c r="F137">
        <v>94.076972961425795</v>
      </c>
      <c r="G137">
        <v>2.46212601661682</v>
      </c>
    </row>
    <row r="138" spans="1:7" x14ac:dyDescent="0.25">
      <c r="A138" t="s">
        <v>143</v>
      </c>
      <c r="B138">
        <v>419.30099487304699</v>
      </c>
      <c r="C138">
        <v>888.79548584119095</v>
      </c>
      <c r="D138">
        <v>290.90658569335898</v>
      </c>
      <c r="E138">
        <v>5170.7532256841696</v>
      </c>
      <c r="F138">
        <v>93.074447631835895</v>
      </c>
      <c r="G138">
        <v>3.1255257129669198</v>
      </c>
    </row>
    <row r="139" spans="1:7" x14ac:dyDescent="0.25">
      <c r="A139" t="s">
        <v>144</v>
      </c>
      <c r="B139">
        <v>422.90100097656301</v>
      </c>
      <c r="C139">
        <v>879.25216359985598</v>
      </c>
      <c r="D139">
        <v>242.63038635253901</v>
      </c>
      <c r="E139">
        <v>4312.6624077558499</v>
      </c>
      <c r="F139">
        <v>92.0750732421875</v>
      </c>
      <c r="G139">
        <v>2.6351366043090798</v>
      </c>
    </row>
    <row r="140" spans="1:7" x14ac:dyDescent="0.25">
      <c r="A140" t="s">
        <v>145</v>
      </c>
      <c r="B140">
        <v>426.50100708007801</v>
      </c>
      <c r="C140">
        <v>869.69798591143399</v>
      </c>
      <c r="D140">
        <v>189.35498046875</v>
      </c>
      <c r="E140">
        <v>3365.7124731689701</v>
      </c>
      <c r="F140">
        <v>91.074562072753906</v>
      </c>
      <c r="G140">
        <v>2.0791203975677499</v>
      </c>
    </row>
    <row r="141" spans="1:7" x14ac:dyDescent="0.25">
      <c r="A141" t="s">
        <v>146</v>
      </c>
      <c r="B141">
        <v>430.09100341796898</v>
      </c>
      <c r="C141">
        <v>860.18169300479303</v>
      </c>
      <c r="D141">
        <v>267.78042602539102</v>
      </c>
      <c r="E141">
        <v>4759.6949152648403</v>
      </c>
      <c r="F141">
        <v>90.078018188476605</v>
      </c>
      <c r="G141">
        <v>2.9727611541747998</v>
      </c>
    </row>
    <row r="142" spans="1:7" x14ac:dyDescent="0.25">
      <c r="A142" t="s">
        <v>147</v>
      </c>
      <c r="B142">
        <v>433.69100952148398</v>
      </c>
      <c r="C142">
        <v>850.63888075090597</v>
      </c>
      <c r="D142">
        <v>279.92303466796898</v>
      </c>
      <c r="E142">
        <v>4975.5247309803999</v>
      </c>
      <c r="F142">
        <v>89.078697204589801</v>
      </c>
      <c r="G142">
        <v>3.14242386817932</v>
      </c>
    </row>
    <row r="143" spans="1:7" x14ac:dyDescent="0.25">
      <c r="A143" t="s">
        <v>148</v>
      </c>
      <c r="B143">
        <v>437.30099487304699</v>
      </c>
      <c r="C143">
        <v>841.05454094775803</v>
      </c>
      <c r="D143">
        <v>312.97589111328102</v>
      </c>
      <c r="E143">
        <v>5563.0267597734901</v>
      </c>
      <c r="F143">
        <v>88.075027465820298</v>
      </c>
      <c r="G143">
        <v>3.5535144805908199</v>
      </c>
    </row>
    <row r="144" spans="1:7" x14ac:dyDescent="0.25">
      <c r="A144" t="s">
        <v>149</v>
      </c>
      <c r="B144">
        <v>440.90100097656301</v>
      </c>
      <c r="C144">
        <v>831.50225749842605</v>
      </c>
      <c r="D144">
        <v>259.38571166992199</v>
      </c>
      <c r="E144">
        <v>4610.4816719889604</v>
      </c>
      <c r="F144">
        <v>87.074714660644503</v>
      </c>
      <c r="G144">
        <v>2.9788868427276598</v>
      </c>
    </row>
    <row r="145" spans="1:7" x14ac:dyDescent="0.25">
      <c r="A145" t="s">
        <v>150</v>
      </c>
      <c r="B145">
        <v>444.49099731445301</v>
      </c>
      <c r="C145">
        <v>821.98713027737801</v>
      </c>
      <c r="D145">
        <v>221.04794311523401</v>
      </c>
      <c r="E145">
        <v>3929.0427230298501</v>
      </c>
      <c r="F145">
        <v>86.078292846679702</v>
      </c>
      <c r="G145">
        <v>2.5679869651794398</v>
      </c>
    </row>
    <row r="146" spans="1:7" x14ac:dyDescent="0.25">
      <c r="A146" t="s">
        <v>151</v>
      </c>
      <c r="B146">
        <v>448.09100341796898</v>
      </c>
      <c r="C146">
        <v>812.43965528111801</v>
      </c>
      <c r="D146">
        <v>198.83132934570301</v>
      </c>
      <c r="E146">
        <v>3534.15100835264</v>
      </c>
      <c r="F146">
        <v>85.078483581542997</v>
      </c>
      <c r="G146">
        <v>2.3370342254638699</v>
      </c>
    </row>
    <row r="147" spans="1:7" x14ac:dyDescent="0.25">
      <c r="A147" t="s">
        <v>152</v>
      </c>
      <c r="B147">
        <v>451.69100952148398</v>
      </c>
      <c r="C147">
        <v>802.89655160583197</v>
      </c>
      <c r="D147">
        <v>178.443771362305</v>
      </c>
      <c r="E147">
        <v>3171.7699021100998</v>
      </c>
      <c r="F147">
        <v>84.079132080078097</v>
      </c>
      <c r="G147">
        <v>2.1223313808441202</v>
      </c>
    </row>
    <row r="148" spans="1:7" x14ac:dyDescent="0.25">
      <c r="A148" t="s">
        <v>153</v>
      </c>
      <c r="B148">
        <v>455.30099487304699</v>
      </c>
      <c r="C148">
        <v>793.32539862095803</v>
      </c>
      <c r="D148">
        <v>266.73043823242199</v>
      </c>
      <c r="E148">
        <v>4741.0316765308398</v>
      </c>
      <c r="F148">
        <v>83.076843261718807</v>
      </c>
      <c r="G148">
        <v>3.2106473445892298</v>
      </c>
    </row>
    <row r="149" spans="1:7" x14ac:dyDescent="0.25">
      <c r="A149" t="s">
        <v>154</v>
      </c>
      <c r="B149">
        <v>458.89099121093801</v>
      </c>
      <c r="C149">
        <v>783.79934309747398</v>
      </c>
      <c r="D149">
        <v>194.0517578125</v>
      </c>
      <c r="E149">
        <v>3449.1957630962102</v>
      </c>
      <c r="F149">
        <v>82.079277038574205</v>
      </c>
      <c r="G149">
        <v>2.3641991615295401</v>
      </c>
    </row>
    <row r="150" spans="1:7" x14ac:dyDescent="0.25">
      <c r="A150" t="s">
        <v>155</v>
      </c>
      <c r="B150">
        <v>462.5</v>
      </c>
      <c r="C150">
        <v>774.21966603669898</v>
      </c>
      <c r="D150">
        <v>166.57374572753901</v>
      </c>
      <c r="E150">
        <v>2960.7845935970499</v>
      </c>
      <c r="F150">
        <v>81.076095581054702</v>
      </c>
      <c r="G150">
        <v>2.0545358657836901</v>
      </c>
    </row>
    <row r="151" spans="1:7" x14ac:dyDescent="0.25">
      <c r="A151" t="s">
        <v>156</v>
      </c>
      <c r="B151">
        <v>466.10000610351602</v>
      </c>
      <c r="C151">
        <v>764.68239078937995</v>
      </c>
      <c r="D151">
        <v>145.72653198242199</v>
      </c>
      <c r="E151">
        <v>2590.2334600687</v>
      </c>
      <c r="F151">
        <v>80.077354431152301</v>
      </c>
      <c r="G151">
        <v>1.8198219537735001</v>
      </c>
    </row>
    <row r="152" spans="1:7" x14ac:dyDescent="0.25">
      <c r="A152" t="s">
        <v>157</v>
      </c>
      <c r="B152">
        <v>469.70001220703102</v>
      </c>
      <c r="C152">
        <v>755.13535292521703</v>
      </c>
      <c r="D152">
        <v>111.07733154296901</v>
      </c>
      <c r="E152">
        <v>1974.35705922544</v>
      </c>
      <c r="F152">
        <v>79.077590942382798</v>
      </c>
      <c r="G152">
        <v>1.40466260910034</v>
      </c>
    </row>
    <row r="153" spans="1:7" x14ac:dyDescent="0.25">
      <c r="A153" t="s">
        <v>158</v>
      </c>
      <c r="B153">
        <v>473.29998779296898</v>
      </c>
      <c r="C153">
        <v>745.58612940056696</v>
      </c>
      <c r="D153">
        <v>80.327293395996094</v>
      </c>
      <c r="E153">
        <v>1427.7868904173399</v>
      </c>
      <c r="F153">
        <v>78.077598571777301</v>
      </c>
      <c r="G153">
        <v>1.02881360054016</v>
      </c>
    </row>
    <row r="154" spans="1:7" x14ac:dyDescent="0.25">
      <c r="A154" t="s">
        <v>159</v>
      </c>
      <c r="B154">
        <v>476.89999389648398</v>
      </c>
      <c r="C154">
        <v>736.04120434154095</v>
      </c>
      <c r="D154">
        <v>75.157936096191406</v>
      </c>
      <c r="E154">
        <v>1335.9035365283501</v>
      </c>
      <c r="F154">
        <v>77.078056335449205</v>
      </c>
      <c r="G154">
        <v>0.97508865594863903</v>
      </c>
    </row>
    <row r="155" spans="1:7" x14ac:dyDescent="0.25">
      <c r="A155" t="s">
        <v>160</v>
      </c>
      <c r="B155">
        <v>480.5</v>
      </c>
      <c r="C155">
        <v>726.48811948336299</v>
      </c>
      <c r="D155">
        <v>78.278327941894503</v>
      </c>
      <c r="E155">
        <v>1391.36740472168</v>
      </c>
      <c r="F155">
        <v>76.077659606933594</v>
      </c>
      <c r="G155">
        <v>1.0289266109466599</v>
      </c>
    </row>
    <row r="156" spans="1:7" x14ac:dyDescent="0.25">
      <c r="A156" t="s">
        <v>161</v>
      </c>
      <c r="B156">
        <v>484.10000610351602</v>
      </c>
      <c r="C156">
        <v>716.94530722947604</v>
      </c>
      <c r="D156">
        <v>105.42087554931599</v>
      </c>
      <c r="E156">
        <v>1873.8157814368601</v>
      </c>
      <c r="F156">
        <v>75.078338623046903</v>
      </c>
      <c r="G156">
        <v>1.4041450023651101</v>
      </c>
    </row>
    <row r="157" spans="1:7" x14ac:dyDescent="0.25">
      <c r="A157" t="s">
        <v>162</v>
      </c>
      <c r="B157">
        <v>487.70001220703102</v>
      </c>
      <c r="C157">
        <v>707.40322352908402</v>
      </c>
      <c r="D157">
        <v>95.045722961425795</v>
      </c>
      <c r="E157">
        <v>1689.4013388082401</v>
      </c>
      <c r="F157">
        <v>74.079093933105497</v>
      </c>
      <c r="G157">
        <v>1.28303027153015</v>
      </c>
    </row>
    <row r="158" spans="1:7" x14ac:dyDescent="0.25">
      <c r="A158" t="s">
        <v>163</v>
      </c>
      <c r="B158">
        <v>491.29998779296898</v>
      </c>
      <c r="C158">
        <v>697.81203532307597</v>
      </c>
      <c r="D158">
        <v>589.61437988281295</v>
      </c>
      <c r="E158">
        <v>10480.1701381803</v>
      </c>
      <c r="F158">
        <v>73.07470703125</v>
      </c>
      <c r="G158">
        <v>8.0686521530151403</v>
      </c>
    </row>
    <row r="159" spans="1:7" x14ac:dyDescent="0.25">
      <c r="A159" t="s">
        <v>164</v>
      </c>
      <c r="B159">
        <v>494.89999389648398</v>
      </c>
      <c r="C159">
        <v>688.311333461245</v>
      </c>
      <c r="D159">
        <v>180.12208557128901</v>
      </c>
      <c r="E159">
        <v>3201.60132832825</v>
      </c>
      <c r="F159">
        <v>72.079795837402301</v>
      </c>
      <c r="G159">
        <v>2.4989261627197301</v>
      </c>
    </row>
    <row r="160" spans="1:7" x14ac:dyDescent="0.25">
      <c r="A160" t="s">
        <v>165</v>
      </c>
      <c r="B160">
        <v>498.5</v>
      </c>
      <c r="C160">
        <v>678.76159994914804</v>
      </c>
      <c r="D160">
        <v>94.898895263671903</v>
      </c>
      <c r="E160">
        <v>1686.79154012352</v>
      </c>
      <c r="F160">
        <v>71.079750061035199</v>
      </c>
      <c r="G160">
        <v>1.33510446548462</v>
      </c>
    </row>
    <row r="161" spans="1:7" x14ac:dyDescent="0.25">
      <c r="A161" t="s">
        <v>166</v>
      </c>
      <c r="B161">
        <v>502.10000610351602</v>
      </c>
      <c r="C161">
        <v>669.21223071379802</v>
      </c>
      <c r="D161">
        <v>43.085525512695298</v>
      </c>
      <c r="E161">
        <v>765.82876499742304</v>
      </c>
      <c r="F161">
        <v>70.079742431640597</v>
      </c>
      <c r="G161">
        <v>0.61480712890625</v>
      </c>
    </row>
    <row r="162" spans="1:7" x14ac:dyDescent="0.25">
      <c r="A162" t="s">
        <v>167</v>
      </c>
      <c r="B162">
        <v>505.70001220703102</v>
      </c>
      <c r="C162">
        <v>659.66519284963499</v>
      </c>
      <c r="D162">
        <v>34.705394744872997</v>
      </c>
      <c r="E162">
        <v>616.87512788921595</v>
      </c>
      <c r="F162">
        <v>69.079978942871094</v>
      </c>
      <c r="G162">
        <v>0.50239437818527199</v>
      </c>
    </row>
    <row r="163" spans="1:7" x14ac:dyDescent="0.25">
      <c r="A163" t="s">
        <v>168</v>
      </c>
      <c r="B163">
        <v>509.29998779296898</v>
      </c>
      <c r="C163">
        <v>650.11815498547196</v>
      </c>
      <c r="D163">
        <v>35.173038482666001</v>
      </c>
      <c r="E163">
        <v>625.18729828298103</v>
      </c>
      <c r="F163">
        <v>68.080215454101605</v>
      </c>
      <c r="G163">
        <v>0.51664113998413097</v>
      </c>
    </row>
    <row r="164" spans="1:7" x14ac:dyDescent="0.25">
      <c r="A164" t="s">
        <v>169</v>
      </c>
      <c r="B164">
        <v>512.90002441406295</v>
      </c>
      <c r="C164">
        <v>640.56987858036598</v>
      </c>
      <c r="D164">
        <v>33.585189819335902</v>
      </c>
      <c r="E164">
        <v>596.96391690522398</v>
      </c>
      <c r="F164">
        <v>67.080322265625</v>
      </c>
      <c r="G164">
        <v>0.50067126750946001</v>
      </c>
    </row>
    <row r="165" spans="1:7" x14ac:dyDescent="0.25">
      <c r="A165" t="s">
        <v>170</v>
      </c>
      <c r="B165">
        <v>516.5</v>
      </c>
      <c r="C165">
        <v>631.02371498039804</v>
      </c>
      <c r="D165">
        <v>41.974632263183601</v>
      </c>
      <c r="E165">
        <v>746.08303839340795</v>
      </c>
      <c r="F165">
        <v>66.080650329589801</v>
      </c>
      <c r="G165">
        <v>0.63520306348800704</v>
      </c>
    </row>
    <row r="166" spans="1:7" x14ac:dyDescent="0.25">
      <c r="A166" t="s">
        <v>171</v>
      </c>
      <c r="B166">
        <v>520.09997558593795</v>
      </c>
      <c r="C166">
        <v>621.47674997158504</v>
      </c>
      <c r="D166">
        <v>44.319995880127003</v>
      </c>
      <c r="E166">
        <v>787.77101589366805</v>
      </c>
      <c r="F166">
        <v>65.080894470214801</v>
      </c>
      <c r="G166">
        <v>0.68099856376647905</v>
      </c>
    </row>
    <row r="167" spans="1:7" x14ac:dyDescent="0.25">
      <c r="A167" t="s">
        <v>172</v>
      </c>
      <c r="B167">
        <v>523.70001220703102</v>
      </c>
      <c r="C167">
        <v>611.92971210742201</v>
      </c>
      <c r="D167">
        <v>26.996150970458999</v>
      </c>
      <c r="E167">
        <v>479.84626144170801</v>
      </c>
      <c r="F167">
        <v>64.081130981445298</v>
      </c>
      <c r="G167">
        <v>0.42128080129623402</v>
      </c>
    </row>
    <row r="168" spans="1:7" x14ac:dyDescent="0.25">
      <c r="A168" t="s">
        <v>173</v>
      </c>
      <c r="B168">
        <v>527.29998779296898</v>
      </c>
      <c r="C168">
        <v>602.38227353883599</v>
      </c>
      <c r="D168">
        <v>31.7728481292725</v>
      </c>
      <c r="E168">
        <v>564.75022574886702</v>
      </c>
      <c r="F168">
        <v>63.081325531005902</v>
      </c>
      <c r="G168">
        <v>0.50368070602417003</v>
      </c>
    </row>
    <row r="169" spans="1:7" x14ac:dyDescent="0.25">
      <c r="A169" t="s">
        <v>174</v>
      </c>
      <c r="B169">
        <v>530.90002441406295</v>
      </c>
      <c r="C169">
        <v>592.83658349864004</v>
      </c>
      <c r="D169">
        <v>37.121219635009801</v>
      </c>
      <c r="E169">
        <v>659.81550142168999</v>
      </c>
      <c r="F169">
        <v>62.081703186035199</v>
      </c>
      <c r="G169">
        <v>0.59794139862060502</v>
      </c>
    </row>
    <row r="170" spans="1:7" x14ac:dyDescent="0.25">
      <c r="A170" t="s">
        <v>175</v>
      </c>
      <c r="B170">
        <v>534.5</v>
      </c>
      <c r="C170">
        <v>583.29016490494803</v>
      </c>
      <c r="D170">
        <v>39.010044097900398</v>
      </c>
      <c r="E170">
        <v>693.388632498682</v>
      </c>
      <c r="F170">
        <v>61.082004547119098</v>
      </c>
      <c r="G170">
        <v>0.63865035772323597</v>
      </c>
    </row>
    <row r="171" spans="1:7" x14ac:dyDescent="0.25">
      <c r="A171" t="s">
        <v>176</v>
      </c>
      <c r="B171">
        <v>538.09997558593795</v>
      </c>
      <c r="C171">
        <v>573.74152422309498</v>
      </c>
      <c r="D171">
        <v>22.624805450439499</v>
      </c>
      <c r="E171">
        <v>402.14727050624799</v>
      </c>
      <c r="F171">
        <v>60.082073211669901</v>
      </c>
      <c r="G171">
        <v>0.37656497955322299</v>
      </c>
    </row>
    <row r="172" spans="1:7" x14ac:dyDescent="0.25">
      <c r="A172" t="s">
        <v>177</v>
      </c>
      <c r="B172">
        <v>541.70001220703102</v>
      </c>
      <c r="C172">
        <v>564.19510562940297</v>
      </c>
      <c r="D172">
        <v>21.361679077148398</v>
      </c>
      <c r="E172">
        <v>379.695673473179</v>
      </c>
      <c r="F172">
        <v>59.082374572753899</v>
      </c>
      <c r="G172">
        <v>0.36155754327773998</v>
      </c>
    </row>
    <row r="173" spans="1:7" x14ac:dyDescent="0.25">
      <c r="A173" t="s">
        <v>178</v>
      </c>
      <c r="B173">
        <v>545.29998779296898</v>
      </c>
      <c r="C173">
        <v>554.64755777779305</v>
      </c>
      <c r="D173">
        <v>20.401758193969702</v>
      </c>
      <c r="E173">
        <v>362.63346555642801</v>
      </c>
      <c r="F173">
        <v>58.082557678222699</v>
      </c>
      <c r="G173">
        <v>0.351254463195801</v>
      </c>
    </row>
    <row r="174" spans="1:7" x14ac:dyDescent="0.25">
      <c r="A174" t="s">
        <v>179</v>
      </c>
      <c r="B174">
        <v>548.90002441406295</v>
      </c>
      <c r="C174">
        <v>545.10048348595501</v>
      </c>
      <c r="D174">
        <v>20.961269378662099</v>
      </c>
      <c r="E174">
        <v>372.57856456562899</v>
      </c>
      <c r="F174">
        <v>57.082790374755902</v>
      </c>
      <c r="G174">
        <v>0.367208212614059</v>
      </c>
    </row>
    <row r="175" spans="1:7" x14ac:dyDescent="0.25">
      <c r="A175" t="s">
        <v>180</v>
      </c>
      <c r="B175">
        <v>552.5</v>
      </c>
      <c r="C175">
        <v>535.55431988598696</v>
      </c>
      <c r="D175">
        <v>39.458003997802699</v>
      </c>
      <c r="E175">
        <v>701.35097485035703</v>
      </c>
      <c r="F175">
        <v>56.083118438720703</v>
      </c>
      <c r="G175">
        <v>0.70356297492981001</v>
      </c>
    </row>
    <row r="176" spans="1:7" x14ac:dyDescent="0.25">
      <c r="A176" t="s">
        <v>181</v>
      </c>
      <c r="B176">
        <v>556.09997558593795</v>
      </c>
      <c r="C176">
        <v>526.00640775762895</v>
      </c>
      <c r="D176">
        <v>36.942276000976598</v>
      </c>
      <c r="E176">
        <v>656.63486020639505</v>
      </c>
      <c r="F176">
        <v>55.083263397216797</v>
      </c>
      <c r="G176">
        <v>0.67066246271133401</v>
      </c>
    </row>
    <row r="177" spans="1:7" x14ac:dyDescent="0.25">
      <c r="A177" t="s">
        <v>182</v>
      </c>
      <c r="B177">
        <v>559.70001220703102</v>
      </c>
      <c r="C177">
        <v>516.46148269860396</v>
      </c>
      <c r="D177">
        <v>45.436058044433601</v>
      </c>
      <c r="E177">
        <v>807.60859418660402</v>
      </c>
      <c r="F177">
        <v>54.0837211608887</v>
      </c>
      <c r="G177">
        <v>0.84010601043701205</v>
      </c>
    </row>
    <row r="178" spans="1:7" x14ac:dyDescent="0.25">
      <c r="A178" t="s">
        <v>183</v>
      </c>
      <c r="B178">
        <v>563.29998779296898</v>
      </c>
      <c r="C178">
        <v>506.91265987837602</v>
      </c>
      <c r="D178">
        <v>35.015178680419901</v>
      </c>
      <c r="E178">
        <v>622.381397988647</v>
      </c>
      <c r="F178">
        <v>53.083770751953097</v>
      </c>
      <c r="G178">
        <v>0.65962117910385099</v>
      </c>
    </row>
    <row r="179" spans="1:7" x14ac:dyDescent="0.25">
      <c r="A179" t="s">
        <v>184</v>
      </c>
      <c r="B179">
        <v>566.90002441406295</v>
      </c>
      <c r="C179">
        <v>497.367661964001</v>
      </c>
      <c r="D179">
        <v>40.177154541015597</v>
      </c>
      <c r="E179">
        <v>714.13355180993699</v>
      </c>
      <c r="F179">
        <v>52.084220886230497</v>
      </c>
      <c r="G179">
        <v>0.77138823270797696</v>
      </c>
    </row>
    <row r="180" spans="1:7" x14ac:dyDescent="0.25">
      <c r="A180" t="s">
        <v>185</v>
      </c>
      <c r="B180">
        <v>570.5</v>
      </c>
      <c r="C180">
        <v>487.81869343307397</v>
      </c>
      <c r="D180">
        <v>29.799131393432599</v>
      </c>
      <c r="E180">
        <v>529.66817747801497</v>
      </c>
      <c r="F180">
        <v>51.084255218505902</v>
      </c>
      <c r="G180">
        <v>0.58333301544189498</v>
      </c>
    </row>
    <row r="181" spans="1:7" x14ac:dyDescent="0.25">
      <c r="A181" t="s">
        <v>186</v>
      </c>
      <c r="B181">
        <v>574.09997558593795</v>
      </c>
      <c r="C181">
        <v>478.27245697775601</v>
      </c>
      <c r="D181">
        <v>33.621231079101598</v>
      </c>
      <c r="E181">
        <v>597.60455042123795</v>
      </c>
      <c r="F181">
        <v>50.0845756530762</v>
      </c>
      <c r="G181">
        <v>0.67128914594650302</v>
      </c>
    </row>
    <row r="182" spans="1:7" x14ac:dyDescent="0.25">
      <c r="A182" t="s">
        <v>187</v>
      </c>
      <c r="B182">
        <v>577.70001220703102</v>
      </c>
      <c r="C182">
        <v>468.725491968943</v>
      </c>
      <c r="D182">
        <v>22.4769287109375</v>
      </c>
      <c r="E182">
        <v>399.518816266209</v>
      </c>
      <c r="F182">
        <v>49.0848197937012</v>
      </c>
      <c r="G182">
        <v>0.45792016386985801</v>
      </c>
    </row>
    <row r="183" spans="1:7" x14ac:dyDescent="0.25">
      <c r="A183" t="s">
        <v>188</v>
      </c>
      <c r="B183">
        <v>581.29998779296898</v>
      </c>
      <c r="C183">
        <v>459.17521204172402</v>
      </c>
      <c r="D183">
        <v>45.585418701171903</v>
      </c>
      <c r="E183">
        <v>810.26338739320602</v>
      </c>
      <c r="F183">
        <v>48.084716796875</v>
      </c>
      <c r="G183">
        <v>0.948023021221161</v>
      </c>
    </row>
    <row r="184" spans="1:7" x14ac:dyDescent="0.25">
      <c r="A184" t="s">
        <v>189</v>
      </c>
      <c r="B184">
        <v>584.90002441406295</v>
      </c>
      <c r="C184">
        <v>449.62915772477999</v>
      </c>
      <c r="D184">
        <v>42.637439727783203</v>
      </c>
      <c r="E184">
        <v>757.86421075463295</v>
      </c>
      <c r="F184">
        <v>47.085056304931598</v>
      </c>
      <c r="G184">
        <v>0.90554082393646196</v>
      </c>
    </row>
    <row r="185" spans="1:7" x14ac:dyDescent="0.25">
      <c r="A185" t="s">
        <v>190</v>
      </c>
      <c r="B185">
        <v>588.5</v>
      </c>
      <c r="C185">
        <v>440.08073560897498</v>
      </c>
      <c r="D185">
        <v>37.688602447509801</v>
      </c>
      <c r="E185">
        <v>669.90050254389598</v>
      </c>
      <c r="F185">
        <v>46.085147857666001</v>
      </c>
      <c r="G185">
        <v>0.81780368089675903</v>
      </c>
    </row>
    <row r="186" spans="1:7" x14ac:dyDescent="0.25">
      <c r="A186" t="s">
        <v>191</v>
      </c>
      <c r="B186">
        <v>592.09997558593795</v>
      </c>
      <c r="C186">
        <v>430.53854262555899</v>
      </c>
      <c r="D186">
        <v>34.7779350280762</v>
      </c>
      <c r="E186">
        <v>618.16448578611005</v>
      </c>
      <c r="F186">
        <v>45.085891723632798</v>
      </c>
      <c r="G186">
        <v>0.771370708942413</v>
      </c>
    </row>
    <row r="187" spans="1:7" x14ac:dyDescent="0.25">
      <c r="A187" t="s">
        <v>192</v>
      </c>
      <c r="B187">
        <v>595.70001220703102</v>
      </c>
      <c r="C187">
        <v>420.99059406952603</v>
      </c>
      <c r="D187">
        <v>21.628883361816399</v>
      </c>
      <c r="E187">
        <v>384.445127565414</v>
      </c>
      <c r="F187">
        <v>44.086032867431598</v>
      </c>
      <c r="G187">
        <v>0.490606248378754</v>
      </c>
    </row>
    <row r="188" spans="1:7" x14ac:dyDescent="0.25">
      <c r="A188" t="s">
        <v>193</v>
      </c>
      <c r="B188">
        <v>599.29998779296898</v>
      </c>
      <c r="C188">
        <v>411.43871132461601</v>
      </c>
      <c r="D188">
        <v>41.852272033691399</v>
      </c>
      <c r="E188">
        <v>743.90816735103704</v>
      </c>
      <c r="F188">
        <v>43.085762023925803</v>
      </c>
      <c r="G188">
        <v>0.97137129306793202</v>
      </c>
    </row>
    <row r="189" spans="1:7" x14ac:dyDescent="0.25">
      <c r="A189" t="s">
        <v>194</v>
      </c>
      <c r="B189">
        <v>602.90002441406295</v>
      </c>
      <c r="C189">
        <v>401.89724689469602</v>
      </c>
      <c r="D189">
        <v>127.494674682617</v>
      </c>
      <c r="E189">
        <v>2266.1690600216398</v>
      </c>
      <c r="F189">
        <v>42.086582183837898</v>
      </c>
      <c r="G189">
        <v>3.0293426513671902</v>
      </c>
    </row>
    <row r="190" spans="1:7" x14ac:dyDescent="0.25">
      <c r="A190" t="s">
        <v>195</v>
      </c>
      <c r="B190">
        <v>606.5</v>
      </c>
      <c r="C190">
        <v>392.35064616263003</v>
      </c>
      <c r="D190">
        <v>60.964382171630902</v>
      </c>
      <c r="E190">
        <v>1083.61861202866</v>
      </c>
      <c r="F190">
        <v>41.086864471435497</v>
      </c>
      <c r="G190">
        <v>1.48379254341125</v>
      </c>
    </row>
    <row r="191" spans="1:7" x14ac:dyDescent="0.25">
      <c r="A191" t="s">
        <v>196</v>
      </c>
      <c r="B191">
        <v>610.09997558593795</v>
      </c>
      <c r="C191">
        <v>382.80306188334498</v>
      </c>
      <c r="D191">
        <v>53.627063751220703</v>
      </c>
      <c r="E191">
        <v>953.20056425407495</v>
      </c>
      <c r="F191">
        <v>40.087043762207003</v>
      </c>
      <c r="G191">
        <v>1.3377654552459699</v>
      </c>
    </row>
    <row r="192" spans="1:7" x14ac:dyDescent="0.25">
      <c r="A192" t="s">
        <v>197</v>
      </c>
      <c r="B192">
        <v>613.70001220703102</v>
      </c>
      <c r="C192">
        <v>373.25504047196301</v>
      </c>
      <c r="D192">
        <v>57.162971496582003</v>
      </c>
      <c r="E192">
        <v>1016.04999508709</v>
      </c>
      <c r="F192">
        <v>39.0871772766113</v>
      </c>
      <c r="G192">
        <v>1.4624482393264799</v>
      </c>
    </row>
    <row r="193" spans="1:7" x14ac:dyDescent="0.25">
      <c r="A193" t="s">
        <v>198</v>
      </c>
      <c r="B193">
        <v>617.29998779296898</v>
      </c>
      <c r="C193">
        <v>363.70745619267802</v>
      </c>
      <c r="D193">
        <v>58.287067413330099</v>
      </c>
      <c r="E193">
        <v>1036.0303567722401</v>
      </c>
      <c r="F193">
        <v>38.087356567382798</v>
      </c>
      <c r="G193">
        <v>1.5303521156311</v>
      </c>
    </row>
    <row r="194" spans="1:7" x14ac:dyDescent="0.25">
      <c r="A194" t="s">
        <v>199</v>
      </c>
      <c r="B194">
        <v>620.90002441406295</v>
      </c>
      <c r="C194">
        <v>354.16424323436797</v>
      </c>
      <c r="D194">
        <v>77.081092834472699</v>
      </c>
      <c r="E194">
        <v>1370.08691672236</v>
      </c>
      <c r="F194">
        <v>37.0879936218262</v>
      </c>
      <c r="G194">
        <v>2.07833003997803</v>
      </c>
    </row>
    <row r="195" spans="1:7" x14ac:dyDescent="0.25">
      <c r="A195" t="s">
        <v>200</v>
      </c>
      <c r="B195">
        <v>624.5</v>
      </c>
      <c r="C195">
        <v>344.61633110601002</v>
      </c>
      <c r="D195">
        <v>58.426177978515597</v>
      </c>
      <c r="E195">
        <v>1038.5030182078499</v>
      </c>
      <c r="F195">
        <v>36.088138580322301</v>
      </c>
      <c r="G195">
        <v>1.61898565292358</v>
      </c>
    </row>
    <row r="196" spans="1:7" x14ac:dyDescent="0.25">
      <c r="A196" t="s">
        <v>201</v>
      </c>
      <c r="B196">
        <v>628.09997558593795</v>
      </c>
      <c r="C196">
        <v>335.06841897765202</v>
      </c>
      <c r="D196">
        <v>69.269721984863295</v>
      </c>
      <c r="E196">
        <v>1231.2427861616</v>
      </c>
      <c r="F196">
        <v>35.088283538818402</v>
      </c>
      <c r="G196">
        <v>1.9741553068161</v>
      </c>
    </row>
    <row r="197" spans="1:7" x14ac:dyDescent="0.25">
      <c r="A197" t="s">
        <v>202</v>
      </c>
      <c r="B197">
        <v>631.70001220703102</v>
      </c>
      <c r="C197">
        <v>325.52123540279001</v>
      </c>
      <c r="D197">
        <v>71.646041870117202</v>
      </c>
      <c r="E197">
        <v>1273.4810588881401</v>
      </c>
      <c r="F197">
        <v>34.088504791259801</v>
      </c>
      <c r="G197">
        <v>2.1017653942108199</v>
      </c>
    </row>
    <row r="198" spans="1:7" x14ac:dyDescent="0.25">
      <c r="A198" t="s">
        <v>203</v>
      </c>
      <c r="B198">
        <v>635.29998779296898</v>
      </c>
      <c r="C198">
        <v>315.97401540025299</v>
      </c>
      <c r="D198">
        <v>97.792793273925795</v>
      </c>
      <c r="E198">
        <v>1738.22953365743</v>
      </c>
      <c r="F198">
        <v>33.088722229003899</v>
      </c>
      <c r="G198">
        <v>2.9554719924926798</v>
      </c>
    </row>
    <row r="199" spans="1:7" x14ac:dyDescent="0.25">
      <c r="A199" t="s">
        <v>204</v>
      </c>
      <c r="B199">
        <v>638.90002441406295</v>
      </c>
      <c r="C199">
        <v>306.42486473095198</v>
      </c>
      <c r="D199">
        <v>63.877040863037102</v>
      </c>
      <c r="E199">
        <v>1135.3900190442801</v>
      </c>
      <c r="F199">
        <v>32.088737487792997</v>
      </c>
      <c r="G199">
        <v>1.9906374216079701</v>
      </c>
    </row>
    <row r="200" spans="1:7" x14ac:dyDescent="0.25">
      <c r="A200" t="s">
        <v>205</v>
      </c>
      <c r="B200">
        <v>642.5</v>
      </c>
      <c r="C200">
        <v>296.88008538262602</v>
      </c>
      <c r="D200">
        <v>56.822357177734403</v>
      </c>
      <c r="E200">
        <v>1009.99569986016</v>
      </c>
      <c r="F200">
        <v>31.089210510253899</v>
      </c>
      <c r="G200">
        <v>1.82771956920624</v>
      </c>
    </row>
    <row r="201" spans="1:7" x14ac:dyDescent="0.25">
      <c r="A201" t="s">
        <v>206</v>
      </c>
      <c r="B201">
        <v>646.09997558593795</v>
      </c>
      <c r="C201">
        <v>287.33346643672297</v>
      </c>
      <c r="D201">
        <v>52.675167083740199</v>
      </c>
      <c r="E201">
        <v>936.28093600273098</v>
      </c>
      <c r="F201">
        <v>30.089490890502901</v>
      </c>
      <c r="G201">
        <v>1.75061678886414</v>
      </c>
    </row>
    <row r="202" spans="1:7" x14ac:dyDescent="0.25">
      <c r="A202" t="s">
        <v>207</v>
      </c>
      <c r="B202">
        <v>649.70001220703102</v>
      </c>
      <c r="C202">
        <v>277.788195314787</v>
      </c>
      <c r="D202">
        <v>47.986343383789098</v>
      </c>
      <c r="E202">
        <v>852.93891606852401</v>
      </c>
      <c r="F202">
        <v>29.089912414550799</v>
      </c>
      <c r="G202">
        <v>1.64958703517914</v>
      </c>
    </row>
    <row r="203" spans="1:7" x14ac:dyDescent="0.25">
      <c r="A203" t="s">
        <v>208</v>
      </c>
      <c r="B203">
        <v>653.29998779296898</v>
      </c>
      <c r="C203">
        <v>268.239081073161</v>
      </c>
      <c r="D203">
        <v>52.870429992675803</v>
      </c>
      <c r="E203">
        <v>939.75168420001899</v>
      </c>
      <c r="F203">
        <v>28.089931488037099</v>
      </c>
      <c r="G203">
        <v>1.88218438625336</v>
      </c>
    </row>
    <row r="204" spans="1:7" x14ac:dyDescent="0.25">
      <c r="A204" t="s">
        <v>209</v>
      </c>
      <c r="B204">
        <v>656.90002441406295</v>
      </c>
      <c r="C204">
        <v>258.69206142283502</v>
      </c>
      <c r="D204">
        <v>40.028335571289098</v>
      </c>
      <c r="E204">
        <v>711.48836286738504</v>
      </c>
      <c r="F204">
        <v>27.0901699066162</v>
      </c>
      <c r="G204">
        <v>1.4775962829589799</v>
      </c>
    </row>
    <row r="205" spans="1:7" x14ac:dyDescent="0.25">
      <c r="A205" t="s">
        <v>210</v>
      </c>
      <c r="B205">
        <v>660.5</v>
      </c>
      <c r="C205">
        <v>249.14480499262299</v>
      </c>
      <c r="D205">
        <v>41.280532836914098</v>
      </c>
      <c r="E205">
        <v>733.74569183215499</v>
      </c>
      <c r="F205">
        <v>26.0903835296631</v>
      </c>
      <c r="G205">
        <v>1.5822125673294101</v>
      </c>
    </row>
    <row r="206" spans="1:7" x14ac:dyDescent="0.25">
      <c r="A206" t="s">
        <v>211</v>
      </c>
      <c r="B206">
        <v>664.09899902343795</v>
      </c>
      <c r="C206">
        <v>239.597676059273</v>
      </c>
      <c r="D206">
        <v>45.815731048583999</v>
      </c>
      <c r="E206">
        <v>814.35713218525098</v>
      </c>
      <c r="F206">
        <v>25.090610504150401</v>
      </c>
      <c r="G206">
        <v>1.8260110616684</v>
      </c>
    </row>
    <row r="207" spans="1:7" x14ac:dyDescent="0.25">
      <c r="A207" t="s">
        <v>212</v>
      </c>
      <c r="B207">
        <v>667.698974609375</v>
      </c>
      <c r="C207">
        <v>230.05191316372799</v>
      </c>
      <c r="D207">
        <v>45.485237121582003</v>
      </c>
      <c r="E207">
        <v>808.48269863054202</v>
      </c>
      <c r="F207">
        <v>24.090980529785199</v>
      </c>
      <c r="G207">
        <v>1.88806080818176</v>
      </c>
    </row>
    <row r="208" spans="1:7" x14ac:dyDescent="0.25">
      <c r="A208" t="s">
        <v>213</v>
      </c>
      <c r="B208">
        <v>671.29901123046898</v>
      </c>
      <c r="C208">
        <v>220.50390996618299</v>
      </c>
      <c r="D208">
        <v>45.514690399169901</v>
      </c>
      <c r="E208">
        <v>809.00621833279695</v>
      </c>
      <c r="F208">
        <v>23.0911159515381</v>
      </c>
      <c r="G208">
        <v>1.9710910320282</v>
      </c>
    </row>
    <row r="209" spans="1:7" x14ac:dyDescent="0.25">
      <c r="A209" t="s">
        <v>214</v>
      </c>
      <c r="B209">
        <v>674.89898681640602</v>
      </c>
      <c r="C209">
        <v>210.957072454231</v>
      </c>
      <c r="D209">
        <v>37.821926116943402</v>
      </c>
      <c r="E209">
        <v>672.27025283500598</v>
      </c>
      <c r="F209">
        <v>22.091373443603501</v>
      </c>
      <c r="G209">
        <v>1.7120676040649401</v>
      </c>
    </row>
    <row r="210" spans="1:7" x14ac:dyDescent="0.25">
      <c r="A210" t="s">
        <v>215</v>
      </c>
      <c r="B210">
        <v>678.4990234375</v>
      </c>
      <c r="C210">
        <v>201.40990709320599</v>
      </c>
      <c r="D210">
        <v>39.025569915771499</v>
      </c>
      <c r="E210">
        <v>693.66459501907195</v>
      </c>
      <c r="F210">
        <v>21.091596603393601</v>
      </c>
      <c r="G210">
        <v>1.8502899408340501</v>
      </c>
    </row>
    <row r="211" spans="1:7" x14ac:dyDescent="0.25">
      <c r="A211" t="s">
        <v>216</v>
      </c>
      <c r="B211">
        <v>682.09899902343795</v>
      </c>
      <c r="C211">
        <v>191.862450310783</v>
      </c>
      <c r="D211">
        <v>40.916847229003899</v>
      </c>
      <c r="E211">
        <v>727.28132363408804</v>
      </c>
      <c r="F211">
        <v>20.091789245605501</v>
      </c>
      <c r="G211">
        <v>2.0364959239959699</v>
      </c>
    </row>
    <row r="212" spans="1:7" x14ac:dyDescent="0.25">
      <c r="A212" t="s">
        <v>217</v>
      </c>
      <c r="B212">
        <v>685.698974609375</v>
      </c>
      <c r="C212">
        <v>182.316596346051</v>
      </c>
      <c r="D212">
        <v>44.492385864257798</v>
      </c>
      <c r="E212">
        <v>790.835125371814</v>
      </c>
      <c r="F212">
        <v>19.092149734497099</v>
      </c>
      <c r="G212">
        <v>2.3304021358489999</v>
      </c>
    </row>
    <row r="213" spans="1:7" x14ac:dyDescent="0.25">
      <c r="A213" t="s">
        <v>218</v>
      </c>
      <c r="B213">
        <v>689.29901123046898</v>
      </c>
      <c r="C213">
        <v>172.76864779001801</v>
      </c>
      <c r="D213">
        <v>49.918212890625</v>
      </c>
      <c r="E213">
        <v>887.27718684822298</v>
      </c>
      <c r="F213">
        <v>18.092290878295898</v>
      </c>
      <c r="G213">
        <v>2.75908756256104</v>
      </c>
    </row>
    <row r="214" spans="1:7" x14ac:dyDescent="0.25">
      <c r="A214" t="s">
        <v>219</v>
      </c>
      <c r="B214">
        <v>692.89898681640602</v>
      </c>
      <c r="C214">
        <v>163.22202884411499</v>
      </c>
      <c r="D214">
        <v>42.467174530029297</v>
      </c>
      <c r="E214">
        <v>754.83781984075904</v>
      </c>
      <c r="F214">
        <v>17.092571258544901</v>
      </c>
      <c r="G214">
        <v>2.4845397472381601</v>
      </c>
    </row>
    <row r="215" spans="1:7" x14ac:dyDescent="0.25">
      <c r="A215" t="s">
        <v>220</v>
      </c>
      <c r="B215">
        <v>696.4990234375</v>
      </c>
      <c r="C215">
        <v>153.67579238879699</v>
      </c>
      <c r="D215">
        <v>30.3412170410156</v>
      </c>
      <c r="E215">
        <v>539.303524419665</v>
      </c>
      <c r="F215">
        <v>16.092891693115199</v>
      </c>
      <c r="G215">
        <v>1.8853800296783401</v>
      </c>
    </row>
    <row r="216" spans="1:7" x14ac:dyDescent="0.25">
      <c r="A216" t="s">
        <v>221</v>
      </c>
      <c r="B216">
        <v>700.09899902343795</v>
      </c>
      <c r="C216">
        <v>144.12538496471601</v>
      </c>
      <c r="D216">
        <v>26.216127395629901</v>
      </c>
      <c r="E216">
        <v>465.98166227340698</v>
      </c>
      <c r="F216">
        <v>15.092775344848601</v>
      </c>
      <c r="G216">
        <v>1.73699843883514</v>
      </c>
    </row>
    <row r="217" spans="1:7" x14ac:dyDescent="0.25">
      <c r="A217" t="s">
        <v>222</v>
      </c>
      <c r="B217">
        <v>703.698974609375</v>
      </c>
      <c r="C217">
        <v>134.574549515456</v>
      </c>
      <c r="D217">
        <v>25.8738403320313</v>
      </c>
      <c r="E217">
        <v>459.89762293174903</v>
      </c>
      <c r="F217">
        <v>14.092614173889199</v>
      </c>
      <c r="G217">
        <v>1.8359858989715601</v>
      </c>
    </row>
    <row r="218" spans="1:7" x14ac:dyDescent="0.25">
      <c r="A218" t="s">
        <v>223</v>
      </c>
      <c r="B218">
        <v>707.29901123046898</v>
      </c>
      <c r="C218">
        <v>125.02566294679799</v>
      </c>
      <c r="D218">
        <v>21.674901962280298</v>
      </c>
      <c r="E218">
        <v>385.26309072039999</v>
      </c>
      <c r="F218">
        <v>13.0926570892334</v>
      </c>
      <c r="G218">
        <v>1.65550065040588</v>
      </c>
    </row>
    <row r="219" spans="1:7" x14ac:dyDescent="0.25">
      <c r="A219" t="s">
        <v>224</v>
      </c>
      <c r="B219">
        <v>710.89898681640602</v>
      </c>
      <c r="C219">
        <v>115.474490541546</v>
      </c>
      <c r="D219">
        <v>21.3658962249756</v>
      </c>
      <c r="E219">
        <v>379.770644940436</v>
      </c>
      <c r="F219">
        <v>12.092460632324199</v>
      </c>
      <c r="G219">
        <v>1.7668774127960201</v>
      </c>
    </row>
    <row r="220" spans="1:7" x14ac:dyDescent="0.25">
      <c r="A220" t="s">
        <v>225</v>
      </c>
      <c r="B220">
        <v>714.4990234375</v>
      </c>
      <c r="C220">
        <v>105.925230589221</v>
      </c>
      <c r="D220">
        <v>23.588912963867202</v>
      </c>
      <c r="E220">
        <v>419.28389691747702</v>
      </c>
      <c r="F220">
        <v>11.0924644470215</v>
      </c>
      <c r="G220">
        <v>2.1265709400177002</v>
      </c>
    </row>
    <row r="221" spans="1:7" x14ac:dyDescent="0.25">
      <c r="A221" t="s">
        <v>226</v>
      </c>
      <c r="B221">
        <v>718.09899902343795</v>
      </c>
      <c r="C221">
        <v>96.374413353798502</v>
      </c>
      <c r="D221">
        <v>23.257532119751001</v>
      </c>
      <c r="E221">
        <v>413.393747294322</v>
      </c>
      <c r="F221">
        <v>10.0923051834106</v>
      </c>
      <c r="G221">
        <v>2.3044817447662398</v>
      </c>
    </row>
    <row r="222" spans="1:7" x14ac:dyDescent="0.25">
      <c r="A222" t="s">
        <v>227</v>
      </c>
      <c r="B222">
        <v>721.698974609375</v>
      </c>
      <c r="C222">
        <v>86.823322910815094</v>
      </c>
      <c r="D222">
        <v>21.624414443969702</v>
      </c>
      <c r="E222">
        <v>384.365703212097</v>
      </c>
      <c r="F222">
        <v>9.0921173095703107</v>
      </c>
      <c r="G222">
        <v>2.3783695697784402</v>
      </c>
    </row>
    <row r="223" spans="1:7" x14ac:dyDescent="0.25">
      <c r="A223" t="s">
        <v>228</v>
      </c>
      <c r="B223">
        <v>725.29901123046898</v>
      </c>
      <c r="C223">
        <v>77.272769776034906</v>
      </c>
      <c r="D223">
        <v>18.9609489440918</v>
      </c>
      <c r="E223">
        <v>337.02360815368598</v>
      </c>
      <c r="F223">
        <v>8.0919857025146502</v>
      </c>
      <c r="G223">
        <v>2.3431763648986799</v>
      </c>
    </row>
    <row r="224" spans="1:7" x14ac:dyDescent="0.25">
      <c r="A224" t="s">
        <v>229</v>
      </c>
      <c r="B224">
        <v>728.89898681640602</v>
      </c>
      <c r="C224">
        <v>67.723719282839696</v>
      </c>
      <c r="D224">
        <v>18.1888027191162</v>
      </c>
      <c r="E224">
        <v>323.29902751371299</v>
      </c>
      <c r="F224">
        <v>7.0920114517211896</v>
      </c>
      <c r="G224">
        <v>2.5646889209747301</v>
      </c>
    </row>
    <row r="225" spans="1:7" x14ac:dyDescent="0.25">
      <c r="A225" t="s">
        <v>230</v>
      </c>
      <c r="B225">
        <v>732.4990234375</v>
      </c>
      <c r="C225">
        <v>58.175861795993903</v>
      </c>
      <c r="D225">
        <v>16.929742813110401</v>
      </c>
      <c r="E225">
        <v>300.91972439549897</v>
      </c>
      <c r="F225">
        <v>6.09216213226318</v>
      </c>
      <c r="G225">
        <v>2.7789382934570299</v>
      </c>
    </row>
    <row r="226" spans="1:7" x14ac:dyDescent="0.25">
      <c r="A226" t="s">
        <v>231</v>
      </c>
      <c r="B226">
        <v>736.09899902343795</v>
      </c>
      <c r="C226">
        <v>48.626337743026497</v>
      </c>
      <c r="D226">
        <v>19.484937667846701</v>
      </c>
      <c r="E226">
        <v>346.33732866495802</v>
      </c>
      <c r="F226">
        <v>5.0921382904052699</v>
      </c>
      <c r="G226">
        <v>3.8264746665954599</v>
      </c>
    </row>
    <row r="227" spans="1:7" x14ac:dyDescent="0.25">
      <c r="A227" t="s">
        <v>232</v>
      </c>
      <c r="B227">
        <v>739.698974609375</v>
      </c>
      <c r="C227">
        <v>39.079013010924399</v>
      </c>
      <c r="D227">
        <v>17.772649765014599</v>
      </c>
      <c r="E227">
        <v>315.90205617249001</v>
      </c>
      <c r="F227">
        <v>4.0923447608947798</v>
      </c>
      <c r="G227">
        <v>4.3429012298584002</v>
      </c>
    </row>
    <row r="228" spans="1:7" x14ac:dyDescent="0.25">
      <c r="A228" t="s">
        <v>233</v>
      </c>
      <c r="B228">
        <v>743.29901123046898</v>
      </c>
      <c r="C228">
        <v>29.5287740648393</v>
      </c>
      <c r="D228">
        <v>15.099149703979499</v>
      </c>
      <c r="E228">
        <v>268.38161284104001</v>
      </c>
      <c r="F228">
        <v>3.09224605560303</v>
      </c>
      <c r="G228">
        <v>4.8829069137573198</v>
      </c>
    </row>
    <row r="229" spans="1:7" x14ac:dyDescent="0.25">
      <c r="A229" t="s">
        <v>234</v>
      </c>
      <c r="B229">
        <v>746.89898681640602</v>
      </c>
      <c r="C229">
        <v>19.9800764647436</v>
      </c>
      <c r="D229">
        <v>19.7468452453613</v>
      </c>
      <c r="E229">
        <v>350.99263186566498</v>
      </c>
      <c r="F229">
        <v>2.0923087596893302</v>
      </c>
      <c r="G229">
        <v>9.4378252029418892</v>
      </c>
    </row>
    <row r="230" spans="1:7" x14ac:dyDescent="0.25">
      <c r="A230" t="s">
        <v>235</v>
      </c>
      <c r="B230">
        <v>750.4990234375</v>
      </c>
      <c r="C230">
        <v>10.429716851985701</v>
      </c>
      <c r="D230">
        <v>16.0358772277832</v>
      </c>
      <c r="E230">
        <v>285.031594103202</v>
      </c>
      <c r="F230">
        <v>1.09219741821289</v>
      </c>
      <c r="G230">
        <v>14.6822147369385</v>
      </c>
    </row>
    <row r="231" spans="1:7" x14ac:dyDescent="0.25">
      <c r="A231" t="s">
        <v>236</v>
      </c>
      <c r="B231">
        <v>754.09899902343795</v>
      </c>
      <c r="C231">
        <v>0.88199696498957803</v>
      </c>
      <c r="D231">
        <v>11.156741142272899</v>
      </c>
      <c r="E231">
        <v>198.30680685117801</v>
      </c>
      <c r="F231">
        <v>9.2362508177757305E-2</v>
      </c>
      <c r="G231">
        <v>120.792961120605</v>
      </c>
    </row>
  </sheetData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topLeftCell="A210"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7.1059999465942401</v>
      </c>
      <c r="C2">
        <v>8.8362149698958206</v>
      </c>
      <c r="D2">
        <v>415.9384765625</v>
      </c>
      <c r="E2">
        <v>7393.1473307311499</v>
      </c>
      <c r="F2">
        <v>0.925326287746429</v>
      </c>
      <c r="G2">
        <v>449.50466918945301</v>
      </c>
    </row>
    <row r="3" spans="1:7" x14ac:dyDescent="0.25">
      <c r="A3" t="s">
        <v>8</v>
      </c>
      <c r="B3">
        <v>10.706000328064</v>
      </c>
      <c r="C3">
        <v>18.382568107609298</v>
      </c>
      <c r="D3">
        <v>344.47695922851602</v>
      </c>
      <c r="E3">
        <v>6122.94627353549</v>
      </c>
      <c r="F3">
        <v>1.9250180721282999</v>
      </c>
      <c r="G3">
        <v>178.94738769531301</v>
      </c>
    </row>
    <row r="4" spans="1:7" x14ac:dyDescent="0.25">
      <c r="A4" t="s">
        <v>9</v>
      </c>
      <c r="B4">
        <v>14.3059997558594</v>
      </c>
      <c r="C4">
        <v>27.931145041032199</v>
      </c>
      <c r="D4">
        <v>286.08810424804699</v>
      </c>
      <c r="E4">
        <v>5085.10693907738</v>
      </c>
      <c r="F4">
        <v>2.9249427318572998</v>
      </c>
      <c r="G4">
        <v>97.809814453125</v>
      </c>
    </row>
    <row r="5" spans="1:7" x14ac:dyDescent="0.25">
      <c r="A5" t="s">
        <v>10</v>
      </c>
      <c r="B5">
        <v>17.906000137329102</v>
      </c>
      <c r="C5">
        <v>37.475858364197798</v>
      </c>
      <c r="D5">
        <v>241.77169799804699</v>
      </c>
      <c r="E5">
        <v>4297.3994277417696</v>
      </c>
      <c r="F5">
        <v>3.9244627952575701</v>
      </c>
      <c r="G5">
        <v>61.606315612792997</v>
      </c>
    </row>
    <row r="6" spans="1:7" x14ac:dyDescent="0.25">
      <c r="A6" t="s">
        <v>11</v>
      </c>
      <c r="B6">
        <v>21.5060005187988</v>
      </c>
      <c r="C6">
        <v>47.028956882753903</v>
      </c>
      <c r="D6">
        <v>248.17408752441401</v>
      </c>
      <c r="E6">
        <v>4411.1995957791796</v>
      </c>
      <c r="F6">
        <v>4.9248609542846697</v>
      </c>
      <c r="G6">
        <v>50.392101287841797</v>
      </c>
    </row>
    <row r="7" spans="1:7" x14ac:dyDescent="0.25">
      <c r="A7" t="s">
        <v>12</v>
      </c>
      <c r="B7">
        <v>25.106000900268601</v>
      </c>
      <c r="C7">
        <v>56.579678495530104</v>
      </c>
      <c r="D7">
        <v>214.75753784179699</v>
      </c>
      <c r="E7">
        <v>3817.2332569956802</v>
      </c>
      <c r="F7">
        <v>5.92501020431519</v>
      </c>
      <c r="G7">
        <v>36.245937347412102</v>
      </c>
    </row>
    <row r="8" spans="1:7" x14ac:dyDescent="0.25">
      <c r="A8" t="s">
        <v>13</v>
      </c>
      <c r="B8">
        <v>28.715999603271499</v>
      </c>
      <c r="C8">
        <v>66.150940763428096</v>
      </c>
      <c r="D8">
        <v>219.42068481445301</v>
      </c>
      <c r="E8">
        <v>3900.1188706606599</v>
      </c>
      <c r="F8">
        <v>6.9273104667663601</v>
      </c>
      <c r="G8">
        <v>31.674730300903299</v>
      </c>
    </row>
    <row r="9" spans="1:7" x14ac:dyDescent="0.25">
      <c r="A9" t="s">
        <v>14</v>
      </c>
      <c r="B9">
        <v>32.316001892089801</v>
      </c>
      <c r="C9">
        <v>75.701475684370905</v>
      </c>
      <c r="D9">
        <v>231.30740356445301</v>
      </c>
      <c r="E9">
        <v>4111.4008054137203</v>
      </c>
      <c r="F9">
        <v>7.9274401664733896</v>
      </c>
      <c r="G9">
        <v>29.1780700683594</v>
      </c>
    </row>
    <row r="10" spans="1:7" x14ac:dyDescent="0.25">
      <c r="A10" t="s">
        <v>15</v>
      </c>
      <c r="B10">
        <v>35.916000366210902</v>
      </c>
      <c r="C10">
        <v>85.242398252628703</v>
      </c>
      <c r="D10">
        <v>318.00906372070301</v>
      </c>
      <c r="E10">
        <v>5652.4896062910602</v>
      </c>
      <c r="F10">
        <v>8.9265632629394496</v>
      </c>
      <c r="G10">
        <v>35.625026702880902</v>
      </c>
    </row>
    <row r="11" spans="1:7" x14ac:dyDescent="0.25">
      <c r="A11" t="s">
        <v>16</v>
      </c>
      <c r="B11">
        <v>39.5060005187988</v>
      </c>
      <c r="C11">
        <v>94.777469625623397</v>
      </c>
      <c r="D11">
        <v>180.12809753418</v>
      </c>
      <c r="E11">
        <v>3201.7079647630499</v>
      </c>
      <c r="F11">
        <v>9.9250736236572301</v>
      </c>
      <c r="G11">
        <v>18.1487922668457</v>
      </c>
    </row>
    <row r="12" spans="1:7" x14ac:dyDescent="0.25">
      <c r="A12" t="s">
        <v>17</v>
      </c>
      <c r="B12">
        <v>43.105998992919901</v>
      </c>
      <c r="C12">
        <v>104.32548193008699</v>
      </c>
      <c r="D12">
        <v>171.58247375488301</v>
      </c>
      <c r="E12">
        <v>3049.8129781335601</v>
      </c>
      <c r="F12">
        <v>10.924939155578601</v>
      </c>
      <c r="G12">
        <v>15.7055768966675</v>
      </c>
    </row>
    <row r="13" spans="1:7" x14ac:dyDescent="0.25">
      <c r="A13" t="s">
        <v>18</v>
      </c>
      <c r="B13">
        <v>46.706001281738303</v>
      </c>
      <c r="C13">
        <v>113.874823844681</v>
      </c>
      <c r="D13">
        <v>186.74623107910199</v>
      </c>
      <c r="E13">
        <v>3319.34285350144</v>
      </c>
      <c r="F13">
        <v>11.924943923950201</v>
      </c>
      <c r="G13">
        <v>15.660135269165</v>
      </c>
    </row>
    <row r="14" spans="1:7" x14ac:dyDescent="0.25">
      <c r="A14" t="s">
        <v>19</v>
      </c>
      <c r="B14">
        <v>50.305999755859403</v>
      </c>
      <c r="C14">
        <v>123.426879621046</v>
      </c>
      <c r="D14">
        <v>191.45429992675801</v>
      </c>
      <c r="E14">
        <v>3403.0270762741602</v>
      </c>
      <c r="F14">
        <v>12.9252328872681</v>
      </c>
      <c r="G14">
        <v>14.8124446868896</v>
      </c>
    </row>
    <row r="15" spans="1:7" x14ac:dyDescent="0.25">
      <c r="A15" t="s">
        <v>20</v>
      </c>
      <c r="B15">
        <v>53.905998229980497</v>
      </c>
      <c r="C15">
        <v>132.97779703257399</v>
      </c>
      <c r="D15">
        <v>202.21499633789099</v>
      </c>
      <c r="E15">
        <v>3594.2941904068002</v>
      </c>
      <c r="F15">
        <v>13.925402641296399</v>
      </c>
      <c r="G15">
        <v>14.521303176879901</v>
      </c>
    </row>
    <row r="16" spans="1:7" x14ac:dyDescent="0.25">
      <c r="A16" t="s">
        <v>21</v>
      </c>
      <c r="B16">
        <v>57.5060005187988</v>
      </c>
      <c r="C16">
        <v>142.52659253204601</v>
      </c>
      <c r="D16">
        <v>201.54151916503901</v>
      </c>
      <c r="E16">
        <v>3582.3234356939802</v>
      </c>
      <c r="F16">
        <v>14.925350189209</v>
      </c>
      <c r="G16">
        <v>13.503302574157701</v>
      </c>
    </row>
    <row r="17" spans="1:7" x14ac:dyDescent="0.25">
      <c r="A17" t="s">
        <v>22</v>
      </c>
      <c r="B17">
        <v>61.105998992919901</v>
      </c>
      <c r="C17">
        <v>152.07754637124901</v>
      </c>
      <c r="D17">
        <v>199.07829284668</v>
      </c>
      <c r="E17">
        <v>3538.5405644774401</v>
      </c>
      <c r="F17">
        <v>15.925523757934601</v>
      </c>
      <c r="G17">
        <v>12.5005807876587</v>
      </c>
    </row>
    <row r="18" spans="1:7" x14ac:dyDescent="0.25">
      <c r="A18" t="s">
        <v>23</v>
      </c>
      <c r="B18">
        <v>64.706001281738295</v>
      </c>
      <c r="C18">
        <v>161.624784587623</v>
      </c>
      <c r="D18">
        <v>198.62570190429699</v>
      </c>
      <c r="E18">
        <v>3530.4960329085602</v>
      </c>
      <c r="F18">
        <v>16.925308227539102</v>
      </c>
      <c r="G18">
        <v>11.735425949096699</v>
      </c>
    </row>
    <row r="19" spans="1:7" x14ac:dyDescent="0.25">
      <c r="A19" t="s">
        <v>24</v>
      </c>
      <c r="B19">
        <v>68.305999755859403</v>
      </c>
      <c r="C19">
        <v>171.172186728534</v>
      </c>
      <c r="D19">
        <v>197.23106384277301</v>
      </c>
      <c r="E19">
        <v>3505.70678710938</v>
      </c>
      <c r="F19">
        <v>17.9251098632813</v>
      </c>
      <c r="G19">
        <v>11.0030603408813</v>
      </c>
    </row>
    <row r="20" spans="1:7" x14ac:dyDescent="0.25">
      <c r="A20" t="s">
        <v>25</v>
      </c>
      <c r="B20">
        <v>71.905998229980497</v>
      </c>
      <c r="C20">
        <v>180.71756713349399</v>
      </c>
      <c r="D20">
        <v>195.95938110351599</v>
      </c>
      <c r="E20">
        <v>3483.10312256217</v>
      </c>
      <c r="F20">
        <v>18.924699783325199</v>
      </c>
      <c r="G20">
        <v>10.354688644409199</v>
      </c>
    </row>
    <row r="21" spans="1:7" x14ac:dyDescent="0.25">
      <c r="A21" t="s">
        <v>26</v>
      </c>
      <c r="B21">
        <v>75.505996704101605</v>
      </c>
      <c r="C21">
        <v>190.26602567697401</v>
      </c>
      <c r="D21">
        <v>203.92332458496099</v>
      </c>
      <c r="E21">
        <v>3624.6592644602101</v>
      </c>
      <c r="F21">
        <v>19.9246120452881</v>
      </c>
      <c r="G21">
        <v>10.234745025634799</v>
      </c>
    </row>
    <row r="22" spans="1:7" x14ac:dyDescent="0.25">
      <c r="A22" t="s">
        <v>27</v>
      </c>
      <c r="B22">
        <v>79.106002807617202</v>
      </c>
      <c r="C22">
        <v>199.811533578796</v>
      </c>
      <c r="D22">
        <v>194.83679199218801</v>
      </c>
      <c r="E22">
        <v>3463.1495364010302</v>
      </c>
      <c r="F22">
        <v>20.9242153167725</v>
      </c>
      <c r="G22">
        <v>9.3115463256835902</v>
      </c>
    </row>
    <row r="23" spans="1:7" x14ac:dyDescent="0.25">
      <c r="A23" t="s">
        <v>28</v>
      </c>
      <c r="B23">
        <v>82.706001281738295</v>
      </c>
      <c r="C23">
        <v>209.36061139274699</v>
      </c>
      <c r="D23">
        <v>201.21292114257801</v>
      </c>
      <c r="E23">
        <v>3576.4826461672801</v>
      </c>
      <c r="F23">
        <v>21.924192428588899</v>
      </c>
      <c r="G23">
        <v>9.1776666641235405</v>
      </c>
    </row>
    <row r="24" spans="1:7" x14ac:dyDescent="0.25">
      <c r="A24" t="s">
        <v>29</v>
      </c>
      <c r="B24">
        <v>86.305999755859403</v>
      </c>
      <c r="C24">
        <v>218.90484432595099</v>
      </c>
      <c r="D24">
        <v>203.93356323242199</v>
      </c>
      <c r="E24">
        <v>3624.8411051929002</v>
      </c>
      <c r="F24">
        <v>22.923662185668899</v>
      </c>
      <c r="G24">
        <v>8.8962030410766602</v>
      </c>
    </row>
    <row r="25" spans="1:7" x14ac:dyDescent="0.25">
      <c r="A25" t="s">
        <v>30</v>
      </c>
      <c r="B25">
        <v>89.905998229980497</v>
      </c>
      <c r="C25">
        <v>228.45417713362599</v>
      </c>
      <c r="D25">
        <v>202.88003540039099</v>
      </c>
      <c r="E25">
        <v>3606.1150021851099</v>
      </c>
      <c r="F25">
        <v>23.9236660003662</v>
      </c>
      <c r="G25">
        <v>8.4803075790405291</v>
      </c>
    </row>
    <row r="26" spans="1:7" x14ac:dyDescent="0.25">
      <c r="A26" t="s">
        <v>31</v>
      </c>
      <c r="B26">
        <v>93.505996704101605</v>
      </c>
      <c r="C26">
        <v>237.99908397881401</v>
      </c>
      <c r="D26">
        <v>197.16445922851599</v>
      </c>
      <c r="E26">
        <v>3504.5228432864001</v>
      </c>
      <c r="F26">
        <v>24.9232063293457</v>
      </c>
      <c r="G26">
        <v>7.9108786582946804</v>
      </c>
    </row>
    <row r="27" spans="1:7" x14ac:dyDescent="0.25">
      <c r="A27" t="s">
        <v>32</v>
      </c>
      <c r="B27">
        <v>97.106002807617202</v>
      </c>
      <c r="C27">
        <v>247.54522936494499</v>
      </c>
      <c r="D27">
        <v>209.50492858886699</v>
      </c>
      <c r="E27">
        <v>3723.87003153563</v>
      </c>
      <c r="F27">
        <v>25.922876358032202</v>
      </c>
      <c r="G27">
        <v>8.0818548202514595</v>
      </c>
    </row>
    <row r="28" spans="1:7" x14ac:dyDescent="0.25">
      <c r="A28" t="s">
        <v>33</v>
      </c>
      <c r="B28">
        <v>100.706001281738</v>
      </c>
      <c r="C28">
        <v>257.094890021693</v>
      </c>
      <c r="D28">
        <v>118.494506835938</v>
      </c>
      <c r="E28">
        <v>2106.1946172267199</v>
      </c>
      <c r="F28">
        <v>26.922914505004901</v>
      </c>
      <c r="G28">
        <v>4.4012513160705602</v>
      </c>
    </row>
    <row r="29" spans="1:7" x14ac:dyDescent="0.25">
      <c r="A29" t="s">
        <v>34</v>
      </c>
      <c r="B29">
        <v>104.30599975585901</v>
      </c>
      <c r="C29">
        <v>266.63877689198603</v>
      </c>
      <c r="D29">
        <v>125.90843200683599</v>
      </c>
      <c r="E29">
        <v>2237.9742003977299</v>
      </c>
      <c r="F29">
        <v>27.922348022460898</v>
      </c>
      <c r="G29">
        <v>4.5092349052429199</v>
      </c>
    </row>
    <row r="30" spans="1:7" x14ac:dyDescent="0.25">
      <c r="A30" t="s">
        <v>35</v>
      </c>
      <c r="B30">
        <v>107.90599822998</v>
      </c>
      <c r="C30">
        <v>276.187508643027</v>
      </c>
      <c r="D30">
        <v>125.506065368652</v>
      </c>
      <c r="E30">
        <v>2230.8223415166099</v>
      </c>
      <c r="F30">
        <v>28.922288894653299</v>
      </c>
      <c r="G30">
        <v>4.3394236564636204</v>
      </c>
    </row>
    <row r="31" spans="1:7" x14ac:dyDescent="0.25">
      <c r="A31" t="s">
        <v>36</v>
      </c>
      <c r="B31">
        <v>111.505996704102</v>
      </c>
      <c r="C31">
        <v>285.73512934998701</v>
      </c>
      <c r="D31">
        <v>137.95291137695301</v>
      </c>
      <c r="E31">
        <v>2452.0603474229601</v>
      </c>
      <c r="F31">
        <v>29.922113418579102</v>
      </c>
      <c r="G31">
        <v>4.6104001998901403</v>
      </c>
    </row>
    <row r="32" spans="1:7" x14ac:dyDescent="0.25">
      <c r="A32" t="s">
        <v>37</v>
      </c>
      <c r="B32">
        <v>115.106002807617</v>
      </c>
      <c r="C32">
        <v>295.28207614496301</v>
      </c>
      <c r="D32">
        <v>133.08470153808599</v>
      </c>
      <c r="E32">
        <v>2365.52977003157</v>
      </c>
      <c r="F32">
        <v>30.921867370605501</v>
      </c>
      <c r="G32">
        <v>4.3039026260376003</v>
      </c>
    </row>
    <row r="33" spans="1:7" x14ac:dyDescent="0.25">
      <c r="A33" t="s">
        <v>38</v>
      </c>
      <c r="B33">
        <v>118.706001281738</v>
      </c>
      <c r="C33">
        <v>304.828403669468</v>
      </c>
      <c r="D33">
        <v>153.16014099121099</v>
      </c>
      <c r="E33">
        <v>2722.3629876971199</v>
      </c>
      <c r="F33">
        <v>31.921556472778299</v>
      </c>
      <c r="G33">
        <v>4.7980160713195801</v>
      </c>
    </row>
    <row r="34" spans="1:7" x14ac:dyDescent="0.25">
      <c r="A34" t="s">
        <v>39</v>
      </c>
      <c r="B34">
        <v>122.30599975585901</v>
      </c>
      <c r="C34">
        <v>314.37400264047602</v>
      </c>
      <c r="D34">
        <v>137.68524169921901</v>
      </c>
      <c r="E34">
        <v>2447.3026860505302</v>
      </c>
      <c r="F34">
        <v>32.921169281005902</v>
      </c>
      <c r="G34">
        <v>4.1822705268859899</v>
      </c>
    </row>
    <row r="35" spans="1:7" x14ac:dyDescent="0.25">
      <c r="A35" t="s">
        <v>40</v>
      </c>
      <c r="B35">
        <v>125.90599822998</v>
      </c>
      <c r="C35">
        <v>323.92107693231401</v>
      </c>
      <c r="D35">
        <v>140.89437866210901</v>
      </c>
      <c r="E35">
        <v>2504.3436326086498</v>
      </c>
      <c r="F35">
        <v>33.920936584472699</v>
      </c>
      <c r="G35">
        <v>4.1536111831665004</v>
      </c>
    </row>
    <row r="36" spans="1:7" x14ac:dyDescent="0.25">
      <c r="A36" t="s">
        <v>41</v>
      </c>
      <c r="B36">
        <v>129.50599670410199</v>
      </c>
      <c r="C36">
        <v>333.47030045696499</v>
      </c>
      <c r="D36">
        <v>146.015869140625</v>
      </c>
      <c r="E36">
        <v>2595.3762233257298</v>
      </c>
      <c r="F36">
        <v>34.920928955078097</v>
      </c>
      <c r="G36">
        <v>4.1813282966613796</v>
      </c>
    </row>
    <row r="37" spans="1:7" x14ac:dyDescent="0.25">
      <c r="A37" t="s">
        <v>42</v>
      </c>
      <c r="B37">
        <v>133.10600280761699</v>
      </c>
      <c r="C37">
        <v>343.01752045950201</v>
      </c>
      <c r="D37">
        <v>146.28227233886699</v>
      </c>
      <c r="E37">
        <v>2600.11153295636</v>
      </c>
      <c r="F37">
        <v>35.920711517333999</v>
      </c>
      <c r="G37">
        <v>4.07236576080322</v>
      </c>
    </row>
    <row r="38" spans="1:7" x14ac:dyDescent="0.25">
      <c r="A38" t="s">
        <v>43</v>
      </c>
      <c r="B38">
        <v>136.70599365234401</v>
      </c>
      <c r="C38">
        <v>352.56204481410401</v>
      </c>
      <c r="D38">
        <v>163.05111694335901</v>
      </c>
      <c r="E38">
        <v>2898.1713112443699</v>
      </c>
      <c r="F38">
        <v>36.920211791992202</v>
      </c>
      <c r="G38">
        <v>4.4163103103637704</v>
      </c>
    </row>
    <row r="39" spans="1:7" x14ac:dyDescent="0.25">
      <c r="A39" t="s">
        <v>44</v>
      </c>
      <c r="B39">
        <v>140.30599975585901</v>
      </c>
      <c r="C39">
        <v>362.107625571276</v>
      </c>
      <c r="D39">
        <v>149.19259643554699</v>
      </c>
      <c r="E39">
        <v>2651.8413797020899</v>
      </c>
      <c r="F39">
        <v>37.919822692871101</v>
      </c>
      <c r="G39">
        <v>3.9344222545623802</v>
      </c>
    </row>
    <row r="40" spans="1:7" x14ac:dyDescent="0.25">
      <c r="A40" t="s">
        <v>45</v>
      </c>
      <c r="B40">
        <v>143.906005859375</v>
      </c>
      <c r="C40">
        <v>371.65524627823498</v>
      </c>
      <c r="D40">
        <v>145.32183837890599</v>
      </c>
      <c r="E40">
        <v>2583.04015733302</v>
      </c>
      <c r="F40">
        <v>38.919647216796903</v>
      </c>
      <c r="G40">
        <v>3.7338941097259499</v>
      </c>
    </row>
    <row r="41" spans="1:7" x14ac:dyDescent="0.25">
      <c r="A41" t="s">
        <v>46</v>
      </c>
      <c r="B41">
        <v>147.50599670410199</v>
      </c>
      <c r="C41">
        <v>381.20366839404102</v>
      </c>
      <c r="D41">
        <v>143.25016784668</v>
      </c>
      <c r="E41">
        <v>2546.21705971658</v>
      </c>
      <c r="F41">
        <v>39.9195556640625</v>
      </c>
      <c r="G41">
        <v>3.5884709358215301</v>
      </c>
    </row>
    <row r="42" spans="1:7" x14ac:dyDescent="0.25">
      <c r="A42" t="s">
        <v>47</v>
      </c>
      <c r="B42">
        <v>151.10600280761699</v>
      </c>
      <c r="C42">
        <v>390.74768276119602</v>
      </c>
      <c r="D42">
        <v>150.017654418945</v>
      </c>
      <c r="E42">
        <v>2666.5064506232702</v>
      </c>
      <c r="F42">
        <v>40.919002532958999</v>
      </c>
      <c r="G42">
        <v>3.66620993614197</v>
      </c>
    </row>
    <row r="43" spans="1:7" x14ac:dyDescent="0.25">
      <c r="A43" t="s">
        <v>48</v>
      </c>
      <c r="B43">
        <v>154.71499633789099</v>
      </c>
      <c r="C43">
        <v>400.32604842567798</v>
      </c>
      <c r="D43">
        <v>138.32583618164099</v>
      </c>
      <c r="E43">
        <v>2458.6888030171399</v>
      </c>
      <c r="F43">
        <v>41.922046661377003</v>
      </c>
      <c r="G43">
        <v>3.2995965480804399</v>
      </c>
    </row>
    <row r="44" spans="1:7" x14ac:dyDescent="0.25">
      <c r="A44" t="s">
        <v>49</v>
      </c>
      <c r="B44">
        <v>158.31500244140599</v>
      </c>
      <c r="C44">
        <v>409.871337761451</v>
      </c>
      <c r="D44">
        <v>166.13754272460901</v>
      </c>
      <c r="E44">
        <v>2953.0313331633802</v>
      </c>
      <c r="F44">
        <v>42.921627044677699</v>
      </c>
      <c r="G44">
        <v>3.8707187175750701</v>
      </c>
    </row>
    <row r="45" spans="1:7" x14ac:dyDescent="0.25">
      <c r="A45" t="s">
        <v>50</v>
      </c>
      <c r="B45">
        <v>161.91499328613301</v>
      </c>
      <c r="C45">
        <v>419.43036033061998</v>
      </c>
      <c r="D45">
        <v>151.58389282226599</v>
      </c>
      <c r="E45">
        <v>2694.3457778543202</v>
      </c>
      <c r="F45">
        <v>43.922645568847699</v>
      </c>
      <c r="G45">
        <v>3.4511559009552002</v>
      </c>
    </row>
    <row r="46" spans="1:7" x14ac:dyDescent="0.25">
      <c r="A46" t="s">
        <v>51</v>
      </c>
      <c r="B46">
        <v>165.51499938964801</v>
      </c>
      <c r="C46">
        <v>428.96391995511101</v>
      </c>
      <c r="D46">
        <v>150.56265258789099</v>
      </c>
      <c r="E46">
        <v>2676.1936023831399</v>
      </c>
      <c r="F46">
        <v>44.920997619628899</v>
      </c>
      <c r="G46">
        <v>3.3517210483550999</v>
      </c>
    </row>
    <row r="47" spans="1:7" x14ac:dyDescent="0.25">
      <c r="A47" t="s">
        <v>52</v>
      </c>
      <c r="B47">
        <v>169.11500549316401</v>
      </c>
      <c r="C47">
        <v>438.511285668347</v>
      </c>
      <c r="D47">
        <v>153.49348449707</v>
      </c>
      <c r="E47">
        <v>2728.28806191683</v>
      </c>
      <c r="F47">
        <v>45.9207954406738</v>
      </c>
      <c r="G47">
        <v>3.3425703048706099</v>
      </c>
    </row>
    <row r="48" spans="1:7" x14ac:dyDescent="0.25">
      <c r="A48" t="s">
        <v>53</v>
      </c>
      <c r="B48">
        <v>172.71499633789099</v>
      </c>
      <c r="C48">
        <v>448.05919779670501</v>
      </c>
      <c r="D48">
        <v>152.65243530273401</v>
      </c>
      <c r="E48">
        <v>2713.3387047797401</v>
      </c>
      <c r="F48">
        <v>46.920650482177699</v>
      </c>
      <c r="G48">
        <v>3.2534167766571001</v>
      </c>
    </row>
    <row r="49" spans="1:7" x14ac:dyDescent="0.25">
      <c r="A49" t="s">
        <v>54</v>
      </c>
      <c r="B49">
        <v>176.31500244140599</v>
      </c>
      <c r="C49">
        <v>457.60565281807197</v>
      </c>
      <c r="D49">
        <v>150.97552490234401</v>
      </c>
      <c r="E49">
        <v>2683.5321914404599</v>
      </c>
      <c r="F49">
        <v>47.920352935791001</v>
      </c>
      <c r="G49">
        <v>3.1505510807037398</v>
      </c>
    </row>
    <row r="50" spans="1:7" x14ac:dyDescent="0.25">
      <c r="A50" t="s">
        <v>55</v>
      </c>
      <c r="B50">
        <v>179.91499328613301</v>
      </c>
      <c r="C50">
        <v>467.15378351247801</v>
      </c>
      <c r="D50">
        <v>150.28875732421901</v>
      </c>
      <c r="E50">
        <v>2671.3253464549798</v>
      </c>
      <c r="F50">
        <v>48.920230865478501</v>
      </c>
      <c r="G50">
        <v>3.0721187591552699</v>
      </c>
    </row>
    <row r="51" spans="1:7" x14ac:dyDescent="0.25">
      <c r="A51" t="s">
        <v>56</v>
      </c>
      <c r="B51">
        <v>183.51499938964801</v>
      </c>
      <c r="C51">
        <v>476.70012925082</v>
      </c>
      <c r="D51">
        <v>152.85168457031301</v>
      </c>
      <c r="E51">
        <v>2716.88029170036</v>
      </c>
      <c r="F51">
        <v>49.919921875</v>
      </c>
      <c r="G51">
        <v>3.0619375705718999</v>
      </c>
    </row>
    <row r="52" spans="1:7" x14ac:dyDescent="0.25">
      <c r="A52" t="s">
        <v>57</v>
      </c>
      <c r="B52">
        <v>187.11500549316401</v>
      </c>
      <c r="C52">
        <v>486.24993561826699</v>
      </c>
      <c r="D52">
        <v>157.79591369628901</v>
      </c>
      <c r="E52">
        <v>2804.7619853168699</v>
      </c>
      <c r="F52">
        <v>50.919975280761697</v>
      </c>
      <c r="G52">
        <v>3.0989000797271702</v>
      </c>
    </row>
    <row r="53" spans="1:7" x14ac:dyDescent="0.25">
      <c r="A53" t="s">
        <v>58</v>
      </c>
      <c r="B53">
        <v>190.71499633789099</v>
      </c>
      <c r="C53">
        <v>495.792201457033</v>
      </c>
      <c r="D53">
        <v>142.05604553222699</v>
      </c>
      <c r="E53">
        <v>2524.9919854104501</v>
      </c>
      <c r="F53">
        <v>51.919239044189503</v>
      </c>
      <c r="G53">
        <v>2.7360963821411102</v>
      </c>
    </row>
    <row r="54" spans="1:7" x14ac:dyDescent="0.25">
      <c r="A54" t="s">
        <v>59</v>
      </c>
      <c r="B54">
        <v>194.31500244140599</v>
      </c>
      <c r="C54">
        <v>505.34208067983002</v>
      </c>
      <c r="D54">
        <v>144.65686035156301</v>
      </c>
      <c r="E54">
        <v>2571.22027687728</v>
      </c>
      <c r="F54">
        <v>52.919300079345703</v>
      </c>
      <c r="G54">
        <v>2.7335369586944598</v>
      </c>
    </row>
    <row r="55" spans="1:7" x14ac:dyDescent="0.25">
      <c r="A55" t="s">
        <v>60</v>
      </c>
      <c r="B55">
        <v>197.91499328613301</v>
      </c>
      <c r="C55">
        <v>514.89057565098403</v>
      </c>
      <c r="D55">
        <v>221.40182495117199</v>
      </c>
      <c r="E55">
        <v>3935.3328756987999</v>
      </c>
      <c r="F55">
        <v>53.919216156005902</v>
      </c>
      <c r="G55">
        <v>4.1061768531799299</v>
      </c>
    </row>
    <row r="56" spans="1:7" x14ac:dyDescent="0.25">
      <c r="A56" t="s">
        <v>61</v>
      </c>
      <c r="B56">
        <v>201.51499938964801</v>
      </c>
      <c r="C56">
        <v>524.43499072256202</v>
      </c>
      <c r="D56">
        <v>259.59762573242199</v>
      </c>
      <c r="E56">
        <v>4614.248406142</v>
      </c>
      <c r="F56">
        <v>54.918704986572301</v>
      </c>
      <c r="G56">
        <v>4.7269434928893999</v>
      </c>
    </row>
    <row r="57" spans="1:7" x14ac:dyDescent="0.25">
      <c r="A57" t="s">
        <v>62</v>
      </c>
      <c r="B57">
        <v>205.11500549316401</v>
      </c>
      <c r="C57">
        <v>533.98461495163599</v>
      </c>
      <c r="D57">
        <v>236.61006164550801</v>
      </c>
      <c r="E57">
        <v>4205.6534439325296</v>
      </c>
      <c r="F57">
        <v>55.918739318847699</v>
      </c>
      <c r="G57">
        <v>4.2313199043273899</v>
      </c>
    </row>
    <row r="58" spans="1:7" x14ac:dyDescent="0.25">
      <c r="A58" t="s">
        <v>63</v>
      </c>
      <c r="B58">
        <v>208.71499633789099</v>
      </c>
      <c r="C58">
        <v>543.52913930623799</v>
      </c>
      <c r="D58">
        <v>197.07574462890599</v>
      </c>
      <c r="E58">
        <v>3502.9461141675702</v>
      </c>
      <c r="F58">
        <v>56.918239593505902</v>
      </c>
      <c r="G58">
        <v>3.4624357223510702</v>
      </c>
    </row>
    <row r="59" spans="1:7" x14ac:dyDescent="0.25">
      <c r="A59" t="s">
        <v>64</v>
      </c>
      <c r="B59">
        <v>212.31500244140599</v>
      </c>
      <c r="C59">
        <v>553.07821712018904</v>
      </c>
      <c r="D59">
        <v>216.75192260742199</v>
      </c>
      <c r="E59">
        <v>3852.6826538145501</v>
      </c>
      <c r="F59">
        <v>57.918216705322301</v>
      </c>
      <c r="G59">
        <v>3.7423791885375999</v>
      </c>
    </row>
    <row r="60" spans="1:7" x14ac:dyDescent="0.25">
      <c r="A60" t="s">
        <v>65</v>
      </c>
      <c r="B60">
        <v>215.91499328613301</v>
      </c>
      <c r="C60">
        <v>562.621502933849</v>
      </c>
      <c r="D60">
        <v>218.14685058593801</v>
      </c>
      <c r="E60">
        <v>3877.4767890572498</v>
      </c>
      <c r="F60">
        <v>58.917587280273402</v>
      </c>
      <c r="G60">
        <v>3.70257616043091</v>
      </c>
    </row>
    <row r="61" spans="1:7" x14ac:dyDescent="0.25">
      <c r="A61" t="s">
        <v>66</v>
      </c>
      <c r="B61">
        <v>219.51499938964801</v>
      </c>
      <c r="C61">
        <v>572.17156429501995</v>
      </c>
      <c r="D61">
        <v>227.01231384277301</v>
      </c>
      <c r="E61">
        <v>4035.0570343434802</v>
      </c>
      <c r="F61">
        <v>59.917667388916001</v>
      </c>
      <c r="G61">
        <v>3.7887375354766801</v>
      </c>
    </row>
    <row r="62" spans="1:7" x14ac:dyDescent="0.25">
      <c r="A62" t="s">
        <v>67</v>
      </c>
      <c r="B62">
        <v>223.11500549316401</v>
      </c>
      <c r="C62">
        <v>581.71430369355801</v>
      </c>
      <c r="D62">
        <v>201.590576171875</v>
      </c>
      <c r="E62">
        <v>3583.1953864544598</v>
      </c>
      <c r="F62">
        <v>60.916980743408203</v>
      </c>
      <c r="G62">
        <v>3.3092672824859601</v>
      </c>
    </row>
    <row r="63" spans="1:7" x14ac:dyDescent="0.25">
      <c r="A63" t="s">
        <v>68</v>
      </c>
      <c r="B63">
        <v>226.71499633789099</v>
      </c>
      <c r="C63">
        <v>591.26647785986597</v>
      </c>
      <c r="D63">
        <v>196.62261962890599</v>
      </c>
      <c r="E63">
        <v>3494.8920365423</v>
      </c>
      <c r="F63">
        <v>61.917282104492202</v>
      </c>
      <c r="G63">
        <v>3.17556929588318</v>
      </c>
    </row>
    <row r="64" spans="1:7" x14ac:dyDescent="0.25">
      <c r="A64" t="s">
        <v>69</v>
      </c>
      <c r="B64">
        <v>230.31500244140599</v>
      </c>
      <c r="C64">
        <v>600.81235003843597</v>
      </c>
      <c r="D64">
        <v>208.84973144531301</v>
      </c>
      <c r="E64">
        <v>3712.2240755706998</v>
      </c>
      <c r="F64">
        <v>62.916923522949197</v>
      </c>
      <c r="G64">
        <v>3.3194522857665998</v>
      </c>
    </row>
    <row r="65" spans="1:7" x14ac:dyDescent="0.25">
      <c r="A65" t="s">
        <v>70</v>
      </c>
      <c r="B65">
        <v>233.91499328613301</v>
      </c>
      <c r="C65">
        <v>610.35844078305399</v>
      </c>
      <c r="D65">
        <v>198.74473571777301</v>
      </c>
      <c r="E65">
        <v>3532.6117649674402</v>
      </c>
      <c r="F65">
        <v>63.916587829589801</v>
      </c>
      <c r="G65">
        <v>3.1094391345977801</v>
      </c>
    </row>
    <row r="66" spans="1:7" x14ac:dyDescent="0.25">
      <c r="A66" t="s">
        <v>71</v>
      </c>
      <c r="B66">
        <v>237.51499938964801</v>
      </c>
      <c r="C66">
        <v>619.90358440812804</v>
      </c>
      <c r="D66">
        <v>215.97491455078099</v>
      </c>
      <c r="E66">
        <v>3838.8716056942899</v>
      </c>
      <c r="F66">
        <v>64.916152954101605</v>
      </c>
      <c r="G66">
        <v>3.32698273658752</v>
      </c>
    </row>
    <row r="67" spans="1:7" x14ac:dyDescent="0.25">
      <c r="A67" t="s">
        <v>72</v>
      </c>
      <c r="B67">
        <v>241.11500549316401</v>
      </c>
      <c r="C67">
        <v>629.45229794533202</v>
      </c>
      <c r="D67">
        <v>225.40042114257801</v>
      </c>
      <c r="E67">
        <v>4006.4062923193001</v>
      </c>
      <c r="F67">
        <v>65.916091918945298</v>
      </c>
      <c r="G67">
        <v>3.41950511932373</v>
      </c>
    </row>
    <row r="68" spans="1:7" x14ac:dyDescent="0.25">
      <c r="A68" t="s">
        <v>73</v>
      </c>
      <c r="B68">
        <v>244.71499633789099</v>
      </c>
      <c r="C68">
        <v>638.99656730621098</v>
      </c>
      <c r="D68">
        <v>208.33522033691401</v>
      </c>
      <c r="E68">
        <v>3703.07895354927</v>
      </c>
      <c r="F68">
        <v>66.915565490722699</v>
      </c>
      <c r="G68">
        <v>3.1134045124053999</v>
      </c>
    </row>
    <row r="69" spans="1:7" x14ac:dyDescent="0.25">
      <c r="A69" t="s">
        <v>74</v>
      </c>
      <c r="B69">
        <v>248.31500244140599</v>
      </c>
      <c r="C69">
        <v>648.54564512016202</v>
      </c>
      <c r="D69">
        <v>205.146408081055</v>
      </c>
      <c r="E69">
        <v>3646.3988944888101</v>
      </c>
      <c r="F69">
        <v>67.915542602539105</v>
      </c>
      <c r="G69">
        <v>3.0206105709075901</v>
      </c>
    </row>
    <row r="70" spans="1:7" x14ac:dyDescent="0.25">
      <c r="A70" t="s">
        <v>75</v>
      </c>
      <c r="B70">
        <v>251.91499328613301</v>
      </c>
      <c r="C70">
        <v>658.09457722341403</v>
      </c>
      <c r="D70">
        <v>210.94024658203099</v>
      </c>
      <c r="E70">
        <v>3749.38221648335</v>
      </c>
      <c r="F70">
        <v>68.915504455566406</v>
      </c>
      <c r="G70">
        <v>3.0608532428741499</v>
      </c>
    </row>
    <row r="71" spans="1:7" x14ac:dyDescent="0.25">
      <c r="A71" t="s">
        <v>76</v>
      </c>
      <c r="B71">
        <v>255.51499938964801</v>
      </c>
      <c r="C71">
        <v>667.64125081082898</v>
      </c>
      <c r="D71">
        <v>215.51631164550801</v>
      </c>
      <c r="E71">
        <v>3830.7199720293302</v>
      </c>
      <c r="F71">
        <v>69.915229797363295</v>
      </c>
      <c r="G71">
        <v>3.08253741264343</v>
      </c>
    </row>
    <row r="72" spans="1:7" x14ac:dyDescent="0.25">
      <c r="A72" t="s">
        <v>77</v>
      </c>
      <c r="B72">
        <v>259.114990234375</v>
      </c>
      <c r="C72">
        <v>677.18807010894398</v>
      </c>
      <c r="D72">
        <v>216.13714599609401</v>
      </c>
      <c r="E72">
        <v>3841.7552132159499</v>
      </c>
      <c r="F72">
        <v>70.914970397949205</v>
      </c>
      <c r="G72">
        <v>3.0478353500366202</v>
      </c>
    </row>
    <row r="73" spans="1:7" x14ac:dyDescent="0.25">
      <c r="A73" t="s">
        <v>78</v>
      </c>
      <c r="B73">
        <v>262.71499633789102</v>
      </c>
      <c r="C73">
        <v>686.73233946982305</v>
      </c>
      <c r="D73">
        <v>236.77899169921901</v>
      </c>
      <c r="E73">
        <v>4208.6560279130899</v>
      </c>
      <c r="F73">
        <v>71.914443969726605</v>
      </c>
      <c r="G73">
        <v>3.2925095558166499</v>
      </c>
    </row>
    <row r="74" spans="1:7" x14ac:dyDescent="0.25">
      <c r="A74" t="s">
        <v>79</v>
      </c>
      <c r="B74">
        <v>266.31500244140602</v>
      </c>
      <c r="C74">
        <v>696.280543019579</v>
      </c>
      <c r="D74">
        <v>219.84451293945301</v>
      </c>
      <c r="E74">
        <v>3907.65210613608</v>
      </c>
      <c r="F74">
        <v>72.914329528808594</v>
      </c>
      <c r="G74">
        <v>3.0151071548461901</v>
      </c>
    </row>
    <row r="75" spans="1:7" x14ac:dyDescent="0.25">
      <c r="A75" t="s">
        <v>80</v>
      </c>
      <c r="B75">
        <v>269.91500854492199</v>
      </c>
      <c r="C75">
        <v>705.82838229258698</v>
      </c>
      <c r="D75">
        <v>219.7099609375</v>
      </c>
      <c r="E75">
        <v>3905.2607025951102</v>
      </c>
      <c r="F75">
        <v>73.914176940917997</v>
      </c>
      <c r="G75">
        <v>2.972501039505</v>
      </c>
    </row>
    <row r="76" spans="1:7" x14ac:dyDescent="0.25">
      <c r="A76" t="s">
        <v>81</v>
      </c>
      <c r="B76">
        <v>273.51501464843801</v>
      </c>
      <c r="C76">
        <v>715.37148596787301</v>
      </c>
      <c r="D76">
        <v>218.63926696777301</v>
      </c>
      <c r="E76">
        <v>3886.2293586134901</v>
      </c>
      <c r="F76">
        <v>74.913528442382798</v>
      </c>
      <c r="G76">
        <v>2.9185552597045898</v>
      </c>
    </row>
    <row r="77" spans="1:7" x14ac:dyDescent="0.25">
      <c r="A77" t="s">
        <v>82</v>
      </c>
      <c r="B77">
        <v>277.114990234375</v>
      </c>
      <c r="C77">
        <v>724.92223945486501</v>
      </c>
      <c r="D77">
        <v>225.19418334960901</v>
      </c>
      <c r="E77">
        <v>4002.7406066656099</v>
      </c>
      <c r="F77">
        <v>75.913681030273395</v>
      </c>
      <c r="G77">
        <v>2.9664506912231401</v>
      </c>
    </row>
    <row r="78" spans="1:7" x14ac:dyDescent="0.25">
      <c r="A78" t="s">
        <v>83</v>
      </c>
      <c r="B78">
        <v>280.71499633789102</v>
      </c>
      <c r="C78">
        <v>734.46578026224802</v>
      </c>
      <c r="D78">
        <v>221.43760681152301</v>
      </c>
      <c r="E78">
        <v>3935.96896901727</v>
      </c>
      <c r="F78">
        <v>76.913078308105497</v>
      </c>
      <c r="G78">
        <v>2.8790631294250502</v>
      </c>
    </row>
    <row r="79" spans="1:7" x14ac:dyDescent="0.25">
      <c r="A79" t="s">
        <v>84</v>
      </c>
      <c r="B79">
        <v>284.31500244140602</v>
      </c>
      <c r="C79">
        <v>744.01325525850905</v>
      </c>
      <c r="D79">
        <v>236.99261474609401</v>
      </c>
      <c r="E79">
        <v>4212.4530300498</v>
      </c>
      <c r="F79">
        <v>77.912887573242202</v>
      </c>
      <c r="G79">
        <v>3.0417640209197998</v>
      </c>
    </row>
    <row r="80" spans="1:7" x14ac:dyDescent="0.25">
      <c r="A80" t="s">
        <v>85</v>
      </c>
      <c r="B80">
        <v>287.91500854492199</v>
      </c>
      <c r="C80">
        <v>753.56247878315901</v>
      </c>
      <c r="D80">
        <v>241.88813781738301</v>
      </c>
      <c r="E80">
        <v>4299.4692921638498</v>
      </c>
      <c r="F80">
        <v>78.912879943847699</v>
      </c>
      <c r="G80">
        <v>3.0652554035186799</v>
      </c>
    </row>
    <row r="81" spans="1:7" x14ac:dyDescent="0.25">
      <c r="A81" t="s">
        <v>86</v>
      </c>
      <c r="B81">
        <v>291.51501464843801</v>
      </c>
      <c r="C81">
        <v>763.11090089896402</v>
      </c>
      <c r="D81">
        <v>241.46824645996099</v>
      </c>
      <c r="E81">
        <v>4292.0056730508804</v>
      </c>
      <c r="F81">
        <v>79.912788391113295</v>
      </c>
      <c r="G81">
        <v>3.0216472148895299</v>
      </c>
    </row>
    <row r="82" spans="1:7" x14ac:dyDescent="0.25">
      <c r="A82" t="s">
        <v>87</v>
      </c>
      <c r="B82">
        <v>295.114990234375</v>
      </c>
      <c r="C82">
        <v>772.65458741704697</v>
      </c>
      <c r="D82">
        <v>249.68238830566401</v>
      </c>
      <c r="E82">
        <v>4438.0091130733499</v>
      </c>
      <c r="F82">
        <v>80.912200927734403</v>
      </c>
      <c r="G82">
        <v>3.08584356307983</v>
      </c>
    </row>
    <row r="83" spans="1:7" x14ac:dyDescent="0.25">
      <c r="A83" t="s">
        <v>88</v>
      </c>
      <c r="B83">
        <v>298.71499633789102</v>
      </c>
      <c r="C83">
        <v>782.20402950774599</v>
      </c>
      <c r="D83">
        <v>244.507247924805</v>
      </c>
      <c r="E83">
        <v>4346.02284803987</v>
      </c>
      <c r="F83">
        <v>81.912216186523395</v>
      </c>
      <c r="G83">
        <v>2.9849913120269802</v>
      </c>
    </row>
    <row r="84" spans="1:7" x14ac:dyDescent="0.25">
      <c r="A84" t="s">
        <v>89</v>
      </c>
      <c r="B84">
        <v>302.31500244140602</v>
      </c>
      <c r="C84">
        <v>791.74771602582803</v>
      </c>
      <c r="D84">
        <v>270.62243652343801</v>
      </c>
      <c r="E84">
        <v>4810.2103173732803</v>
      </c>
      <c r="F84">
        <v>82.911628723144503</v>
      </c>
      <c r="G84">
        <v>3.2639865875244101</v>
      </c>
    </row>
    <row r="85" spans="1:7" x14ac:dyDescent="0.25">
      <c r="A85" t="s">
        <v>90</v>
      </c>
      <c r="B85">
        <v>305.91500854492199</v>
      </c>
      <c r="C85">
        <v>801.29919806631494</v>
      </c>
      <c r="D85">
        <v>258.27737426757801</v>
      </c>
      <c r="E85">
        <v>4590.7814055681201</v>
      </c>
      <c r="F85">
        <v>83.911857604980497</v>
      </c>
      <c r="G85">
        <v>3.0779604911804199</v>
      </c>
    </row>
    <row r="86" spans="1:7" x14ac:dyDescent="0.25">
      <c r="A86" t="s">
        <v>91</v>
      </c>
      <c r="B86">
        <v>309.51501464843801</v>
      </c>
      <c r="C86">
        <v>810.84558023233205</v>
      </c>
      <c r="D86">
        <v>246.99391174316401</v>
      </c>
      <c r="E86">
        <v>4390.2224861085397</v>
      </c>
      <c r="F86">
        <v>84.911552429199205</v>
      </c>
      <c r="G86">
        <v>2.9088375568389901</v>
      </c>
    </row>
    <row r="87" spans="1:7" x14ac:dyDescent="0.25">
      <c r="A87" t="s">
        <v>92</v>
      </c>
      <c r="B87">
        <v>313.114990234375</v>
      </c>
      <c r="C87">
        <v>820.38846534156903</v>
      </c>
      <c r="D87">
        <v>246.41769409179699</v>
      </c>
      <c r="E87">
        <v>4379.9802660942096</v>
      </c>
      <c r="F87">
        <v>85.910881042480497</v>
      </c>
      <c r="G87">
        <v>2.8682942390441899</v>
      </c>
    </row>
    <row r="88" spans="1:7" x14ac:dyDescent="0.25">
      <c r="A88" t="s">
        <v>93</v>
      </c>
      <c r="B88">
        <v>316.71499633789102</v>
      </c>
      <c r="C88">
        <v>829.93929168391003</v>
      </c>
      <c r="D88">
        <v>250.98019409179699</v>
      </c>
      <c r="E88">
        <v>4461.0770419239998</v>
      </c>
      <c r="F88">
        <v>86.911041259765597</v>
      </c>
      <c r="G88">
        <v>2.8877825736999498</v>
      </c>
    </row>
    <row r="89" spans="1:7" x14ac:dyDescent="0.25">
      <c r="A89" t="s">
        <v>94</v>
      </c>
      <c r="B89">
        <v>320.31500244140602</v>
      </c>
      <c r="C89">
        <v>839.48377961083804</v>
      </c>
      <c r="D89">
        <v>251.589767456055</v>
      </c>
      <c r="E89">
        <v>4471.9120487570799</v>
      </c>
      <c r="F89">
        <v>87.910537719726605</v>
      </c>
      <c r="G89">
        <v>2.86188411712646</v>
      </c>
    </row>
    <row r="90" spans="1:7" x14ac:dyDescent="0.25">
      <c r="A90" t="s">
        <v>95</v>
      </c>
      <c r="B90">
        <v>323.91500854492199</v>
      </c>
      <c r="C90">
        <v>849.03271171409006</v>
      </c>
      <c r="D90">
        <v>256.53250122070301</v>
      </c>
      <c r="E90">
        <v>4559.7674325108501</v>
      </c>
      <c r="F90">
        <v>88.910499572753906</v>
      </c>
      <c r="G90">
        <v>2.8852891921997101</v>
      </c>
    </row>
    <row r="91" spans="1:7" x14ac:dyDescent="0.25">
      <c r="A91" t="s">
        <v>96</v>
      </c>
      <c r="B91">
        <v>327.51501464843801</v>
      </c>
      <c r="C91">
        <v>858.57727249636798</v>
      </c>
      <c r="D91">
        <v>268.05221557617199</v>
      </c>
      <c r="E91">
        <v>4764.5256854593799</v>
      </c>
      <c r="F91">
        <v>89.910003662109403</v>
      </c>
      <c r="G91">
        <v>2.9813392162322998</v>
      </c>
    </row>
    <row r="92" spans="1:7" x14ac:dyDescent="0.25">
      <c r="A92" t="s">
        <v>97</v>
      </c>
      <c r="B92">
        <v>331.114990234375</v>
      </c>
      <c r="C92">
        <v>868.12467463727899</v>
      </c>
      <c r="D92">
        <v>262.48684692382801</v>
      </c>
      <c r="E92">
        <v>4665.6033955514404</v>
      </c>
      <c r="F92">
        <v>90.909805297851605</v>
      </c>
      <c r="G92">
        <v>2.8873326778411901</v>
      </c>
    </row>
    <row r="93" spans="1:7" x14ac:dyDescent="0.25">
      <c r="A93" t="s">
        <v>98</v>
      </c>
      <c r="B93">
        <v>334.71499633789102</v>
      </c>
      <c r="C93">
        <v>877.67156679074299</v>
      </c>
      <c r="D93">
        <v>287.89590454101602</v>
      </c>
      <c r="E93">
        <v>5117.2394305467596</v>
      </c>
      <c r="F93">
        <v>91.909553527832003</v>
      </c>
      <c r="G93">
        <v>3.1323828697204599</v>
      </c>
    </row>
    <row r="94" spans="1:7" x14ac:dyDescent="0.25">
      <c r="A94" t="s">
        <v>99</v>
      </c>
      <c r="B94">
        <v>338.31500244140602</v>
      </c>
      <c r="C94">
        <v>887.22210171168501</v>
      </c>
      <c r="D94">
        <v>260.43591308593801</v>
      </c>
      <c r="E94">
        <v>4629.1486360132703</v>
      </c>
      <c r="F94">
        <v>92.909683227539105</v>
      </c>
      <c r="G94">
        <v>2.8031084537506099</v>
      </c>
    </row>
    <row r="95" spans="1:7" x14ac:dyDescent="0.25">
      <c r="A95" t="s">
        <v>100</v>
      </c>
      <c r="B95">
        <v>341.91500854492199</v>
      </c>
      <c r="C95">
        <v>896.76382113532895</v>
      </c>
      <c r="D95">
        <v>281.13876342773398</v>
      </c>
      <c r="E95">
        <v>4997.1342086792001</v>
      </c>
      <c r="F95">
        <v>93.908889770507798</v>
      </c>
      <c r="G95">
        <v>2.9937396049499498</v>
      </c>
    </row>
    <row r="96" spans="1:7" x14ac:dyDescent="0.25">
      <c r="A96" t="s">
        <v>101</v>
      </c>
      <c r="B96">
        <v>345.51501464843801</v>
      </c>
      <c r="C96">
        <v>906.31501175441804</v>
      </c>
      <c r="D96">
        <v>302.34387207031301</v>
      </c>
      <c r="E96">
        <v>5374.0469738841102</v>
      </c>
      <c r="F96">
        <v>94.909088134765597</v>
      </c>
      <c r="G96">
        <v>3.1856155395507799</v>
      </c>
    </row>
    <row r="97" spans="1:7" x14ac:dyDescent="0.25">
      <c r="A97" t="s">
        <v>102</v>
      </c>
      <c r="B97">
        <v>349.114990234375</v>
      </c>
      <c r="C97">
        <v>915.86241389532904</v>
      </c>
      <c r="D97">
        <v>288.1494140625</v>
      </c>
      <c r="E97">
        <v>5121.7456348240403</v>
      </c>
      <c r="F97">
        <v>95.908889770507798</v>
      </c>
      <c r="G97">
        <v>3.0044078826904301</v>
      </c>
    </row>
    <row r="98" spans="1:7" x14ac:dyDescent="0.25">
      <c r="A98" t="s">
        <v>103</v>
      </c>
      <c r="B98">
        <v>352.71499633789102</v>
      </c>
      <c r="C98">
        <v>925.40617326876099</v>
      </c>
      <c r="D98">
        <v>309.64889526367199</v>
      </c>
      <c r="E98">
        <v>5503.8910359144202</v>
      </c>
      <c r="F98">
        <v>96.908309936523395</v>
      </c>
      <c r="G98">
        <v>3.1952769756317099</v>
      </c>
    </row>
    <row r="99" spans="1:7" x14ac:dyDescent="0.25">
      <c r="A99" t="s">
        <v>104</v>
      </c>
      <c r="B99">
        <v>356.31399536132801</v>
      </c>
      <c r="C99">
        <v>934.95612534690702</v>
      </c>
      <c r="D99">
        <v>304.83380126953102</v>
      </c>
      <c r="E99">
        <v>5418.3043539524097</v>
      </c>
      <c r="F99">
        <v>97.908378601074205</v>
      </c>
      <c r="G99">
        <v>3.1134598255157502</v>
      </c>
    </row>
    <row r="100" spans="1:7" x14ac:dyDescent="0.25">
      <c r="A100" t="s">
        <v>105</v>
      </c>
      <c r="B100">
        <v>359.91400146484398</v>
      </c>
      <c r="C100">
        <v>944.50236180222498</v>
      </c>
      <c r="D100">
        <v>275.28009033203102</v>
      </c>
      <c r="E100">
        <v>4892.9983749985704</v>
      </c>
      <c r="F100">
        <v>98.908058166503906</v>
      </c>
      <c r="G100">
        <v>2.7831916809082</v>
      </c>
    </row>
    <row r="101" spans="1:7" x14ac:dyDescent="0.25">
      <c r="A101" t="s">
        <v>106</v>
      </c>
      <c r="B101">
        <v>363.51400756835898</v>
      </c>
      <c r="C101">
        <v>954.04779684869698</v>
      </c>
      <c r="D101">
        <v>296.46896362304699</v>
      </c>
      <c r="E101">
        <v>5269.6224302053497</v>
      </c>
      <c r="F101">
        <v>99.907653808593807</v>
      </c>
      <c r="G101">
        <v>2.9674298763275102</v>
      </c>
    </row>
    <row r="102" spans="1:7" x14ac:dyDescent="0.25">
      <c r="A102" t="s">
        <v>107</v>
      </c>
      <c r="B102">
        <v>364.60400390625</v>
      </c>
      <c r="C102">
        <v>954.93145938373902</v>
      </c>
      <c r="D102">
        <v>291.37167358398398</v>
      </c>
      <c r="E102">
        <v>5179.0201105177402</v>
      </c>
      <c r="F102">
        <v>100.000190734863</v>
      </c>
      <c r="G102">
        <v>2.9137110710143999</v>
      </c>
    </row>
    <row r="103" spans="1:7" x14ac:dyDescent="0.25">
      <c r="A103" t="s">
        <v>108</v>
      </c>
      <c r="B103">
        <v>365.593994140625</v>
      </c>
      <c r="C103">
        <v>954.92665093066705</v>
      </c>
      <c r="D103">
        <v>294.05612182617199</v>
      </c>
      <c r="E103">
        <v>5226.7350256442996</v>
      </c>
      <c r="F103">
        <v>99.999687194824205</v>
      </c>
      <c r="G103">
        <v>2.9405703544616699</v>
      </c>
    </row>
    <row r="104" spans="1:7" x14ac:dyDescent="0.25">
      <c r="A104" t="s">
        <v>109</v>
      </c>
      <c r="B104">
        <v>366.593994140625</v>
      </c>
      <c r="C104">
        <v>954.92774376091097</v>
      </c>
      <c r="D104">
        <v>298.22604370117199</v>
      </c>
      <c r="E104">
        <v>5300.8538670837897</v>
      </c>
      <c r="F104">
        <v>99.999801635742202</v>
      </c>
      <c r="G104">
        <v>2.9822664260864298</v>
      </c>
    </row>
    <row r="105" spans="1:7" x14ac:dyDescent="0.25">
      <c r="A105" t="s">
        <v>110</v>
      </c>
      <c r="B105">
        <v>367.593994140625</v>
      </c>
      <c r="C105">
        <v>954.92941943395101</v>
      </c>
      <c r="D105">
        <v>300.32913208007801</v>
      </c>
      <c r="E105">
        <v>5338.2357582449904</v>
      </c>
      <c r="F105">
        <v>99.999977111816406</v>
      </c>
      <c r="G105">
        <v>3.0032920837402299</v>
      </c>
    </row>
    <row r="106" spans="1:7" x14ac:dyDescent="0.25">
      <c r="A106" t="s">
        <v>111</v>
      </c>
      <c r="B106">
        <v>368.593994140625</v>
      </c>
      <c r="C106">
        <v>954.92592237717099</v>
      </c>
      <c r="D106">
        <v>295.43218994140602</v>
      </c>
      <c r="E106">
        <v>5251.1943504214296</v>
      </c>
      <c r="F106">
        <v>99.999610900878906</v>
      </c>
      <c r="G106">
        <v>2.9543333053588898</v>
      </c>
    </row>
    <row r="107" spans="1:7" x14ac:dyDescent="0.25">
      <c r="A107" t="s">
        <v>112</v>
      </c>
      <c r="B107">
        <v>369.593994140625</v>
      </c>
      <c r="C107">
        <v>954.92781661625997</v>
      </c>
      <c r="D107">
        <v>298.30731201171898</v>
      </c>
      <c r="E107">
        <v>5302.2983483970202</v>
      </c>
      <c r="F107">
        <v>99.999809265136705</v>
      </c>
      <c r="G107">
        <v>2.9830787181854199</v>
      </c>
    </row>
    <row r="108" spans="1:7" x14ac:dyDescent="0.25">
      <c r="A108" t="s">
        <v>113</v>
      </c>
      <c r="B108">
        <v>370.593994140625</v>
      </c>
      <c r="C108">
        <v>954.92912801255295</v>
      </c>
      <c r="D108">
        <v>307.90087890625</v>
      </c>
      <c r="E108">
        <v>5472.8207178413904</v>
      </c>
      <c r="F108">
        <v>99.999946594238295</v>
      </c>
      <c r="G108">
        <v>3.0790104866027801</v>
      </c>
    </row>
    <row r="109" spans="1:7" x14ac:dyDescent="0.25">
      <c r="A109" t="s">
        <v>114</v>
      </c>
      <c r="B109">
        <v>371.593994140625</v>
      </c>
      <c r="C109">
        <v>954.93029369814599</v>
      </c>
      <c r="D109">
        <v>309.85028076171898</v>
      </c>
      <c r="E109">
        <v>5507.4701085686702</v>
      </c>
      <c r="F109">
        <v>100.00006866455099</v>
      </c>
      <c r="G109">
        <v>3.09850072860718</v>
      </c>
    </row>
    <row r="110" spans="1:7" x14ac:dyDescent="0.25">
      <c r="A110" t="s">
        <v>115</v>
      </c>
      <c r="B110">
        <v>372.593994140625</v>
      </c>
      <c r="C110">
        <v>954.92992942139801</v>
      </c>
      <c r="D110">
        <v>309.97250366210898</v>
      </c>
      <c r="E110">
        <v>5509.6428841352499</v>
      </c>
      <c r="F110">
        <v>100.000030517578</v>
      </c>
      <c r="G110">
        <v>3.0997240543365501</v>
      </c>
    </row>
    <row r="111" spans="1:7" x14ac:dyDescent="0.25">
      <c r="A111" t="s">
        <v>116</v>
      </c>
      <c r="B111">
        <v>373.593994140625</v>
      </c>
      <c r="C111">
        <v>954.92745233951302</v>
      </c>
      <c r="D111">
        <v>317.48370361328102</v>
      </c>
      <c r="E111">
        <v>5643.1512348353899</v>
      </c>
      <c r="F111">
        <v>99.999771118164105</v>
      </c>
      <c r="G111">
        <v>3.17484426498413</v>
      </c>
    </row>
    <row r="112" spans="1:7" x14ac:dyDescent="0.25">
      <c r="A112" t="s">
        <v>117</v>
      </c>
      <c r="B112">
        <v>374.593994140625</v>
      </c>
      <c r="C112">
        <v>954.93204222653605</v>
      </c>
      <c r="D112">
        <v>312.85800170898398</v>
      </c>
      <c r="E112">
        <v>5560.9312839806098</v>
      </c>
      <c r="F112">
        <v>100.00025177002</v>
      </c>
      <c r="G112">
        <v>3.12857222557068</v>
      </c>
    </row>
    <row r="113" spans="1:7" x14ac:dyDescent="0.25">
      <c r="A113" t="s">
        <v>118</v>
      </c>
      <c r="B113">
        <v>375.593994140625</v>
      </c>
      <c r="C113">
        <v>954.92752519486203</v>
      </c>
      <c r="D113">
        <v>317.50311279296898</v>
      </c>
      <c r="E113">
        <v>5643.4962898492804</v>
      </c>
      <c r="F113">
        <v>99.999778747558594</v>
      </c>
      <c r="G113">
        <v>3.17503809928894</v>
      </c>
    </row>
    <row r="114" spans="1:7" x14ac:dyDescent="0.25">
      <c r="A114" t="s">
        <v>119</v>
      </c>
      <c r="B114">
        <v>376.593994140625</v>
      </c>
      <c r="C114">
        <v>954.93124081769099</v>
      </c>
      <c r="D114">
        <v>325.53662109375</v>
      </c>
      <c r="E114">
        <v>5786.2889952957603</v>
      </c>
      <c r="F114">
        <v>100.00016784668</v>
      </c>
      <c r="G114">
        <v>3.2553608417511</v>
      </c>
    </row>
    <row r="115" spans="1:7" x14ac:dyDescent="0.25">
      <c r="A115" t="s">
        <v>120</v>
      </c>
      <c r="B115">
        <v>377.593994140625</v>
      </c>
      <c r="C115">
        <v>954.92861802510595</v>
      </c>
      <c r="D115">
        <v>322.00735473632801</v>
      </c>
      <c r="E115">
        <v>5723.55790063739</v>
      </c>
      <c r="F115">
        <v>99.999893188476605</v>
      </c>
      <c r="G115">
        <v>3.2200770378112802</v>
      </c>
    </row>
    <row r="116" spans="1:7" x14ac:dyDescent="0.25">
      <c r="A116" t="s">
        <v>121</v>
      </c>
      <c r="B116">
        <v>378.593994140625</v>
      </c>
      <c r="C116">
        <v>954.93073083024399</v>
      </c>
      <c r="D116">
        <v>327.180908203125</v>
      </c>
      <c r="E116">
        <v>5815.5157603323496</v>
      </c>
      <c r="F116">
        <v>100.000114440918</v>
      </c>
      <c r="G116">
        <v>3.2718052864074698</v>
      </c>
    </row>
    <row r="117" spans="1:7" x14ac:dyDescent="0.25">
      <c r="A117" t="s">
        <v>122</v>
      </c>
      <c r="B117">
        <v>379.593994140625</v>
      </c>
      <c r="C117">
        <v>954.93488358517004</v>
      </c>
      <c r="D117">
        <v>353.52340698242199</v>
      </c>
      <c r="E117">
        <v>6283.74330699444</v>
      </c>
      <c r="F117">
        <v>100.00054931640599</v>
      </c>
      <c r="G117">
        <v>3.5352146625518799</v>
      </c>
    </row>
    <row r="118" spans="1:7" x14ac:dyDescent="0.25">
      <c r="A118" t="s">
        <v>123</v>
      </c>
      <c r="B118">
        <v>380.593994140625</v>
      </c>
      <c r="C118">
        <v>954.92927372325198</v>
      </c>
      <c r="D118">
        <v>350.31964111328102</v>
      </c>
      <c r="E118">
        <v>6226.7975881695702</v>
      </c>
      <c r="F118">
        <v>99.999961853027301</v>
      </c>
      <c r="G118">
        <v>3.5031976699829102</v>
      </c>
    </row>
    <row r="119" spans="1:7" x14ac:dyDescent="0.25">
      <c r="A119" t="s">
        <v>124</v>
      </c>
      <c r="B119">
        <v>381.593994140625</v>
      </c>
      <c r="C119">
        <v>954.92920086790298</v>
      </c>
      <c r="D119">
        <v>370.68634033203102</v>
      </c>
      <c r="E119">
        <v>6588.8082608580598</v>
      </c>
      <c r="F119">
        <v>99.999954223632798</v>
      </c>
      <c r="G119">
        <v>3.7068650722503702</v>
      </c>
    </row>
    <row r="120" spans="1:7" x14ac:dyDescent="0.25">
      <c r="A120" t="s">
        <v>125</v>
      </c>
      <c r="B120">
        <v>382.593994140625</v>
      </c>
      <c r="C120">
        <v>954.92920086790298</v>
      </c>
      <c r="D120">
        <v>360.87533569335898</v>
      </c>
      <c r="E120">
        <v>6414.4213683903199</v>
      </c>
      <c r="F120">
        <v>99.999954223632798</v>
      </c>
      <c r="G120">
        <v>3.6087551116943399</v>
      </c>
    </row>
    <row r="121" spans="1:7" x14ac:dyDescent="0.25">
      <c r="A121" t="s">
        <v>126</v>
      </c>
      <c r="B121">
        <v>383.593994140625</v>
      </c>
      <c r="C121">
        <v>954.93145938373902</v>
      </c>
      <c r="D121">
        <v>372.49734497070301</v>
      </c>
      <c r="E121">
        <v>6620.9980286657801</v>
      </c>
      <c r="F121">
        <v>100.000190734863</v>
      </c>
      <c r="G121">
        <v>3.7249662876129199</v>
      </c>
    </row>
    <row r="122" spans="1:7" x14ac:dyDescent="0.25">
      <c r="A122" t="s">
        <v>127</v>
      </c>
      <c r="B122">
        <v>384.593994140625</v>
      </c>
      <c r="C122">
        <v>954.93124081769099</v>
      </c>
      <c r="D122">
        <v>357.1328125</v>
      </c>
      <c r="E122">
        <v>6347.8993251919701</v>
      </c>
      <c r="F122">
        <v>100.00016784668</v>
      </c>
      <c r="G122">
        <v>3.5713222026825</v>
      </c>
    </row>
    <row r="123" spans="1:7" x14ac:dyDescent="0.25">
      <c r="A123" t="s">
        <v>128</v>
      </c>
      <c r="B123">
        <v>385.593994140625</v>
      </c>
      <c r="C123">
        <v>954.92941943395101</v>
      </c>
      <c r="D123">
        <v>350.91067504882801</v>
      </c>
      <c r="E123">
        <v>6237.3029068112401</v>
      </c>
      <c r="F123">
        <v>99.999977111816406</v>
      </c>
      <c r="G123">
        <v>3.5091075897216801</v>
      </c>
    </row>
    <row r="124" spans="1:7" x14ac:dyDescent="0.25">
      <c r="A124" t="s">
        <v>129</v>
      </c>
      <c r="B124">
        <v>386.593994140625</v>
      </c>
      <c r="C124">
        <v>954.92985656604901</v>
      </c>
      <c r="D124">
        <v>347.78375244140602</v>
      </c>
      <c r="E124">
        <v>6181.7234382033303</v>
      </c>
      <c r="F124">
        <v>100.00002288818401</v>
      </c>
      <c r="G124">
        <v>3.4778368473053001</v>
      </c>
    </row>
    <row r="125" spans="1:7" x14ac:dyDescent="0.25">
      <c r="A125" t="s">
        <v>130</v>
      </c>
      <c r="B125">
        <v>387.593994140625</v>
      </c>
      <c r="C125">
        <v>954.93094939629202</v>
      </c>
      <c r="D125">
        <v>346.41732788085898</v>
      </c>
      <c r="E125">
        <v>6157.4354767799396</v>
      </c>
      <c r="F125">
        <v>100.000137329102</v>
      </c>
      <c r="G125">
        <v>3.4641685485839799</v>
      </c>
    </row>
    <row r="126" spans="1:7" x14ac:dyDescent="0.25">
      <c r="A126" t="s">
        <v>131</v>
      </c>
      <c r="B126">
        <v>388.593994140625</v>
      </c>
      <c r="C126">
        <v>954.92818089300795</v>
      </c>
      <c r="D126">
        <v>332.05798339843801</v>
      </c>
      <c r="E126">
        <v>5902.2037312388402</v>
      </c>
      <c r="F126">
        <v>99.999847412109403</v>
      </c>
      <c r="G126">
        <v>3.32058501243591</v>
      </c>
    </row>
    <row r="127" spans="1:7" x14ac:dyDescent="0.25">
      <c r="A127" t="s">
        <v>132</v>
      </c>
      <c r="B127">
        <v>389.593994140625</v>
      </c>
      <c r="C127">
        <v>954.92818089300795</v>
      </c>
      <c r="D127">
        <v>338.04803466796898</v>
      </c>
      <c r="E127">
        <v>6008.6748562753201</v>
      </c>
      <c r="F127">
        <v>99.999847412109403</v>
      </c>
      <c r="G127">
        <v>3.3804855346679701</v>
      </c>
    </row>
    <row r="128" spans="1:7" x14ac:dyDescent="0.25">
      <c r="A128" t="s">
        <v>133</v>
      </c>
      <c r="B128">
        <v>390.593994140625</v>
      </c>
      <c r="C128">
        <v>954.92694235206602</v>
      </c>
      <c r="D128">
        <v>328.77969360351602</v>
      </c>
      <c r="E128">
        <v>5843.9332060515899</v>
      </c>
      <c r="F128">
        <v>99.999717712402301</v>
      </c>
      <c r="G128">
        <v>3.2878062725067099</v>
      </c>
    </row>
    <row r="129" spans="1:7" x14ac:dyDescent="0.25">
      <c r="A129" t="s">
        <v>134</v>
      </c>
      <c r="B129">
        <v>391.593994140625</v>
      </c>
      <c r="C129">
        <v>954.92912801255295</v>
      </c>
      <c r="D129">
        <v>321.96600341796898</v>
      </c>
      <c r="E129">
        <v>5722.8226214647302</v>
      </c>
      <c r="F129">
        <v>99.999946594238295</v>
      </c>
      <c r="G129">
        <v>3.2196617126464799</v>
      </c>
    </row>
    <row r="130" spans="1:7" x14ac:dyDescent="0.25">
      <c r="A130" t="s">
        <v>135</v>
      </c>
      <c r="B130">
        <v>392.593994140625</v>
      </c>
      <c r="C130">
        <v>954.92825374835797</v>
      </c>
      <c r="D130">
        <v>324.99359130859398</v>
      </c>
      <c r="E130">
        <v>5776.63676813245</v>
      </c>
      <c r="F130">
        <v>99.999855041503906</v>
      </c>
      <c r="G130">
        <v>3.2499406337738002</v>
      </c>
    </row>
    <row r="131" spans="1:7" x14ac:dyDescent="0.25">
      <c r="A131" t="s">
        <v>136</v>
      </c>
      <c r="B131">
        <v>393.593994140625</v>
      </c>
      <c r="C131">
        <v>954.92971085534998</v>
      </c>
      <c r="D131">
        <v>321.02328491210898</v>
      </c>
      <c r="E131">
        <v>5706.0662657022503</v>
      </c>
      <c r="F131">
        <v>100.000007629395</v>
      </c>
      <c r="G131">
        <v>3.2102324962615998</v>
      </c>
    </row>
    <row r="132" spans="1:7" x14ac:dyDescent="0.25">
      <c r="A132" t="s">
        <v>137</v>
      </c>
      <c r="B132">
        <v>397.25399780273398</v>
      </c>
      <c r="C132">
        <v>946.08681994486597</v>
      </c>
      <c r="D132">
        <v>321.07482910156301</v>
      </c>
      <c r="E132">
        <v>5706.9822214543801</v>
      </c>
      <c r="F132">
        <v>99.073982238769503</v>
      </c>
      <c r="G132">
        <v>3.2407581806182901</v>
      </c>
    </row>
    <row r="133" spans="1:7" x14ac:dyDescent="0.25">
      <c r="A133" t="s">
        <v>138</v>
      </c>
      <c r="B133">
        <v>400.85400390625</v>
      </c>
      <c r="C133">
        <v>936.54204059654001</v>
      </c>
      <c r="D133">
        <v>318.59640502929699</v>
      </c>
      <c r="E133">
        <v>5662.9292666912097</v>
      </c>
      <c r="F133">
        <v>98.074455261230497</v>
      </c>
      <c r="G133">
        <v>3.2485156059265101</v>
      </c>
    </row>
    <row r="134" spans="1:7" x14ac:dyDescent="0.25">
      <c r="A134" t="s">
        <v>139</v>
      </c>
      <c r="B134">
        <v>404.45401000976602</v>
      </c>
      <c r="C134">
        <v>926.99252565049096</v>
      </c>
      <c r="D134">
        <v>313.94796752929699</v>
      </c>
      <c r="E134">
        <v>5580.3051218390501</v>
      </c>
      <c r="F134">
        <v>97.074432373046903</v>
      </c>
      <c r="G134">
        <v>3.2340953350067099</v>
      </c>
    </row>
    <row r="135" spans="1:7" x14ac:dyDescent="0.25">
      <c r="A135" t="s">
        <v>140</v>
      </c>
      <c r="B135">
        <v>408.06399536132801</v>
      </c>
      <c r="C135">
        <v>917.42042554607303</v>
      </c>
      <c r="D135">
        <v>307.23580932617199</v>
      </c>
      <c r="E135">
        <v>5460.9989747405098</v>
      </c>
      <c r="F135">
        <v>96.072044372558594</v>
      </c>
      <c r="G135">
        <v>3.1979730129241899</v>
      </c>
    </row>
    <row r="136" spans="1:7" x14ac:dyDescent="0.25">
      <c r="A136" t="s">
        <v>141</v>
      </c>
      <c r="B136">
        <v>411.65399169921898</v>
      </c>
      <c r="C136">
        <v>907.89888705426301</v>
      </c>
      <c r="D136">
        <v>301.94110107421898</v>
      </c>
      <c r="E136">
        <v>5366.8874315917501</v>
      </c>
      <c r="F136">
        <v>95.074951171875</v>
      </c>
      <c r="G136">
        <v>3.1758217811584499</v>
      </c>
    </row>
    <row r="137" spans="1:7" x14ac:dyDescent="0.25">
      <c r="A137" t="s">
        <v>142</v>
      </c>
      <c r="B137">
        <v>415.25399780273398</v>
      </c>
      <c r="C137">
        <v>898.35235917754699</v>
      </c>
      <c r="D137">
        <v>307.51336669921898</v>
      </c>
      <c r="E137">
        <v>5465.9326560795298</v>
      </c>
      <c r="F137">
        <v>94.075241088867202</v>
      </c>
      <c r="G137">
        <v>3.2688024044036901</v>
      </c>
    </row>
    <row r="138" spans="1:7" x14ac:dyDescent="0.25">
      <c r="A138" t="s">
        <v>143</v>
      </c>
      <c r="B138">
        <v>418.85400390625</v>
      </c>
      <c r="C138">
        <v>888.80568559013102</v>
      </c>
      <c r="D138">
        <v>308.45568847656301</v>
      </c>
      <c r="E138">
        <v>5482.6820269227001</v>
      </c>
      <c r="F138">
        <v>93.075515747070298</v>
      </c>
      <c r="G138">
        <v>3.31403684616089</v>
      </c>
    </row>
    <row r="139" spans="1:7" x14ac:dyDescent="0.25">
      <c r="A139" t="s">
        <v>144</v>
      </c>
      <c r="B139">
        <v>422.45401000976602</v>
      </c>
      <c r="C139">
        <v>879.25704490827798</v>
      </c>
      <c r="D139">
        <v>319.06982421875</v>
      </c>
      <c r="E139">
        <v>5671.3442318141497</v>
      </c>
      <c r="F139">
        <v>92.075584411621094</v>
      </c>
      <c r="G139">
        <v>3.46530318260193</v>
      </c>
    </row>
    <row r="140" spans="1:7" x14ac:dyDescent="0.25">
      <c r="A140" t="s">
        <v>145</v>
      </c>
      <c r="B140">
        <v>426.06399536132801</v>
      </c>
      <c r="C140">
        <v>869.68472623781099</v>
      </c>
      <c r="D140">
        <v>343.93127441406301</v>
      </c>
      <c r="E140">
        <v>6113.2470145821599</v>
      </c>
      <c r="F140">
        <v>91.073173522949205</v>
      </c>
      <c r="G140">
        <v>3.77642798423767</v>
      </c>
    </row>
    <row r="141" spans="1:7" x14ac:dyDescent="0.25">
      <c r="A141" t="s">
        <v>146</v>
      </c>
      <c r="B141">
        <v>429.65399169921898</v>
      </c>
      <c r="C141">
        <v>860.16413486554495</v>
      </c>
      <c r="D141">
        <v>326.41567993164102</v>
      </c>
      <c r="E141">
        <v>5801.9137941300896</v>
      </c>
      <c r="F141">
        <v>90.076179504394503</v>
      </c>
      <c r="G141">
        <v>3.6237735748290998</v>
      </c>
    </row>
    <row r="142" spans="1:7" x14ac:dyDescent="0.25">
      <c r="A142" t="s">
        <v>147</v>
      </c>
      <c r="B142">
        <v>433.25399780273398</v>
      </c>
      <c r="C142">
        <v>850.61629559253595</v>
      </c>
      <c r="D142">
        <v>311.76724243164102</v>
      </c>
      <c r="E142">
        <v>5541.5434762835503</v>
      </c>
      <c r="F142">
        <v>89.076332092285199</v>
      </c>
      <c r="G142">
        <v>3.50000095367432</v>
      </c>
    </row>
    <row r="143" spans="1:7" x14ac:dyDescent="0.25">
      <c r="A143" t="s">
        <v>148</v>
      </c>
      <c r="B143">
        <v>436.85400390625</v>
      </c>
      <c r="C143">
        <v>841.07049626931598</v>
      </c>
      <c r="D143">
        <v>303.06808471679699</v>
      </c>
      <c r="E143">
        <v>5386.9192488491499</v>
      </c>
      <c r="F143">
        <v>88.076698303222699</v>
      </c>
      <c r="G143">
        <v>3.4409563541412398</v>
      </c>
    </row>
    <row r="144" spans="1:7" x14ac:dyDescent="0.25">
      <c r="A144" t="s">
        <v>149</v>
      </c>
      <c r="B144">
        <v>440.45401000976602</v>
      </c>
      <c r="C144">
        <v>831.52353126050298</v>
      </c>
      <c r="D144">
        <v>282.75567626953102</v>
      </c>
      <c r="E144">
        <v>5025.8743576705501</v>
      </c>
      <c r="F144">
        <v>87.076942443847699</v>
      </c>
      <c r="G144">
        <v>3.24719333648682</v>
      </c>
    </row>
    <row r="145" spans="1:7" x14ac:dyDescent="0.25">
      <c r="A145" t="s">
        <v>150</v>
      </c>
      <c r="B145">
        <v>444.05398559570301</v>
      </c>
      <c r="C145">
        <v>821.975764842844</v>
      </c>
      <c r="D145">
        <v>273.92419433593801</v>
      </c>
      <c r="E145">
        <v>4868.8976094126701</v>
      </c>
      <c r="F145">
        <v>86.077102661132798</v>
      </c>
      <c r="G145">
        <v>3.18231201171875</v>
      </c>
    </row>
    <row r="146" spans="1:7" x14ac:dyDescent="0.25">
      <c r="A146" t="s">
        <v>151</v>
      </c>
      <c r="B146">
        <v>447.65399169921898</v>
      </c>
      <c r="C146">
        <v>812.42967409822495</v>
      </c>
      <c r="D146">
        <v>266.75</v>
      </c>
      <c r="E146">
        <v>4741.3795255124596</v>
      </c>
      <c r="F146">
        <v>85.077438354492202</v>
      </c>
      <c r="G146">
        <v>3.1353788375854501</v>
      </c>
    </row>
    <row r="147" spans="1:7" x14ac:dyDescent="0.25">
      <c r="A147" t="s">
        <v>152</v>
      </c>
      <c r="B147">
        <v>451.25399780273398</v>
      </c>
      <c r="C147">
        <v>802.88154340381902</v>
      </c>
      <c r="D147">
        <v>266.64321899414102</v>
      </c>
      <c r="E147">
        <v>4739.4814901053896</v>
      </c>
      <c r="F147">
        <v>84.077560424804702</v>
      </c>
      <c r="G147">
        <v>3.1713957786560099</v>
      </c>
    </row>
    <row r="148" spans="1:7" x14ac:dyDescent="0.25">
      <c r="A148" t="s">
        <v>153</v>
      </c>
      <c r="B148">
        <v>454.85400390625</v>
      </c>
      <c r="C148">
        <v>793.33545265919997</v>
      </c>
      <c r="D148">
        <v>252.30668640136699</v>
      </c>
      <c r="E148">
        <v>4484.6548698842498</v>
      </c>
      <c r="F148">
        <v>83.077896118164105</v>
      </c>
      <c r="G148">
        <v>3.0369894504547101</v>
      </c>
    </row>
    <row r="149" spans="1:7" x14ac:dyDescent="0.25">
      <c r="A149" t="s">
        <v>154</v>
      </c>
      <c r="B149">
        <v>458.45401000976602</v>
      </c>
      <c r="C149">
        <v>783.78790480759005</v>
      </c>
      <c r="D149">
        <v>250.86099243164099</v>
      </c>
      <c r="E149">
        <v>4458.9582830667496</v>
      </c>
      <c r="F149">
        <v>82.078079223632798</v>
      </c>
      <c r="G149">
        <v>3.0563702583313002</v>
      </c>
    </row>
    <row r="150" spans="1:7" x14ac:dyDescent="0.25">
      <c r="A150" t="s">
        <v>155</v>
      </c>
      <c r="B150">
        <v>462.05398559570301</v>
      </c>
      <c r="C150">
        <v>774.24290689321504</v>
      </c>
      <c r="D150">
        <v>256.55163574218801</v>
      </c>
      <c r="E150">
        <v>4560.1073652505902</v>
      </c>
      <c r="F150">
        <v>81.078529357910199</v>
      </c>
      <c r="G150">
        <v>3.1642363071441699</v>
      </c>
    </row>
    <row r="151" spans="1:7" x14ac:dyDescent="0.25">
      <c r="A151" t="s">
        <v>156</v>
      </c>
      <c r="B151">
        <v>465.65399169921898</v>
      </c>
      <c r="C151">
        <v>764.69477619880797</v>
      </c>
      <c r="D151">
        <v>249.83239746093801</v>
      </c>
      <c r="E151">
        <v>4440.6754896044704</v>
      </c>
      <c r="F151">
        <v>80.078651428222699</v>
      </c>
      <c r="G151">
        <v>3.1198377609252899</v>
      </c>
    </row>
    <row r="152" spans="1:7" x14ac:dyDescent="0.25">
      <c r="A152" t="s">
        <v>157</v>
      </c>
      <c r="B152">
        <v>469.25399780273398</v>
      </c>
      <c r="C152">
        <v>755.14773833464506</v>
      </c>
      <c r="D152">
        <v>250.16752624511699</v>
      </c>
      <c r="E152">
        <v>4446.6322287917101</v>
      </c>
      <c r="F152">
        <v>79.078887939453097</v>
      </c>
      <c r="G152">
        <v>3.1635184288024898</v>
      </c>
    </row>
    <row r="153" spans="1:7" x14ac:dyDescent="0.25">
      <c r="A153" t="s">
        <v>158</v>
      </c>
      <c r="B153">
        <v>472.85400390625</v>
      </c>
      <c r="C153">
        <v>745.60062761513302</v>
      </c>
      <c r="D153">
        <v>244.44889831543</v>
      </c>
      <c r="E153">
        <v>4344.9858203530302</v>
      </c>
      <c r="F153">
        <v>78.079116821289105</v>
      </c>
      <c r="G153">
        <v>3.1307845115661599</v>
      </c>
    </row>
    <row r="154" spans="1:7" x14ac:dyDescent="0.25">
      <c r="A154" t="s">
        <v>159</v>
      </c>
      <c r="B154">
        <v>476.45401000976602</v>
      </c>
      <c r="C154">
        <v>736.05351689561996</v>
      </c>
      <c r="D154">
        <v>241.37440490722699</v>
      </c>
      <c r="E154">
        <v>4290.3376743197396</v>
      </c>
      <c r="F154">
        <v>77.079345703125</v>
      </c>
      <c r="G154">
        <v>3.1315057277679399</v>
      </c>
    </row>
    <row r="155" spans="1:7" x14ac:dyDescent="0.25">
      <c r="A155" t="s">
        <v>160</v>
      </c>
      <c r="B155">
        <v>480.05398559570301</v>
      </c>
      <c r="C155">
        <v>726.50545905656304</v>
      </c>
      <c r="D155">
        <v>241.46656799316401</v>
      </c>
      <c r="E155">
        <v>4291.97587072849</v>
      </c>
      <c r="F155">
        <v>76.079475402832003</v>
      </c>
      <c r="G155">
        <v>3.1738727092742902</v>
      </c>
    </row>
    <row r="156" spans="1:7" x14ac:dyDescent="0.25">
      <c r="A156" t="s">
        <v>161</v>
      </c>
      <c r="B156">
        <v>483.65399169921898</v>
      </c>
      <c r="C156">
        <v>716.962282525928</v>
      </c>
      <c r="D156">
        <v>233.33583068847699</v>
      </c>
      <c r="E156">
        <v>4147.4550962448102</v>
      </c>
      <c r="F156">
        <v>75.080116271972699</v>
      </c>
      <c r="G156">
        <v>3.1078245639800999</v>
      </c>
    </row>
    <row r="157" spans="1:7" x14ac:dyDescent="0.25">
      <c r="A157" t="s">
        <v>162</v>
      </c>
      <c r="B157">
        <v>487.25399780273398</v>
      </c>
      <c r="C157">
        <v>707.41203902638301</v>
      </c>
      <c r="D157">
        <v>230.20103454589801</v>
      </c>
      <c r="E157">
        <v>4091.7354635894299</v>
      </c>
      <c r="F157">
        <v>74.080017089843807</v>
      </c>
      <c r="G157">
        <v>3.1074645519256601</v>
      </c>
    </row>
    <row r="158" spans="1:7" x14ac:dyDescent="0.25">
      <c r="A158" t="s">
        <v>163</v>
      </c>
      <c r="B158">
        <v>490.85400390625</v>
      </c>
      <c r="C158">
        <v>697.86521972826904</v>
      </c>
      <c r="D158">
        <v>223.34706115722699</v>
      </c>
      <c r="E158">
        <v>3969.90869194269</v>
      </c>
      <c r="F158">
        <v>73.080276489257798</v>
      </c>
      <c r="G158">
        <v>3.0561878681182901</v>
      </c>
    </row>
    <row r="159" spans="1:7" x14ac:dyDescent="0.25">
      <c r="A159" t="s">
        <v>164</v>
      </c>
      <c r="B159">
        <v>494.45401000976602</v>
      </c>
      <c r="C159">
        <v>688.32087751204006</v>
      </c>
      <c r="D159">
        <v>211.29148864746099</v>
      </c>
      <c r="E159">
        <v>3755.6255701929299</v>
      </c>
      <c r="F159">
        <v>72.080795288085895</v>
      </c>
      <c r="G159">
        <v>2.9313147068023699</v>
      </c>
    </row>
    <row r="160" spans="1:7" x14ac:dyDescent="0.25">
      <c r="A160" t="s">
        <v>165</v>
      </c>
      <c r="B160">
        <v>498.05398559570301</v>
      </c>
      <c r="C160">
        <v>678.77070686784498</v>
      </c>
      <c r="D160">
        <v>219.43399047851599</v>
      </c>
      <c r="E160">
        <v>3900.35519376397</v>
      </c>
      <c r="F160">
        <v>71.080703735351605</v>
      </c>
      <c r="G160">
        <v>3.0871105194091801</v>
      </c>
    </row>
    <row r="161" spans="1:7" x14ac:dyDescent="0.25">
      <c r="A161" t="s">
        <v>166</v>
      </c>
      <c r="B161">
        <v>501.65399169921898</v>
      </c>
      <c r="C161">
        <v>669.22745748186003</v>
      </c>
      <c r="D161">
        <v>222.56921386718801</v>
      </c>
      <c r="E161">
        <v>3956.08274266124</v>
      </c>
      <c r="F161">
        <v>70.081336975097699</v>
      </c>
      <c r="G161">
        <v>3.1758699417114298</v>
      </c>
    </row>
    <row r="162" spans="1:7" x14ac:dyDescent="0.25">
      <c r="A162" t="s">
        <v>167</v>
      </c>
      <c r="B162">
        <v>505.25399780273398</v>
      </c>
      <c r="C162">
        <v>659.67852537860801</v>
      </c>
      <c r="D162">
        <v>219.52194213867199</v>
      </c>
      <c r="E162">
        <v>3901.9186515361098</v>
      </c>
      <c r="F162">
        <v>69.081375122070298</v>
      </c>
      <c r="G162">
        <v>3.1777298450470002</v>
      </c>
    </row>
    <row r="163" spans="1:7" x14ac:dyDescent="0.25">
      <c r="A163" t="s">
        <v>168</v>
      </c>
      <c r="B163">
        <v>508.85400390625</v>
      </c>
      <c r="C163">
        <v>650.13075896094904</v>
      </c>
      <c r="D163">
        <v>223.086837768555</v>
      </c>
      <c r="E163">
        <v>3965.2832783758599</v>
      </c>
      <c r="F163">
        <v>68.081535339355497</v>
      </c>
      <c r="G163">
        <v>3.2767598628997798</v>
      </c>
    </row>
    <row r="164" spans="1:7" x14ac:dyDescent="0.25">
      <c r="A164" t="s">
        <v>169</v>
      </c>
      <c r="B164">
        <v>512.45397949218795</v>
      </c>
      <c r="C164">
        <v>640.58357538608698</v>
      </c>
      <c r="D164">
        <v>215.50721740722699</v>
      </c>
      <c r="E164">
        <v>3830.5583875626298</v>
      </c>
      <c r="F164">
        <v>67.081756591796903</v>
      </c>
      <c r="G164">
        <v>3.2126054763793901</v>
      </c>
    </row>
    <row r="165" spans="1:7" x14ac:dyDescent="0.25">
      <c r="A165" t="s">
        <v>170</v>
      </c>
      <c r="B165">
        <v>516.05401611328102</v>
      </c>
      <c r="C165">
        <v>631.03806748426496</v>
      </c>
      <c r="D165">
        <v>217.35578918457</v>
      </c>
      <c r="E165">
        <v>3863.4161464869999</v>
      </c>
      <c r="F165">
        <v>66.0821533203125</v>
      </c>
      <c r="G165">
        <v>3.2891752719879199</v>
      </c>
    </row>
    <row r="166" spans="1:7" x14ac:dyDescent="0.25">
      <c r="A166" t="s">
        <v>171</v>
      </c>
      <c r="B166">
        <v>519.65399169921898</v>
      </c>
      <c r="C166">
        <v>621.488406827517</v>
      </c>
      <c r="D166">
        <v>215.24024963378901</v>
      </c>
      <c r="E166">
        <v>3825.8132990449699</v>
      </c>
      <c r="F166">
        <v>65.082115173339801</v>
      </c>
      <c r="G166">
        <v>3.3072104454040501</v>
      </c>
    </row>
    <row r="167" spans="1:7" x14ac:dyDescent="0.25">
      <c r="A167" t="s">
        <v>172</v>
      </c>
      <c r="B167">
        <v>523.25402832031295</v>
      </c>
      <c r="C167">
        <v>611.94093183125699</v>
      </c>
      <c r="D167">
        <v>214.14709472656301</v>
      </c>
      <c r="E167">
        <v>3806.3826505094798</v>
      </c>
      <c r="F167">
        <v>64.082305908203097</v>
      </c>
      <c r="G167">
        <v>3.3417508602142298</v>
      </c>
    </row>
    <row r="168" spans="1:7" x14ac:dyDescent="0.25">
      <c r="A168" t="s">
        <v>173</v>
      </c>
      <c r="B168">
        <v>526.85400390625</v>
      </c>
      <c r="C168">
        <v>602.39586106153195</v>
      </c>
      <c r="D168">
        <v>209.93246459960901</v>
      </c>
      <c r="E168">
        <v>3731.46939091384</v>
      </c>
      <c r="F168">
        <v>63.082748413085902</v>
      </c>
      <c r="G168">
        <v>3.3278901576995898</v>
      </c>
    </row>
    <row r="169" spans="1:7" x14ac:dyDescent="0.25">
      <c r="A169" t="s">
        <v>174</v>
      </c>
      <c r="B169">
        <v>530.45397949218795</v>
      </c>
      <c r="C169">
        <v>592.84958817853999</v>
      </c>
      <c r="D169">
        <v>207.23408508300801</v>
      </c>
      <c r="E169">
        <v>3683.5067439824302</v>
      </c>
      <c r="F169">
        <v>62.083065032958999</v>
      </c>
      <c r="G169">
        <v>3.33801317214966</v>
      </c>
    </row>
    <row r="170" spans="1:7" x14ac:dyDescent="0.25">
      <c r="A170" t="s">
        <v>175</v>
      </c>
      <c r="B170">
        <v>534.05401611328102</v>
      </c>
      <c r="C170">
        <v>583.30185818855603</v>
      </c>
      <c r="D170">
        <v>208.63873291015599</v>
      </c>
      <c r="E170">
        <v>3708.4736395627301</v>
      </c>
      <c r="F170">
        <v>61.083229064941399</v>
      </c>
      <c r="G170">
        <v>3.4156467914581299</v>
      </c>
    </row>
    <row r="171" spans="1:7" x14ac:dyDescent="0.25">
      <c r="A171" t="s">
        <v>176</v>
      </c>
      <c r="B171">
        <v>537.65399169921898</v>
      </c>
      <c r="C171">
        <v>573.75533031184</v>
      </c>
      <c r="D171">
        <v>198.81147766113301</v>
      </c>
      <c r="E171">
        <v>3533.7980370968598</v>
      </c>
      <c r="F171">
        <v>60.083518981933601</v>
      </c>
      <c r="G171">
        <v>3.3089187145233199</v>
      </c>
    </row>
    <row r="172" spans="1:7" x14ac:dyDescent="0.25">
      <c r="A172" t="s">
        <v>177</v>
      </c>
      <c r="B172">
        <v>541.25402832031295</v>
      </c>
      <c r="C172">
        <v>564.20778246022996</v>
      </c>
      <c r="D172">
        <v>201.66355895996099</v>
      </c>
      <c r="E172">
        <v>3584.4927188009001</v>
      </c>
      <c r="F172">
        <v>59.083702087402301</v>
      </c>
      <c r="G172">
        <v>3.4131841659545898</v>
      </c>
    </row>
    <row r="173" spans="1:7" x14ac:dyDescent="0.25">
      <c r="A173" t="s">
        <v>178</v>
      </c>
      <c r="B173">
        <v>544.85400390625</v>
      </c>
      <c r="C173">
        <v>554.66074459606705</v>
      </c>
      <c r="D173">
        <v>197.99191284179699</v>
      </c>
      <c r="E173">
        <v>3519.23052221537</v>
      </c>
      <c r="F173">
        <v>58.083938598632798</v>
      </c>
      <c r="G173">
        <v>3.4087204933166499</v>
      </c>
    </row>
    <row r="174" spans="1:7" x14ac:dyDescent="0.25">
      <c r="A174" t="s">
        <v>179</v>
      </c>
      <c r="B174">
        <v>548.46398925781295</v>
      </c>
      <c r="C174">
        <v>545.08696881860806</v>
      </c>
      <c r="D174">
        <v>191.15194702148401</v>
      </c>
      <c r="E174">
        <v>3397.6528793573402</v>
      </c>
      <c r="F174">
        <v>57.081375122070298</v>
      </c>
      <c r="G174">
        <v>3.3487620353698699</v>
      </c>
    </row>
    <row r="175" spans="1:7" x14ac:dyDescent="0.25">
      <c r="A175" t="s">
        <v>180</v>
      </c>
      <c r="B175">
        <v>552.05401611328102</v>
      </c>
      <c r="C175">
        <v>535.56521176074898</v>
      </c>
      <c r="D175">
        <v>196.07458496093801</v>
      </c>
      <c r="E175">
        <v>3485.1508680731099</v>
      </c>
      <c r="F175">
        <v>56.084259033203097</v>
      </c>
      <c r="G175">
        <v>3.49607157707214</v>
      </c>
    </row>
    <row r="176" spans="1:7" x14ac:dyDescent="0.25">
      <c r="A176" t="s">
        <v>181</v>
      </c>
      <c r="B176">
        <v>555.66400146484398</v>
      </c>
      <c r="C176">
        <v>525.99234667515998</v>
      </c>
      <c r="D176">
        <v>203.12098693847699</v>
      </c>
      <c r="E176">
        <v>3610.3979218751201</v>
      </c>
      <c r="F176">
        <v>55.081790924072301</v>
      </c>
      <c r="G176">
        <v>3.6876249313354501</v>
      </c>
    </row>
    <row r="177" spans="1:7" x14ac:dyDescent="0.25">
      <c r="A177" t="s">
        <v>182</v>
      </c>
      <c r="B177">
        <v>559.26300048828102</v>
      </c>
      <c r="C177">
        <v>516.44498096192399</v>
      </c>
      <c r="D177">
        <v>201.52659606933599</v>
      </c>
      <c r="E177">
        <v>3582.0582415908598</v>
      </c>
      <c r="F177">
        <v>54.081993103027301</v>
      </c>
      <c r="G177">
        <v>3.7263159751892099</v>
      </c>
    </row>
    <row r="178" spans="1:7" x14ac:dyDescent="0.25">
      <c r="A178" t="s">
        <v>183</v>
      </c>
      <c r="B178">
        <v>562.86297607421898</v>
      </c>
      <c r="C178">
        <v>506.90074802871999</v>
      </c>
      <c r="D178">
        <v>202.46723937988301</v>
      </c>
      <c r="E178">
        <v>3598.7778101116401</v>
      </c>
      <c r="F178">
        <v>53.082523345947301</v>
      </c>
      <c r="G178">
        <v>3.81419777870178</v>
      </c>
    </row>
    <row r="179" spans="1:7" x14ac:dyDescent="0.25">
      <c r="A179" t="s">
        <v>184</v>
      </c>
      <c r="B179">
        <v>566.46301269531295</v>
      </c>
      <c r="C179">
        <v>497.35334588780898</v>
      </c>
      <c r="D179">
        <v>199.28266906738301</v>
      </c>
      <c r="E179">
        <v>3542.17342101038</v>
      </c>
      <c r="F179">
        <v>52.082721710205099</v>
      </c>
      <c r="G179">
        <v>3.8262722492218</v>
      </c>
    </row>
    <row r="180" spans="1:7" x14ac:dyDescent="0.25">
      <c r="A180" t="s">
        <v>185</v>
      </c>
      <c r="B180">
        <v>570.06298828125</v>
      </c>
      <c r="C180">
        <v>487.80426807385697</v>
      </c>
      <c r="D180">
        <v>191.63807678222699</v>
      </c>
      <c r="E180">
        <v>3406.2934573739799</v>
      </c>
      <c r="F180">
        <v>51.0827445983887</v>
      </c>
      <c r="G180">
        <v>3.7515227794647199</v>
      </c>
    </row>
    <row r="181" spans="1:7" x14ac:dyDescent="0.25">
      <c r="A181" t="s">
        <v>186</v>
      </c>
      <c r="B181">
        <v>573.66302490234398</v>
      </c>
      <c r="C181">
        <v>478.26036298972599</v>
      </c>
      <c r="D181">
        <v>186.47085571289099</v>
      </c>
      <c r="E181">
        <v>3314.4482877105502</v>
      </c>
      <c r="F181">
        <v>50.083309173583999</v>
      </c>
      <c r="G181">
        <v>3.7232136726379399</v>
      </c>
    </row>
    <row r="182" spans="1:7" x14ac:dyDescent="0.25">
      <c r="A182" t="s">
        <v>187</v>
      </c>
      <c r="B182">
        <v>577.26300048828102</v>
      </c>
      <c r="C182">
        <v>468.71033805623102</v>
      </c>
      <c r="D182">
        <v>192.42425537109401</v>
      </c>
      <c r="E182">
        <v>3420.2674869447901</v>
      </c>
      <c r="F182">
        <v>49.0832328796387</v>
      </c>
      <c r="G182">
        <v>3.9203662872314502</v>
      </c>
    </row>
    <row r="183" spans="1:7" x14ac:dyDescent="0.25">
      <c r="A183" t="s">
        <v>188</v>
      </c>
      <c r="B183">
        <v>580.86297607421898</v>
      </c>
      <c r="C183">
        <v>459.16534014185601</v>
      </c>
      <c r="D183">
        <v>177.63604736328099</v>
      </c>
      <c r="E183">
        <v>3157.4128661304699</v>
      </c>
      <c r="F183">
        <v>48.083683013916001</v>
      </c>
      <c r="G183">
        <v>3.6943104267120401</v>
      </c>
    </row>
    <row r="184" spans="1:7" x14ac:dyDescent="0.25">
      <c r="A184" t="s">
        <v>189</v>
      </c>
      <c r="B184">
        <v>584.46301269531295</v>
      </c>
      <c r="C184">
        <v>449.616772315351</v>
      </c>
      <c r="D184">
        <v>162.21600341796901</v>
      </c>
      <c r="E184">
        <v>2883.3274263888602</v>
      </c>
      <c r="F184">
        <v>47.0837593078613</v>
      </c>
      <c r="G184">
        <v>3.4452645778656001</v>
      </c>
    </row>
    <row r="185" spans="1:7" x14ac:dyDescent="0.25">
      <c r="A185" t="s">
        <v>190</v>
      </c>
      <c r="B185">
        <v>588.06298828125</v>
      </c>
      <c r="C185">
        <v>440.07137369655402</v>
      </c>
      <c r="D185">
        <v>174.44950866699199</v>
      </c>
      <c r="E185">
        <v>3100.7733196020099</v>
      </c>
      <c r="F185">
        <v>46.0841674804688</v>
      </c>
      <c r="G185">
        <v>3.7854542732238801</v>
      </c>
    </row>
    <row r="186" spans="1:7" x14ac:dyDescent="0.25">
      <c r="A186" t="s">
        <v>191</v>
      </c>
      <c r="B186">
        <v>591.66302490234398</v>
      </c>
      <c r="C186">
        <v>430.52382584494399</v>
      </c>
      <c r="D186">
        <v>168.14927673339801</v>
      </c>
      <c r="E186">
        <v>2988.7892305851001</v>
      </c>
      <c r="F186">
        <v>45.0843505859375</v>
      </c>
      <c r="G186">
        <v>3.7296595573425302</v>
      </c>
    </row>
    <row r="187" spans="1:7" x14ac:dyDescent="0.25">
      <c r="A187" t="s">
        <v>192</v>
      </c>
      <c r="B187">
        <v>595.26300048828102</v>
      </c>
      <c r="C187">
        <v>420.977480106602</v>
      </c>
      <c r="D187">
        <v>163.84030151367199</v>
      </c>
      <c r="E187">
        <v>2912.1986590325801</v>
      </c>
      <c r="F187">
        <v>44.084659576416001</v>
      </c>
      <c r="G187">
        <v>3.71649241447449</v>
      </c>
    </row>
    <row r="188" spans="1:7" x14ac:dyDescent="0.25">
      <c r="A188" t="s">
        <v>193</v>
      </c>
      <c r="B188">
        <v>598.86297607421898</v>
      </c>
      <c r="C188">
        <v>411.42945869521901</v>
      </c>
      <c r="D188">
        <v>159.01744079589801</v>
      </c>
      <c r="E188">
        <v>2826.4741413295301</v>
      </c>
      <c r="F188">
        <v>43.084793090820298</v>
      </c>
      <c r="G188">
        <v>3.6908020973205602</v>
      </c>
    </row>
    <row r="189" spans="1:7" x14ac:dyDescent="0.25">
      <c r="A189" t="s">
        <v>194</v>
      </c>
      <c r="B189">
        <v>602.46301269531295</v>
      </c>
      <c r="C189">
        <v>401.88365937199899</v>
      </c>
      <c r="D189">
        <v>164.13955688476599</v>
      </c>
      <c r="E189">
        <v>2917.5179079175</v>
      </c>
      <c r="F189">
        <v>42.085159301757798</v>
      </c>
      <c r="G189">
        <v>3.9001767635345499</v>
      </c>
    </row>
    <row r="190" spans="1:7" x14ac:dyDescent="0.25">
      <c r="A190" t="s">
        <v>195</v>
      </c>
      <c r="B190">
        <v>606.06298828125</v>
      </c>
      <c r="C190">
        <v>392.33374372152798</v>
      </c>
      <c r="D190">
        <v>156.68417358398401</v>
      </c>
      <c r="E190">
        <v>2785.00118292868</v>
      </c>
      <c r="F190">
        <v>41.085094451904297</v>
      </c>
      <c r="G190">
        <v>3.8136501312255899</v>
      </c>
    </row>
    <row r="191" spans="1:7" x14ac:dyDescent="0.25">
      <c r="A191" t="s">
        <v>196</v>
      </c>
      <c r="B191">
        <v>609.66302490234398</v>
      </c>
      <c r="C191">
        <v>382.789692926697</v>
      </c>
      <c r="D191">
        <v>157.064865112305</v>
      </c>
      <c r="E191">
        <v>2791.7679399251901</v>
      </c>
      <c r="F191">
        <v>40.085643768310497</v>
      </c>
      <c r="G191">
        <v>3.9182324409484899</v>
      </c>
    </row>
    <row r="192" spans="1:7" x14ac:dyDescent="0.25">
      <c r="A192" t="s">
        <v>197</v>
      </c>
      <c r="B192">
        <v>613.26300048828102</v>
      </c>
      <c r="C192">
        <v>373.24167151531498</v>
      </c>
      <c r="D192">
        <v>152.16374206543</v>
      </c>
      <c r="E192">
        <v>2704.6524919569501</v>
      </c>
      <c r="F192">
        <v>39.085777282714801</v>
      </c>
      <c r="G192">
        <v>3.8930718898773198</v>
      </c>
    </row>
    <row r="193" spans="1:7" x14ac:dyDescent="0.25">
      <c r="A193" t="s">
        <v>198</v>
      </c>
      <c r="B193">
        <v>616.86297607421898</v>
      </c>
      <c r="C193">
        <v>363.69368653160802</v>
      </c>
      <c r="D193">
        <v>155.41961669921901</v>
      </c>
      <c r="E193">
        <v>2762.52417825162</v>
      </c>
      <c r="F193">
        <v>38.085914611816399</v>
      </c>
      <c r="G193">
        <v>4.0807638168334996</v>
      </c>
    </row>
    <row r="194" spans="1:7" x14ac:dyDescent="0.25">
      <c r="A194" t="s">
        <v>199</v>
      </c>
      <c r="B194">
        <v>620.46301269531295</v>
      </c>
      <c r="C194">
        <v>354.14927146002901</v>
      </c>
      <c r="D194">
        <v>157.81832885742199</v>
      </c>
      <c r="E194">
        <v>2805.1605913788098</v>
      </c>
      <c r="F194">
        <v>37.08642578125</v>
      </c>
      <c r="G194">
        <v>4.2554202079772896</v>
      </c>
    </row>
    <row r="195" spans="1:7" x14ac:dyDescent="0.25">
      <c r="A195" t="s">
        <v>200</v>
      </c>
      <c r="B195">
        <v>624.06298828125</v>
      </c>
      <c r="C195">
        <v>344.602561444939</v>
      </c>
      <c r="D195">
        <v>150.10298156738301</v>
      </c>
      <c r="E195">
        <v>2668.0231094360402</v>
      </c>
      <c r="F195">
        <v>36.086696624755902</v>
      </c>
      <c r="G195">
        <v>4.1595101356506303</v>
      </c>
    </row>
    <row r="196" spans="1:7" x14ac:dyDescent="0.25">
      <c r="A196" t="s">
        <v>201</v>
      </c>
      <c r="B196">
        <v>627.66302490234398</v>
      </c>
      <c r="C196">
        <v>335.052937215866</v>
      </c>
      <c r="D196">
        <v>143.27403259277301</v>
      </c>
      <c r="E196">
        <v>2546.6410443186801</v>
      </c>
      <c r="F196">
        <v>35.086662292480497</v>
      </c>
      <c r="G196">
        <v>4.0834331512451199</v>
      </c>
    </row>
    <row r="197" spans="1:7" x14ac:dyDescent="0.25">
      <c r="A197" t="s">
        <v>202</v>
      </c>
      <c r="B197">
        <v>631.26300048828102</v>
      </c>
      <c r="C197">
        <v>325.50702860962201</v>
      </c>
      <c r="D197">
        <v>134.01490783691401</v>
      </c>
      <c r="E197">
        <v>2382.06377252936</v>
      </c>
      <c r="F197">
        <v>34.0870170593262</v>
      </c>
      <c r="G197">
        <v>3.9315528869628902</v>
      </c>
    </row>
    <row r="198" spans="1:7" x14ac:dyDescent="0.25">
      <c r="A198" t="s">
        <v>203</v>
      </c>
      <c r="B198">
        <v>634.86297607421898</v>
      </c>
      <c r="C198">
        <v>315.95980860708499</v>
      </c>
      <c r="D198">
        <v>134.91567993164099</v>
      </c>
      <c r="E198">
        <v>2398.0746045708702</v>
      </c>
      <c r="F198">
        <v>33.087234497070298</v>
      </c>
      <c r="G198">
        <v>4.07757520675659</v>
      </c>
    </row>
    <row r="199" spans="1:7" x14ac:dyDescent="0.25">
      <c r="A199" t="s">
        <v>204</v>
      </c>
      <c r="B199">
        <v>638.46301269531295</v>
      </c>
      <c r="C199">
        <v>306.41473783736001</v>
      </c>
      <c r="D199">
        <v>125.24991607666</v>
      </c>
      <c r="E199">
        <v>2226.2693382799598</v>
      </c>
      <c r="F199">
        <v>32.087677001953097</v>
      </c>
      <c r="G199">
        <v>3.9033651351928702</v>
      </c>
    </row>
    <row r="200" spans="1:7" x14ac:dyDescent="0.25">
      <c r="A200" t="s">
        <v>205</v>
      </c>
      <c r="B200">
        <v>642.06298828125</v>
      </c>
      <c r="C200">
        <v>296.86655250144099</v>
      </c>
      <c r="D200">
        <v>137.52540588378901</v>
      </c>
      <c r="E200">
        <v>2444.4614537060302</v>
      </c>
      <c r="F200">
        <v>31.087793350219702</v>
      </c>
      <c r="G200">
        <v>4.4237751960754403</v>
      </c>
    </row>
    <row r="201" spans="1:7" x14ac:dyDescent="0.25">
      <c r="A201" t="s">
        <v>206</v>
      </c>
      <c r="B201">
        <v>645.66302490234398</v>
      </c>
      <c r="C201">
        <v>287.31967856181501</v>
      </c>
      <c r="D201">
        <v>140.97642517089801</v>
      </c>
      <c r="E201">
        <v>2505.8020837605</v>
      </c>
      <c r="F201">
        <v>30.088047027587901</v>
      </c>
      <c r="G201">
        <v>4.6854629516601598</v>
      </c>
    </row>
    <row r="202" spans="1:7" x14ac:dyDescent="0.25">
      <c r="A202" t="s">
        <v>207</v>
      </c>
      <c r="B202">
        <v>649.26300048828102</v>
      </c>
      <c r="C202">
        <v>277.77427994301701</v>
      </c>
      <c r="D202">
        <v>118.55320739746099</v>
      </c>
      <c r="E202">
        <v>2107.2379313409301</v>
      </c>
      <c r="F202">
        <v>29.088455200195298</v>
      </c>
      <c r="G202">
        <v>4.0756101608276403</v>
      </c>
    </row>
    <row r="203" spans="1:7" x14ac:dyDescent="0.25">
      <c r="A203" t="s">
        <v>208</v>
      </c>
      <c r="B203">
        <v>652.86297607421898</v>
      </c>
      <c r="C203">
        <v>268.22471035545601</v>
      </c>
      <c r="D203">
        <v>115.85480499267599</v>
      </c>
      <c r="E203">
        <v>2059.2748187482398</v>
      </c>
      <c r="F203">
        <v>28.088426589965799</v>
      </c>
      <c r="G203">
        <v>4.1246457099914604</v>
      </c>
    </row>
    <row r="204" spans="1:7" x14ac:dyDescent="0.25">
      <c r="A204" t="s">
        <v>209</v>
      </c>
      <c r="B204">
        <v>656.46301269531295</v>
      </c>
      <c r="C204">
        <v>258.67739928373197</v>
      </c>
      <c r="D204">
        <v>108.543663024902</v>
      </c>
      <c r="E204">
        <v>1929.3221412226601</v>
      </c>
      <c r="F204">
        <v>27.0886344909668</v>
      </c>
      <c r="G204">
        <v>4.0069818496704102</v>
      </c>
    </row>
    <row r="205" spans="1:7" x14ac:dyDescent="0.25">
      <c r="A205" t="s">
        <v>210</v>
      </c>
      <c r="B205">
        <v>660.06298828125</v>
      </c>
      <c r="C205">
        <v>249.13121746992701</v>
      </c>
      <c r="D205">
        <v>114.292526245117</v>
      </c>
      <c r="E205">
        <v>2031.5060392022101</v>
      </c>
      <c r="F205">
        <v>26.088960647583001</v>
      </c>
      <c r="G205">
        <v>4.38087701797485</v>
      </c>
    </row>
    <row r="206" spans="1:7" x14ac:dyDescent="0.25">
      <c r="A206" t="s">
        <v>211</v>
      </c>
      <c r="B206">
        <v>663.66302490234398</v>
      </c>
      <c r="C206">
        <v>239.584288888788</v>
      </c>
      <c r="D206">
        <v>118.505668640137</v>
      </c>
      <c r="E206">
        <v>2106.3929889351102</v>
      </c>
      <c r="F206">
        <v>25.089208602905298</v>
      </c>
      <c r="G206">
        <v>4.7233719825744602</v>
      </c>
    </row>
    <row r="207" spans="1:7" x14ac:dyDescent="0.25">
      <c r="A207" t="s">
        <v>212</v>
      </c>
      <c r="B207">
        <v>667.26300048828102</v>
      </c>
      <c r="C207">
        <v>230.03572106228401</v>
      </c>
      <c r="D207">
        <v>119.732040405273</v>
      </c>
      <c r="E207">
        <v>2128.1912922859201</v>
      </c>
      <c r="F207">
        <v>24.0892848968506</v>
      </c>
      <c r="G207">
        <v>4.9703445434570304</v>
      </c>
    </row>
    <row r="208" spans="1:7" x14ac:dyDescent="0.25">
      <c r="A208" t="s">
        <v>213</v>
      </c>
      <c r="B208">
        <v>670.86297607421898</v>
      </c>
      <c r="C208">
        <v>220.491305990706</v>
      </c>
      <c r="D208">
        <v>118.28497314453099</v>
      </c>
      <c r="E208">
        <v>2102.4702582508298</v>
      </c>
      <c r="F208">
        <v>23.089796066284201</v>
      </c>
      <c r="G208">
        <v>5.12282466888428</v>
      </c>
    </row>
    <row r="209" spans="1:7" x14ac:dyDescent="0.25">
      <c r="A209" t="s">
        <v>214</v>
      </c>
      <c r="B209">
        <v>674.46301269531295</v>
      </c>
      <c r="C209">
        <v>210.94534274294901</v>
      </c>
      <c r="D209">
        <v>117.307914733887</v>
      </c>
      <c r="E209">
        <v>2085.10342054069</v>
      </c>
      <c r="F209">
        <v>22.090145111083999</v>
      </c>
      <c r="G209">
        <v>5.3104186058044398</v>
      </c>
    </row>
    <row r="210" spans="1:7" x14ac:dyDescent="0.25">
      <c r="A210" t="s">
        <v>215</v>
      </c>
      <c r="B210">
        <v>678.06298828125</v>
      </c>
      <c r="C210">
        <v>201.39682955795701</v>
      </c>
      <c r="D210">
        <v>112.471328735352</v>
      </c>
      <c r="E210">
        <v>1999.1348963230801</v>
      </c>
      <c r="F210">
        <v>21.090227127075199</v>
      </c>
      <c r="G210">
        <v>5.33286476135254</v>
      </c>
    </row>
    <row r="211" spans="1:7" x14ac:dyDescent="0.25">
      <c r="A211" t="s">
        <v>216</v>
      </c>
      <c r="B211">
        <v>681.66302490234398</v>
      </c>
      <c r="C211">
        <v>191.85066595798901</v>
      </c>
      <c r="D211">
        <v>114.969131469727</v>
      </c>
      <c r="E211">
        <v>2043.53244043887</v>
      </c>
      <c r="F211">
        <v>20.09055519104</v>
      </c>
      <c r="G211">
        <v>5.7225461006164604</v>
      </c>
    </row>
    <row r="212" spans="1:7" x14ac:dyDescent="0.25">
      <c r="A212" t="s">
        <v>217</v>
      </c>
      <c r="B212">
        <v>685.26300048828102</v>
      </c>
      <c r="C212">
        <v>182.30433843348399</v>
      </c>
      <c r="D212">
        <v>99.043701171875</v>
      </c>
      <c r="E212">
        <v>1760.4639288037999</v>
      </c>
      <c r="F212">
        <v>19.090866088867202</v>
      </c>
      <c r="G212">
        <v>5.1880149841308603</v>
      </c>
    </row>
    <row r="213" spans="1:7" x14ac:dyDescent="0.25">
      <c r="A213" t="s">
        <v>218</v>
      </c>
      <c r="B213">
        <v>688.86297607421898</v>
      </c>
      <c r="C213">
        <v>172.753803512541</v>
      </c>
      <c r="D213">
        <v>99.780601501464801</v>
      </c>
      <c r="E213">
        <v>1773.56204949319</v>
      </c>
      <c r="F213">
        <v>18.090736389160199</v>
      </c>
      <c r="G213">
        <v>5.51556348800659</v>
      </c>
    </row>
    <row r="214" spans="1:7" x14ac:dyDescent="0.25">
      <c r="A214" t="s">
        <v>219</v>
      </c>
      <c r="B214">
        <v>692.46301269531295</v>
      </c>
      <c r="C214">
        <v>163.20820454153201</v>
      </c>
      <c r="D214">
        <v>65.537452697753906</v>
      </c>
      <c r="E214">
        <v>1164.90316577256</v>
      </c>
      <c r="F214">
        <v>17.091123580932599</v>
      </c>
      <c r="G214">
        <v>3.8345899581909202</v>
      </c>
    </row>
    <row r="215" spans="1:7" x14ac:dyDescent="0.25">
      <c r="A215" t="s">
        <v>220</v>
      </c>
      <c r="B215">
        <v>696.06298828125</v>
      </c>
      <c r="C215">
        <v>153.66291520575899</v>
      </c>
      <c r="D215">
        <v>69.122589111328097</v>
      </c>
      <c r="E215">
        <v>1228.6276323720799</v>
      </c>
      <c r="F215">
        <v>16.0915431976318</v>
      </c>
      <c r="G215">
        <v>4.2955846786498997</v>
      </c>
    </row>
    <row r="216" spans="1:7" x14ac:dyDescent="0.25">
      <c r="A216" t="s">
        <v>221</v>
      </c>
      <c r="B216">
        <v>699.66302490234398</v>
      </c>
      <c r="C216">
        <v>144.112453140166</v>
      </c>
      <c r="D216">
        <v>69.673423767089801</v>
      </c>
      <c r="E216">
        <v>1238.4185101836899</v>
      </c>
      <c r="F216">
        <v>15.0914211273193</v>
      </c>
      <c r="G216">
        <v>4.6167569160461399</v>
      </c>
    </row>
    <row r="217" spans="1:7" x14ac:dyDescent="0.25">
      <c r="A217" t="s">
        <v>222</v>
      </c>
      <c r="B217">
        <v>703.26300048828102</v>
      </c>
      <c r="C217">
        <v>134.56277426958101</v>
      </c>
      <c r="D217">
        <v>72.262931823730497</v>
      </c>
      <c r="E217">
        <v>1284.4459852203699</v>
      </c>
      <c r="F217">
        <v>14.091381072998001</v>
      </c>
      <c r="G217">
        <v>5.1281652450561497</v>
      </c>
    </row>
    <row r="218" spans="1:7" x14ac:dyDescent="0.25">
      <c r="A218" t="s">
        <v>223</v>
      </c>
      <c r="B218">
        <v>706.86297607421898</v>
      </c>
      <c r="C218">
        <v>125.013578065686</v>
      </c>
      <c r="D218">
        <v>79.281028747558594</v>
      </c>
      <c r="E218">
        <v>1409.1900084167701</v>
      </c>
      <c r="F218">
        <v>13.091391563415501</v>
      </c>
      <c r="G218">
        <v>6.0559663772582999</v>
      </c>
    </row>
    <row r="219" spans="1:7" x14ac:dyDescent="0.25">
      <c r="A219" t="s">
        <v>224</v>
      </c>
      <c r="B219">
        <v>710.46301269531295</v>
      </c>
      <c r="C219">
        <v>115.461613358508</v>
      </c>
      <c r="D219">
        <v>76.3160400390625</v>
      </c>
      <c r="E219">
        <v>1356.4884429797501</v>
      </c>
      <c r="F219">
        <v>12.091112136840801</v>
      </c>
      <c r="G219">
        <v>6.3117470741271999</v>
      </c>
    </row>
    <row r="220" spans="1:7" x14ac:dyDescent="0.25">
      <c r="A220" t="s">
        <v>225</v>
      </c>
      <c r="B220">
        <v>714.06298828125</v>
      </c>
      <c r="C220">
        <v>105.91226233699599</v>
      </c>
      <c r="D220">
        <v>75.850227355957003</v>
      </c>
      <c r="E220">
        <v>1348.2088688761</v>
      </c>
      <c r="F220">
        <v>11.091106414794901</v>
      </c>
      <c r="G220">
        <v>6.8388333320617702</v>
      </c>
    </row>
    <row r="221" spans="1:7" x14ac:dyDescent="0.25">
      <c r="A221" t="s">
        <v>226</v>
      </c>
      <c r="B221">
        <v>717.66302490234398</v>
      </c>
      <c r="C221">
        <v>96.360252095224098</v>
      </c>
      <c r="D221">
        <v>72.713394165039105</v>
      </c>
      <c r="E221">
        <v>1292.4527982249899</v>
      </c>
      <c r="F221">
        <v>10.090822219848601</v>
      </c>
      <c r="G221">
        <v>7.20589399337769</v>
      </c>
    </row>
    <row r="222" spans="1:7" x14ac:dyDescent="0.25">
      <c r="A222" t="s">
        <v>227</v>
      </c>
      <c r="B222">
        <v>721.26300048828102</v>
      </c>
      <c r="C222">
        <v>86.810099664866598</v>
      </c>
      <c r="D222">
        <v>67.790641784667997</v>
      </c>
      <c r="E222">
        <v>1204.9527140334201</v>
      </c>
      <c r="F222">
        <v>9.0907325744628906</v>
      </c>
      <c r="G222">
        <v>7.4571151733398402</v>
      </c>
    </row>
    <row r="223" spans="1:7" x14ac:dyDescent="0.25">
      <c r="A223" t="s">
        <v>228</v>
      </c>
      <c r="B223">
        <v>724.86297607421898</v>
      </c>
      <c r="C223">
        <v>77.261950756622397</v>
      </c>
      <c r="D223">
        <v>62.882274627685497</v>
      </c>
      <c r="E223">
        <v>1117.7083943039199</v>
      </c>
      <c r="F223">
        <v>8.0908527374267596</v>
      </c>
      <c r="G223">
        <v>7.7720208168029803</v>
      </c>
    </row>
    <row r="224" spans="1:7" x14ac:dyDescent="0.25">
      <c r="A224" t="s">
        <v>229</v>
      </c>
      <c r="B224">
        <v>728.46301269531295</v>
      </c>
      <c r="C224">
        <v>67.709526150049896</v>
      </c>
      <c r="D224">
        <v>60.313529968261697</v>
      </c>
      <c r="E224">
        <v>1072.0499558374299</v>
      </c>
      <c r="F224">
        <v>7.0905251502990696</v>
      </c>
      <c r="G224">
        <v>8.5062150955200195</v>
      </c>
    </row>
    <row r="225" spans="1:7" x14ac:dyDescent="0.25">
      <c r="A225" t="s">
        <v>230</v>
      </c>
      <c r="B225">
        <v>732.06298828125</v>
      </c>
      <c r="C225">
        <v>58.162552034317699</v>
      </c>
      <c r="D225">
        <v>57.055461883544901</v>
      </c>
      <c r="E225">
        <v>1014.1390375793</v>
      </c>
      <c r="F225">
        <v>6.0907683372497603</v>
      </c>
      <c r="G225">
        <v>9.3675308227539098</v>
      </c>
    </row>
    <row r="226" spans="1:7" x14ac:dyDescent="0.25">
      <c r="A226" t="s">
        <v>231</v>
      </c>
      <c r="B226">
        <v>735.66302490234398</v>
      </c>
      <c r="C226">
        <v>48.613009767512899</v>
      </c>
      <c r="D226">
        <v>56.7811889648438</v>
      </c>
      <c r="E226">
        <v>1009.26391314715</v>
      </c>
      <c r="F226">
        <v>5.0907425880432102</v>
      </c>
      <c r="G226">
        <v>11.153812408447299</v>
      </c>
    </row>
    <row r="227" spans="1:7" x14ac:dyDescent="0.25">
      <c r="A227" t="s">
        <v>232</v>
      </c>
      <c r="B227">
        <v>739.26300048828102</v>
      </c>
      <c r="C227">
        <v>39.064806217756598</v>
      </c>
      <c r="D227">
        <v>58.655086517333999</v>
      </c>
      <c r="E227">
        <v>1042.5717337056999</v>
      </c>
      <c r="F227">
        <v>4.0908570289611799</v>
      </c>
      <c r="G227">
        <v>14.338092803955099</v>
      </c>
    </row>
    <row r="228" spans="1:7" x14ac:dyDescent="0.25">
      <c r="A228" t="s">
        <v>233</v>
      </c>
      <c r="B228">
        <v>742.86297607421898</v>
      </c>
      <c r="C228">
        <v>29.517187787526598</v>
      </c>
      <c r="D228">
        <v>54.588954925537102</v>
      </c>
      <c r="E228">
        <v>970.29778407886602</v>
      </c>
      <c r="F228">
        <v>3.0910327434539799</v>
      </c>
      <c r="G228">
        <v>17.660425186157202</v>
      </c>
    </row>
    <row r="229" spans="1:7" x14ac:dyDescent="0.25">
      <c r="A229" t="s">
        <v>234</v>
      </c>
      <c r="B229">
        <v>746.46301269531295</v>
      </c>
      <c r="C229">
        <v>19.964098375889101</v>
      </c>
      <c r="D229">
        <v>56.0074272155762</v>
      </c>
      <c r="E229">
        <v>995.51060702651705</v>
      </c>
      <c r="F229">
        <v>2.0906355381011998</v>
      </c>
      <c r="G229">
        <v>26.789665222168001</v>
      </c>
    </row>
    <row r="230" spans="1:7" x14ac:dyDescent="0.25">
      <c r="A230" t="s">
        <v>235</v>
      </c>
      <c r="B230">
        <v>750.06298828125</v>
      </c>
      <c r="C230">
        <v>10.416083794695799</v>
      </c>
      <c r="D230">
        <v>51.144405364990199</v>
      </c>
      <c r="E230">
        <v>909.07223057001795</v>
      </c>
      <c r="F230">
        <v>1.09076976776123</v>
      </c>
      <c r="G230">
        <v>46.888359069824197</v>
      </c>
    </row>
    <row r="231" spans="1:7" x14ac:dyDescent="0.25">
      <c r="A231" t="s">
        <v>236</v>
      </c>
      <c r="B231">
        <v>753.66198730468795</v>
      </c>
      <c r="C231">
        <v>0.86981183662471195</v>
      </c>
      <c r="D231">
        <v>30.964836120605501</v>
      </c>
      <c r="E231">
        <v>550.38812570273899</v>
      </c>
      <c r="F231">
        <v>9.1086484491825104E-2</v>
      </c>
      <c r="G231">
        <v>339.94982910156301</v>
      </c>
    </row>
  </sheetData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6"/>
  <sheetViews>
    <sheetView topLeftCell="A15"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30.044000625610401</v>
      </c>
      <c r="C2">
        <v>8.2737818230490794E-3</v>
      </c>
      <c r="D2">
        <v>350.02127075195301</v>
      </c>
      <c r="E2">
        <v>6221.4941717684296</v>
      </c>
      <c r="F2">
        <v>8.6642842506989804E-4</v>
      </c>
      <c r="G2">
        <v>403981.75</v>
      </c>
    </row>
    <row r="3" spans="1:7" x14ac:dyDescent="0.25">
      <c r="A3" t="s">
        <v>8</v>
      </c>
      <c r="B3">
        <v>60.054000854492202</v>
      </c>
      <c r="C3">
        <v>1.9056131769360499E-2</v>
      </c>
      <c r="D3">
        <v>983.1630859375</v>
      </c>
      <c r="E3">
        <v>17475.347965955702</v>
      </c>
      <c r="F3">
        <v>1.9955534953624001E-3</v>
      </c>
      <c r="G3">
        <v>492676.875</v>
      </c>
    </row>
    <row r="4" spans="1:7" x14ac:dyDescent="0.25">
      <c r="A4" t="s">
        <v>9</v>
      </c>
      <c r="B4">
        <v>90.053001403808594</v>
      </c>
      <c r="C4">
        <v>4.0230889456085502E-2</v>
      </c>
      <c r="D4">
        <v>1286.72644042969</v>
      </c>
      <c r="E4">
        <v>22871.071472764001</v>
      </c>
      <c r="F4">
        <v>4.2129689827561396E-3</v>
      </c>
      <c r="G4">
        <v>305420.34375</v>
      </c>
    </row>
    <row r="5" spans="1:7" x14ac:dyDescent="0.25">
      <c r="A5" t="s">
        <v>10</v>
      </c>
      <c r="B5">
        <v>120.05300140380901</v>
      </c>
      <c r="C5">
        <v>7.9969587309175E-2</v>
      </c>
      <c r="D5">
        <v>1328.76403808594</v>
      </c>
      <c r="E5">
        <v>23618.273437023199</v>
      </c>
      <c r="F5">
        <v>8.3743957802653295E-3</v>
      </c>
      <c r="G5">
        <v>158669.84375</v>
      </c>
    </row>
    <row r="6" spans="1:7" x14ac:dyDescent="0.25">
      <c r="A6" t="s">
        <v>11</v>
      </c>
      <c r="B6">
        <v>150.05299377441401</v>
      </c>
      <c r="C6">
        <v>0.160374261216506</v>
      </c>
      <c r="D6">
        <v>1440.81982421875</v>
      </c>
      <c r="E6">
        <v>25610.022246837601</v>
      </c>
      <c r="F6">
        <v>1.6794353723526001E-2</v>
      </c>
      <c r="G6">
        <v>85791.921875</v>
      </c>
    </row>
    <row r="7" spans="1:7" x14ac:dyDescent="0.25">
      <c r="A7" t="s">
        <v>12</v>
      </c>
      <c r="B7">
        <v>180.05299377441401</v>
      </c>
      <c r="C7">
        <v>0.32022537264253098</v>
      </c>
      <c r="D7">
        <v>1473.01550292969</v>
      </c>
      <c r="E7">
        <v>26182.288303971302</v>
      </c>
      <c r="F7">
        <v>3.35339233279228E-2</v>
      </c>
      <c r="G7">
        <v>43926.12890625</v>
      </c>
    </row>
    <row r="8" spans="1:7" x14ac:dyDescent="0.25">
      <c r="A8" t="s">
        <v>13</v>
      </c>
      <c r="B8">
        <v>210.05299377441401</v>
      </c>
      <c r="C8">
        <v>0.64043836556745803</v>
      </c>
      <c r="D8">
        <v>1355.43395996094</v>
      </c>
      <c r="E8">
        <v>24092.3203527927</v>
      </c>
      <c r="F8">
        <v>6.7066550254821805E-2</v>
      </c>
      <c r="G8">
        <v>20210.283203125</v>
      </c>
    </row>
    <row r="9" spans="1:7" x14ac:dyDescent="0.25">
      <c r="A9" t="s">
        <v>14</v>
      </c>
      <c r="B9">
        <v>240.05299377441401</v>
      </c>
      <c r="C9">
        <v>1.2508076777347099</v>
      </c>
      <c r="D9">
        <v>974.9287109375</v>
      </c>
      <c r="E9">
        <v>17328.9850354195</v>
      </c>
      <c r="F9">
        <v>0.130984276533127</v>
      </c>
      <c r="G9">
        <v>7443.09716796875</v>
      </c>
    </row>
    <row r="10" spans="1:7" x14ac:dyDescent="0.25">
      <c r="A10" t="s">
        <v>15</v>
      </c>
      <c r="B10">
        <v>270.05300903320301</v>
      </c>
      <c r="C10">
        <v>2.5010416195914802</v>
      </c>
      <c r="D10">
        <v>728.63970947265602</v>
      </c>
      <c r="E10">
        <v>12951.292097568499</v>
      </c>
      <c r="F10">
        <v>0.26190847158432001</v>
      </c>
      <c r="G10">
        <v>2782.03955078125</v>
      </c>
    </row>
    <row r="11" spans="1:7" x14ac:dyDescent="0.25">
      <c r="A11" t="s">
        <v>16</v>
      </c>
      <c r="B11">
        <v>300.052001953125</v>
      </c>
      <c r="C11">
        <v>5.0009158460424397</v>
      </c>
      <c r="D11">
        <v>640.69879150390602</v>
      </c>
      <c r="E11">
        <v>11388.176120817699</v>
      </c>
      <c r="F11">
        <v>0.52369469404220603</v>
      </c>
      <c r="G11">
        <v>1223.42041015625</v>
      </c>
    </row>
    <row r="12" spans="1:7" x14ac:dyDescent="0.25">
      <c r="A12" t="s">
        <v>17</v>
      </c>
      <c r="B12">
        <v>330.052001953125</v>
      </c>
      <c r="C12">
        <v>9.9992828932144597</v>
      </c>
      <c r="D12">
        <v>587.110107421875</v>
      </c>
      <c r="E12">
        <v>10435.6575757265</v>
      </c>
      <c r="F12">
        <v>1.0471224784851101</v>
      </c>
      <c r="G12">
        <v>560.68902587890602</v>
      </c>
    </row>
    <row r="13" spans="1:7" x14ac:dyDescent="0.25">
      <c r="A13" t="s">
        <v>18</v>
      </c>
      <c r="B13">
        <v>360.052001953125</v>
      </c>
      <c r="C13">
        <v>19.996855962443501</v>
      </c>
      <c r="D13">
        <v>531.28887939453102</v>
      </c>
      <c r="E13">
        <v>9443.4563070535696</v>
      </c>
      <c r="F13">
        <v>2.09406590461731</v>
      </c>
      <c r="G13">
        <v>253.71163940429699</v>
      </c>
    </row>
    <row r="14" spans="1:7" x14ac:dyDescent="0.25">
      <c r="A14" t="s">
        <v>19</v>
      </c>
      <c r="B14">
        <v>390.052001953125</v>
      </c>
      <c r="C14">
        <v>40.002076629710501</v>
      </c>
      <c r="D14">
        <v>444.17437744140602</v>
      </c>
      <c r="E14">
        <v>7895.0300812721298</v>
      </c>
      <c r="F14">
        <v>4.1890077590942401</v>
      </c>
      <c r="G14">
        <v>106.033317565918</v>
      </c>
    </row>
    <row r="15" spans="1:7" x14ac:dyDescent="0.25">
      <c r="A15" t="s">
        <v>20</v>
      </c>
      <c r="B15">
        <v>420.052001953125</v>
      </c>
      <c r="C15">
        <v>80.003998441803205</v>
      </c>
      <c r="D15">
        <v>254.39089965820301</v>
      </c>
      <c r="E15">
        <v>4521.7010192573098</v>
      </c>
      <c r="F15">
        <v>8.3779993057250994</v>
      </c>
      <c r="G15">
        <v>30.364158630371101</v>
      </c>
    </row>
    <row r="16" spans="1:7" x14ac:dyDescent="0.25">
      <c r="A16" t="s">
        <v>21</v>
      </c>
      <c r="B16">
        <v>450.052001953125</v>
      </c>
      <c r="C16">
        <v>160.047029137143</v>
      </c>
      <c r="D16">
        <v>233.02964782714801</v>
      </c>
      <c r="E16">
        <v>4142.0129127800501</v>
      </c>
      <c r="F16">
        <v>16.760086059570298</v>
      </c>
      <c r="G16">
        <v>13.903845787048301</v>
      </c>
    </row>
    <row r="17" spans="1:7" x14ac:dyDescent="0.25">
      <c r="A17" t="s">
        <v>22</v>
      </c>
      <c r="B17">
        <v>480.052001953125</v>
      </c>
      <c r="C17">
        <v>319.99712423167199</v>
      </c>
      <c r="D17">
        <v>177.78984069824199</v>
      </c>
      <c r="E17">
        <v>3160.1465307176099</v>
      </c>
      <c r="F17">
        <v>33.510021209716797</v>
      </c>
      <c r="G17">
        <v>5.3055725097656303</v>
      </c>
    </row>
    <row r="18" spans="1:7" x14ac:dyDescent="0.25">
      <c r="A18" t="s">
        <v>23</v>
      </c>
      <c r="B18">
        <v>510.05099487304699</v>
      </c>
      <c r="C18">
        <v>639.99220851355506</v>
      </c>
      <c r="D18">
        <v>180.83477783203099</v>
      </c>
      <c r="E18">
        <v>3214.2689451575302</v>
      </c>
      <c r="F18">
        <v>67.019828796386705</v>
      </c>
      <c r="G18">
        <v>2.6982278823852499</v>
      </c>
    </row>
    <row r="19" spans="1:7" x14ac:dyDescent="0.25">
      <c r="A19" t="s">
        <v>24</v>
      </c>
      <c r="B19">
        <v>540.051025390625</v>
      </c>
      <c r="C19">
        <v>1249.9959894548599</v>
      </c>
      <c r="D19">
        <v>213.49847412109401</v>
      </c>
      <c r="E19">
        <v>3794.8538083583098</v>
      </c>
      <c r="F19">
        <v>130.89927673339801</v>
      </c>
      <c r="G19">
        <v>1.6310133934021001</v>
      </c>
    </row>
    <row r="20" spans="1:7" x14ac:dyDescent="0.25">
      <c r="A20" t="s">
        <v>25</v>
      </c>
      <c r="B20">
        <v>570.051025390625</v>
      </c>
      <c r="C20">
        <v>639.99344705449801</v>
      </c>
      <c r="D20">
        <v>133.76754760742199</v>
      </c>
      <c r="E20">
        <v>2377.6669986545999</v>
      </c>
      <c r="F20">
        <v>67.019958496093807</v>
      </c>
      <c r="G20">
        <v>1.9959360361099201</v>
      </c>
    </row>
    <row r="21" spans="1:7" x14ac:dyDescent="0.25">
      <c r="A21" t="s">
        <v>26</v>
      </c>
      <c r="B21">
        <v>600.051025390625</v>
      </c>
      <c r="C21">
        <v>319.99737922539498</v>
      </c>
      <c r="D21">
        <v>131.76824951171901</v>
      </c>
      <c r="E21">
        <v>2342.1302903443602</v>
      </c>
      <c r="F21">
        <v>33.510047912597699</v>
      </c>
      <c r="G21">
        <v>3.93220114707947</v>
      </c>
    </row>
    <row r="22" spans="1:7" x14ac:dyDescent="0.25">
      <c r="A22" t="s">
        <v>27</v>
      </c>
      <c r="B22">
        <v>630.051025390625</v>
      </c>
      <c r="C22">
        <v>160.04389635711101</v>
      </c>
      <c r="D22">
        <v>236.92787170410199</v>
      </c>
      <c r="E22">
        <v>4211.3023810088598</v>
      </c>
      <c r="F22">
        <v>16.759757995605501</v>
      </c>
      <c r="G22">
        <v>14.136712074279799</v>
      </c>
    </row>
    <row r="23" spans="1:7" x14ac:dyDescent="0.25">
      <c r="A23" t="s">
        <v>28</v>
      </c>
      <c r="B23">
        <v>660.051025390625</v>
      </c>
      <c r="C23">
        <v>80.004244328607996</v>
      </c>
      <c r="D23">
        <v>467.75817871093801</v>
      </c>
      <c r="E23">
        <v>8314.2230287194307</v>
      </c>
      <c r="F23">
        <v>8.3780250549316406</v>
      </c>
      <c r="G23">
        <v>55.831558227539098</v>
      </c>
    </row>
    <row r="24" spans="1:7" x14ac:dyDescent="0.25">
      <c r="A24" t="s">
        <v>29</v>
      </c>
      <c r="B24">
        <v>690.04998779296898</v>
      </c>
      <c r="C24">
        <v>40.001739673718703</v>
      </c>
      <c r="D24">
        <v>536.20520019531295</v>
      </c>
      <c r="E24">
        <v>9530.84230422974</v>
      </c>
      <c r="F24">
        <v>4.1889724731445304</v>
      </c>
      <c r="G24">
        <v>128.00399780273401</v>
      </c>
    </row>
    <row r="25" spans="1:7" x14ac:dyDescent="0.25">
      <c r="A25" t="s">
        <v>30</v>
      </c>
      <c r="B25">
        <v>720.04998779296898</v>
      </c>
      <c r="C25">
        <v>19.9976733083966</v>
      </c>
      <c r="D25">
        <v>258.64370727539102</v>
      </c>
      <c r="E25">
        <v>4597.2932130098297</v>
      </c>
      <c r="F25">
        <v>2.0941514968872101</v>
      </c>
      <c r="G25">
        <v>123.50763702392599</v>
      </c>
    </row>
    <row r="26" spans="1:7" x14ac:dyDescent="0.25">
      <c r="A26" t="s">
        <v>31</v>
      </c>
      <c r="B26">
        <v>750.04998779296898</v>
      </c>
      <c r="C26">
        <v>9.9979327925175792</v>
      </c>
      <c r="D26">
        <v>390.27969360351602</v>
      </c>
      <c r="E26">
        <v>6937.0721466839304</v>
      </c>
      <c r="F26">
        <v>1.0469810962677</v>
      </c>
      <c r="G26">
        <v>372.76669311523398</v>
      </c>
    </row>
    <row r="27" spans="1:7" x14ac:dyDescent="0.25">
      <c r="A27" t="s">
        <v>32</v>
      </c>
      <c r="B27">
        <v>780.04998779296898</v>
      </c>
      <c r="C27">
        <v>5.0003443868941799</v>
      </c>
      <c r="D27">
        <v>530.80938720703102</v>
      </c>
      <c r="E27">
        <v>9434.9337741732597</v>
      </c>
      <c r="F27">
        <v>0.52363485097885099</v>
      </c>
      <c r="G27">
        <v>1013.70141601563</v>
      </c>
    </row>
    <row r="28" spans="1:7" x14ac:dyDescent="0.25">
      <c r="A28" t="s">
        <v>33</v>
      </c>
      <c r="B28">
        <v>810.04998779296898</v>
      </c>
      <c r="C28">
        <v>2.5006887264919602</v>
      </c>
      <c r="D28">
        <v>434.578125</v>
      </c>
      <c r="E28">
        <v>7724.4602143764496</v>
      </c>
      <c r="F28">
        <v>0.26187151670455899</v>
      </c>
      <c r="G28">
        <v>1659.50891113281</v>
      </c>
    </row>
    <row r="29" spans="1:7" x14ac:dyDescent="0.25">
      <c r="A29" t="s">
        <v>34</v>
      </c>
      <c r="B29">
        <v>840.04998779296898</v>
      </c>
      <c r="C29">
        <v>1.2506850189234999</v>
      </c>
      <c r="D29">
        <v>418.76617431640602</v>
      </c>
      <c r="E29">
        <v>7443.4084817767098</v>
      </c>
      <c r="F29">
        <v>0.13097143173217801</v>
      </c>
      <c r="G29">
        <v>3197.3857421875</v>
      </c>
    </row>
    <row r="30" spans="1:7" x14ac:dyDescent="0.25">
      <c r="A30" t="s">
        <v>35</v>
      </c>
      <c r="B30">
        <v>870.04998779296898</v>
      </c>
      <c r="C30">
        <v>0.64003630933653</v>
      </c>
      <c r="D30">
        <v>211.195068359375</v>
      </c>
      <c r="E30">
        <v>3753.9117038250001</v>
      </c>
      <c r="F30">
        <v>6.7024447023868602E-2</v>
      </c>
      <c r="G30">
        <v>3151.01538085938</v>
      </c>
    </row>
    <row r="31" spans="1:7" x14ac:dyDescent="0.25">
      <c r="A31" t="s">
        <v>36</v>
      </c>
      <c r="B31">
        <v>900.04901123046898</v>
      </c>
      <c r="C31">
        <v>0.319823778872318</v>
      </c>
      <c r="D31">
        <v>194.75038146972699</v>
      </c>
      <c r="E31">
        <v>3461.6135526448502</v>
      </c>
      <c r="F31">
        <v>3.3491868525743498E-2</v>
      </c>
      <c r="G31">
        <v>5814.85546875</v>
      </c>
    </row>
    <row r="32" spans="1:7" x14ac:dyDescent="0.25">
      <c r="A32" t="s">
        <v>37</v>
      </c>
      <c r="B32">
        <v>930.04901123046898</v>
      </c>
      <c r="C32">
        <v>0.16006007252144799</v>
      </c>
      <c r="D32">
        <v>239.38177490234401</v>
      </c>
      <c r="E32">
        <v>4254.9194768071202</v>
      </c>
      <c r="F32">
        <v>1.6761451959609999E-2</v>
      </c>
      <c r="G32">
        <v>14281.6845703125</v>
      </c>
    </row>
    <row r="33" spans="1:7" x14ac:dyDescent="0.25">
      <c r="A33" t="s">
        <v>38</v>
      </c>
      <c r="B33">
        <v>960.04901123046898</v>
      </c>
      <c r="C33">
        <v>8.0063431260439202E-2</v>
      </c>
      <c r="D33">
        <v>256.77917480468801</v>
      </c>
      <c r="E33">
        <v>4564.1516335308597</v>
      </c>
      <c r="F33">
        <v>8.3842230960726703E-3</v>
      </c>
      <c r="G33">
        <v>30626.47265625</v>
      </c>
    </row>
    <row r="34" spans="1:7" x14ac:dyDescent="0.25">
      <c r="A34" t="s">
        <v>39</v>
      </c>
      <c r="B34">
        <v>990.04901123046898</v>
      </c>
      <c r="C34">
        <v>3.9942923172920398E-2</v>
      </c>
      <c r="D34">
        <v>255.58581542968801</v>
      </c>
      <c r="E34">
        <v>4542.9402962327003</v>
      </c>
      <c r="F34">
        <v>4.1828132234513803E-3</v>
      </c>
      <c r="G34">
        <v>61103.80859375</v>
      </c>
    </row>
    <row r="35" spans="1:7" x14ac:dyDescent="0.25">
      <c r="A35" t="s">
        <v>40</v>
      </c>
      <c r="B35">
        <v>1020.04901123047</v>
      </c>
      <c r="C35">
        <v>2.0008616302854599E-2</v>
      </c>
      <c r="D35">
        <v>246.87414550781301</v>
      </c>
      <c r="E35">
        <v>4388.0934827029696</v>
      </c>
      <c r="F35">
        <v>2.09529744461179E-3</v>
      </c>
      <c r="G35">
        <v>117822.9609375</v>
      </c>
    </row>
    <row r="36" spans="1:7" x14ac:dyDescent="0.25">
      <c r="A36" t="s">
        <v>41</v>
      </c>
      <c r="B36">
        <v>1050.04895019531</v>
      </c>
      <c r="C36">
        <v>1.0043577291572001E-2</v>
      </c>
      <c r="D36">
        <v>218.43603515625</v>
      </c>
      <c r="E36">
        <v>3882.6169911771999</v>
      </c>
      <c r="F36">
        <v>1.0517609771341101E-3</v>
      </c>
      <c r="G36">
        <v>207686</v>
      </c>
    </row>
  </sheetData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6"/>
  <sheetViews>
    <sheetView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30.055000305175799</v>
      </c>
      <c r="C2">
        <v>1.0085581175368501E-2</v>
      </c>
      <c r="D2">
        <v>13.152336120605501</v>
      </c>
      <c r="E2">
        <v>233.777755056508</v>
      </c>
      <c r="F2">
        <v>1.0561596136540201E-3</v>
      </c>
      <c r="G2">
        <v>12452.9814453125</v>
      </c>
    </row>
    <row r="3" spans="1:7" x14ac:dyDescent="0.25">
      <c r="A3" t="s">
        <v>8</v>
      </c>
      <c r="B3">
        <v>60.055000305175803</v>
      </c>
      <c r="C3">
        <v>2.0146302863931601E-2</v>
      </c>
      <c r="D3">
        <v>42.361915588378899</v>
      </c>
      <c r="E3">
        <v>752.966850996017</v>
      </c>
      <c r="F3">
        <v>2.1097159478813401E-3</v>
      </c>
      <c r="G3">
        <v>20079.439453125</v>
      </c>
    </row>
    <row r="4" spans="1:7" x14ac:dyDescent="0.25">
      <c r="A4" t="s">
        <v>9</v>
      </c>
      <c r="B4">
        <v>90.055000305175795</v>
      </c>
      <c r="C4">
        <v>3.9775370098449399E-2</v>
      </c>
      <c r="D4">
        <v>55.435981750488303</v>
      </c>
      <c r="E4">
        <v>985.35337019711699</v>
      </c>
      <c r="F4">
        <v>4.1652671061456203E-3</v>
      </c>
      <c r="G4">
        <v>13309.1064453125</v>
      </c>
    </row>
    <row r="5" spans="1:7" x14ac:dyDescent="0.25">
      <c r="A5" t="s">
        <v>10</v>
      </c>
      <c r="B5">
        <v>120.05500030517599</v>
      </c>
      <c r="C5">
        <v>8.0001772796250897E-2</v>
      </c>
      <c r="D5">
        <v>113.98870849609401</v>
      </c>
      <c r="E5">
        <v>2026.10576525331</v>
      </c>
      <c r="F5">
        <v>8.3777662366628595E-3</v>
      </c>
      <c r="G5">
        <v>13606.09765625</v>
      </c>
    </row>
    <row r="6" spans="1:7" x14ac:dyDescent="0.25">
      <c r="A6" t="s">
        <v>11</v>
      </c>
      <c r="B6">
        <v>150.06500244140599</v>
      </c>
      <c r="C6">
        <v>0.160729431045703</v>
      </c>
      <c r="D6">
        <v>138.13786315918</v>
      </c>
      <c r="E6">
        <v>2455.34768328071</v>
      </c>
      <c r="F6">
        <v>1.68315470218658E-2</v>
      </c>
      <c r="G6">
        <v>8207.0810546875</v>
      </c>
    </row>
    <row r="7" spans="1:7" x14ac:dyDescent="0.25">
      <c r="A7" t="s">
        <v>12</v>
      </c>
      <c r="B7">
        <v>180.06500244140599</v>
      </c>
      <c r="C7">
        <v>0.32008699016701198</v>
      </c>
      <c r="D7">
        <v>152.08230590820301</v>
      </c>
      <c r="E7">
        <v>2703.2049838453499</v>
      </c>
      <c r="F7">
        <v>3.3519431948661797E-2</v>
      </c>
      <c r="G7">
        <v>4537.138671875</v>
      </c>
    </row>
    <row r="8" spans="1:7" x14ac:dyDescent="0.25">
      <c r="A8" t="s">
        <v>13</v>
      </c>
      <c r="B8">
        <v>210.06399536132801</v>
      </c>
      <c r="C8">
        <v>0.64014409825704899</v>
      </c>
      <c r="D8">
        <v>158.49270629882801</v>
      </c>
      <c r="E8">
        <v>2817.1474114060402</v>
      </c>
      <c r="F8">
        <v>6.70357346534729E-2</v>
      </c>
      <c r="G8">
        <v>2364.3017578125</v>
      </c>
    </row>
    <row r="9" spans="1:7" x14ac:dyDescent="0.25">
      <c r="A9" t="s">
        <v>14</v>
      </c>
      <c r="B9">
        <v>240.06399536132801</v>
      </c>
      <c r="C9">
        <v>1.2502747806953101</v>
      </c>
      <c r="D9">
        <v>150.05261230468801</v>
      </c>
      <c r="E9">
        <v>2667.1278756111901</v>
      </c>
      <c r="F9">
        <v>0.13092847168445601</v>
      </c>
      <c r="G9">
        <v>1146.06555175781</v>
      </c>
    </row>
    <row r="10" spans="1:7" x14ac:dyDescent="0.25">
      <c r="A10" t="s">
        <v>15</v>
      </c>
      <c r="B10">
        <v>270.06399536132801</v>
      </c>
      <c r="C10">
        <v>2.4997441682683199</v>
      </c>
      <c r="D10">
        <v>121.30868530273401</v>
      </c>
      <c r="E10">
        <v>2156.2154870480299</v>
      </c>
      <c r="F10">
        <v>0.26177260279655501</v>
      </c>
      <c r="G10">
        <v>463.41244506835898</v>
      </c>
    </row>
    <row r="11" spans="1:7" x14ac:dyDescent="0.25">
      <c r="A11" t="s">
        <v>16</v>
      </c>
      <c r="B11">
        <v>300.06399536132801</v>
      </c>
      <c r="C11">
        <v>4.9999766950517799</v>
      </c>
      <c r="D11">
        <v>107.047859191895</v>
      </c>
      <c r="E11">
        <v>1902.7347443625299</v>
      </c>
      <c r="F11">
        <v>0.52359634637832597</v>
      </c>
      <c r="G11">
        <v>204.44729614257801</v>
      </c>
    </row>
    <row r="12" spans="1:7" x14ac:dyDescent="0.25">
      <c r="A12" t="s">
        <v>17</v>
      </c>
      <c r="B12">
        <v>330.06399536132801</v>
      </c>
      <c r="C12">
        <v>9.9981513585663198</v>
      </c>
      <c r="D12">
        <v>112.040969848633</v>
      </c>
      <c r="E12">
        <v>1991.4854783564799</v>
      </c>
      <c r="F12">
        <v>1.0470039844512899</v>
      </c>
      <c r="G12">
        <v>107.011024475098</v>
      </c>
    </row>
    <row r="13" spans="1:7" x14ac:dyDescent="0.25">
      <c r="A13" t="s">
        <v>18</v>
      </c>
      <c r="B13">
        <v>360.06399536132801</v>
      </c>
      <c r="C13">
        <v>19.996282226565601</v>
      </c>
      <c r="D13">
        <v>126.560737609863</v>
      </c>
      <c r="E13">
        <v>2249.5687007904098</v>
      </c>
      <c r="F13">
        <v>2.09400582313538</v>
      </c>
      <c r="G13">
        <v>60.439533233642599</v>
      </c>
    </row>
    <row r="14" spans="1:7" x14ac:dyDescent="0.25">
      <c r="A14" t="s">
        <v>19</v>
      </c>
      <c r="B14">
        <v>390.06399536132801</v>
      </c>
      <c r="C14">
        <v>40.002067522791798</v>
      </c>
      <c r="D14">
        <v>125.471061706543</v>
      </c>
      <c r="E14">
        <v>2230.2002180367699</v>
      </c>
      <c r="F14">
        <v>4.1890068054199201</v>
      </c>
      <c r="G14">
        <v>29.952461242675799</v>
      </c>
    </row>
    <row r="15" spans="1:7" x14ac:dyDescent="0.25">
      <c r="A15" t="s">
        <v>20</v>
      </c>
      <c r="B15">
        <v>420.06298828125</v>
      </c>
      <c r="C15">
        <v>80.004098617908895</v>
      </c>
      <c r="D15">
        <v>135.18751525878901</v>
      </c>
      <c r="E15">
        <v>2402.9063060879698</v>
      </c>
      <c r="F15">
        <v>8.3780097961425799</v>
      </c>
      <c r="G15">
        <v>16.135993957519499</v>
      </c>
    </row>
    <row r="16" spans="1:7" x14ac:dyDescent="0.25">
      <c r="A16" t="s">
        <v>21</v>
      </c>
      <c r="B16">
        <v>450.06298828125</v>
      </c>
      <c r="C16">
        <v>160.04628236981</v>
      </c>
      <c r="D16">
        <v>150.42977905273401</v>
      </c>
      <c r="E16">
        <v>2673.8317683339101</v>
      </c>
      <c r="F16">
        <v>16.760007858276399</v>
      </c>
      <c r="G16">
        <v>8.9755191802978498</v>
      </c>
    </row>
    <row r="17" spans="1:7" x14ac:dyDescent="0.25">
      <c r="A17" t="s">
        <v>22</v>
      </c>
      <c r="B17">
        <v>480.06298828125</v>
      </c>
      <c r="C17">
        <v>319.99628639515203</v>
      </c>
      <c r="D17">
        <v>155.47921752929699</v>
      </c>
      <c r="E17">
        <v>2763.5835576802501</v>
      </c>
      <c r="F17">
        <v>33.509933471679702</v>
      </c>
      <c r="G17">
        <v>4.6397948265075701</v>
      </c>
    </row>
    <row r="18" spans="1:7" x14ac:dyDescent="0.25">
      <c r="A18" t="s">
        <v>23</v>
      </c>
      <c r="B18">
        <v>510.06298828125</v>
      </c>
      <c r="C18">
        <v>639.991917092157</v>
      </c>
      <c r="D18">
        <v>237.53012084960901</v>
      </c>
      <c r="E18">
        <v>4222.0070026814901</v>
      </c>
      <c r="F18">
        <v>67.019798278808594</v>
      </c>
      <c r="G18">
        <v>3.54417848587036</v>
      </c>
    </row>
    <row r="19" spans="1:7" x14ac:dyDescent="0.25">
      <c r="A19" t="s">
        <v>24</v>
      </c>
      <c r="B19">
        <v>540.06298828125</v>
      </c>
      <c r="C19">
        <v>1249.99511519066</v>
      </c>
      <c r="D19">
        <v>518.07525634765602</v>
      </c>
      <c r="E19">
        <v>9208.5897922515906</v>
      </c>
      <c r="F19">
        <v>130.89918518066401</v>
      </c>
      <c r="G19">
        <v>3.9578187465667698</v>
      </c>
    </row>
    <row r="20" spans="1:7" x14ac:dyDescent="0.25">
      <c r="A20" t="s">
        <v>25</v>
      </c>
      <c r="B20">
        <v>570.06298828125</v>
      </c>
      <c r="C20">
        <v>639.99169852610805</v>
      </c>
      <c r="D20">
        <v>299.22863769531301</v>
      </c>
      <c r="E20">
        <v>5318.6747245490596</v>
      </c>
      <c r="F20">
        <v>67.019775390625</v>
      </c>
      <c r="G20">
        <v>4.4647812843322798</v>
      </c>
    </row>
    <row r="21" spans="1:7" x14ac:dyDescent="0.25">
      <c r="A21" t="s">
        <v>26</v>
      </c>
      <c r="B21">
        <v>600.06201171875</v>
      </c>
      <c r="C21">
        <v>319.996213539802</v>
      </c>
      <c r="D21">
        <v>195.00949096679699</v>
      </c>
      <c r="E21">
        <v>3466.2191756069701</v>
      </c>
      <c r="F21">
        <v>33.509925842285199</v>
      </c>
      <c r="G21">
        <v>5.8194546699523899</v>
      </c>
    </row>
    <row r="22" spans="1:7" x14ac:dyDescent="0.25">
      <c r="A22" t="s">
        <v>27</v>
      </c>
      <c r="B22">
        <v>630.06201171875</v>
      </c>
      <c r="C22">
        <v>160.04602737608701</v>
      </c>
      <c r="D22">
        <v>128.63534545898401</v>
      </c>
      <c r="E22">
        <v>2286.4441853016601</v>
      </c>
      <c r="F22">
        <v>16.759981155395501</v>
      </c>
      <c r="G22">
        <v>7.67514848709106</v>
      </c>
    </row>
    <row r="23" spans="1:7" x14ac:dyDescent="0.25">
      <c r="A23" t="s">
        <v>28</v>
      </c>
      <c r="B23">
        <v>660.06201171875</v>
      </c>
      <c r="C23">
        <v>80.004025762559294</v>
      </c>
      <c r="D23">
        <v>106.349449157715</v>
      </c>
      <c r="E23">
        <v>1890.3207965195199</v>
      </c>
      <c r="F23">
        <v>8.3780021667480504</v>
      </c>
      <c r="G23">
        <v>12.693891525268601</v>
      </c>
    </row>
    <row r="24" spans="1:7" x14ac:dyDescent="0.25">
      <c r="A24" t="s">
        <v>29</v>
      </c>
      <c r="B24">
        <v>690.06201171875</v>
      </c>
      <c r="C24">
        <v>40.002044755495099</v>
      </c>
      <c r="D24">
        <v>89.503341674804702</v>
      </c>
      <c r="E24">
        <v>1590.8876666799199</v>
      </c>
      <c r="F24">
        <v>4.18900442123413</v>
      </c>
      <c r="G24">
        <v>21.366256713867202</v>
      </c>
    </row>
    <row r="25" spans="1:7" x14ac:dyDescent="0.25">
      <c r="A25" t="s">
        <v>30</v>
      </c>
      <c r="B25">
        <v>720.06201171875</v>
      </c>
      <c r="C25">
        <v>19.995947547303398</v>
      </c>
      <c r="D25">
        <v>67.789802551269503</v>
      </c>
      <c r="E25">
        <v>1204.9378128722301</v>
      </c>
      <c r="F25">
        <v>2.0939707756042498</v>
      </c>
      <c r="G25">
        <v>32.373805999755902</v>
      </c>
    </row>
    <row r="26" spans="1:7" x14ac:dyDescent="0.25">
      <c r="A26" t="s">
        <v>31</v>
      </c>
      <c r="B26">
        <v>750.06201171875</v>
      </c>
      <c r="C26">
        <v>9.9980989937838096</v>
      </c>
      <c r="D26">
        <v>84.772430419921903</v>
      </c>
      <c r="E26">
        <v>1506.7975036799901</v>
      </c>
      <c r="F26">
        <v>1.0469985008239699</v>
      </c>
      <c r="G26">
        <v>80.967094421386705</v>
      </c>
    </row>
    <row r="27" spans="1:7" x14ac:dyDescent="0.25">
      <c r="A27" t="s">
        <v>32</v>
      </c>
      <c r="B27">
        <v>780.06201171875</v>
      </c>
      <c r="C27">
        <v>5.0000950849948396</v>
      </c>
      <c r="D27">
        <v>71.016944885253906</v>
      </c>
      <c r="E27">
        <v>1262.29901798069</v>
      </c>
      <c r="F27">
        <v>0.52360874414444003</v>
      </c>
      <c r="G27">
        <v>135.62979125976599</v>
      </c>
    </row>
    <row r="28" spans="1:7" x14ac:dyDescent="0.25">
      <c r="A28" t="s">
        <v>33</v>
      </c>
      <c r="B28">
        <v>810.06097412109398</v>
      </c>
      <c r="C28">
        <v>2.4998907327411</v>
      </c>
      <c r="D28">
        <v>62.0418701171875</v>
      </c>
      <c r="E28">
        <v>1102.77056228369</v>
      </c>
      <c r="F28">
        <v>0.26178795099258401</v>
      </c>
      <c r="G28">
        <v>236.99284362793</v>
      </c>
    </row>
    <row r="29" spans="1:7" x14ac:dyDescent="0.25">
      <c r="A29" t="s">
        <v>34</v>
      </c>
      <c r="B29">
        <v>840.06097412109398</v>
      </c>
      <c r="C29">
        <v>1.24999545442339</v>
      </c>
      <c r="D29">
        <v>63.8645210266113</v>
      </c>
      <c r="E29">
        <v>1135.1674329489499</v>
      </c>
      <c r="F29">
        <v>0.13089922070503199</v>
      </c>
      <c r="G29">
        <v>487.89077758789102</v>
      </c>
    </row>
    <row r="30" spans="1:7" x14ac:dyDescent="0.25">
      <c r="A30" t="s">
        <v>35</v>
      </c>
      <c r="B30">
        <v>870.06097412109398</v>
      </c>
      <c r="C30">
        <v>0.64000400823427495</v>
      </c>
      <c r="D30">
        <v>61.929279327392599</v>
      </c>
      <c r="E30">
        <v>1100.76926648617</v>
      </c>
      <c r="F30">
        <v>6.7021064460277599E-2</v>
      </c>
      <c r="G30">
        <v>924.027099609375</v>
      </c>
    </row>
    <row r="31" spans="1:7" x14ac:dyDescent="0.25">
      <c r="A31" t="s">
        <v>36</v>
      </c>
      <c r="B31">
        <v>900.06097412109398</v>
      </c>
      <c r="C31">
        <v>0.32000285789076499</v>
      </c>
      <c r="D31">
        <v>59.344146728515597</v>
      </c>
      <c r="E31">
        <v>1054.8195568844701</v>
      </c>
      <c r="F31">
        <v>3.35106216371059E-2</v>
      </c>
      <c r="G31">
        <v>1770.90551757813</v>
      </c>
    </row>
    <row r="32" spans="1:7" x14ac:dyDescent="0.25">
      <c r="A32" t="s">
        <v>37</v>
      </c>
      <c r="B32">
        <v>930.06097412109398</v>
      </c>
      <c r="C32">
        <v>0.16004794182115101</v>
      </c>
      <c r="D32">
        <v>53.315689086914098</v>
      </c>
      <c r="E32">
        <v>947.66600523143995</v>
      </c>
      <c r="F32">
        <v>1.6760181635618199E-2</v>
      </c>
      <c r="G32">
        <v>3181.09252929688</v>
      </c>
    </row>
    <row r="33" spans="1:7" x14ac:dyDescent="0.25">
      <c r="A33" t="s">
        <v>38</v>
      </c>
      <c r="B33">
        <v>960.06097412109398</v>
      </c>
      <c r="C33">
        <v>7.9963237367817699E-2</v>
      </c>
      <c r="D33">
        <v>42.696819305419901</v>
      </c>
      <c r="E33">
        <v>758.91963206231605</v>
      </c>
      <c r="F33">
        <v>8.3737308159470593E-3</v>
      </c>
      <c r="G33">
        <v>5098.900390625</v>
      </c>
    </row>
    <row r="34" spans="1:7" x14ac:dyDescent="0.25">
      <c r="A34" t="s">
        <v>39</v>
      </c>
      <c r="B34">
        <v>990.06097412109398</v>
      </c>
      <c r="C34">
        <v>4.0267063666829098E-2</v>
      </c>
      <c r="D34">
        <v>46.344478607177699</v>
      </c>
      <c r="E34">
        <v>823.755399324</v>
      </c>
      <c r="F34">
        <v>4.2167571373283898E-3</v>
      </c>
      <c r="G34">
        <v>10990.5498046875</v>
      </c>
    </row>
    <row r="35" spans="1:7" x14ac:dyDescent="0.25">
      <c r="A35" t="s">
        <v>40</v>
      </c>
      <c r="B35">
        <v>1020.05999755859</v>
      </c>
      <c r="C35">
        <v>1.9972128597107001E-2</v>
      </c>
      <c r="D35">
        <v>23.146335601806602</v>
      </c>
      <c r="E35">
        <v>411.41727706417402</v>
      </c>
      <c r="F35">
        <v>2.0914764609187798E-3</v>
      </c>
      <c r="G35">
        <v>11066.9833984375</v>
      </c>
    </row>
    <row r="36" spans="1:7" x14ac:dyDescent="0.25">
      <c r="A36" t="s">
        <v>41</v>
      </c>
      <c r="B36">
        <v>1050.06005859375</v>
      </c>
      <c r="C36">
        <v>9.9836274863239101E-3</v>
      </c>
      <c r="D36">
        <v>30.267898559570298</v>
      </c>
      <c r="E36">
        <v>538.00031309947406</v>
      </c>
      <c r="F36">
        <v>1.04548304807395E-3</v>
      </c>
      <c r="G36">
        <v>28951.11328125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workbookViewId="0">
      <selection activeCell="I17" sqref="I17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8.8369998931884801</v>
      </c>
      <c r="C2">
        <v>8.8595890150974199</v>
      </c>
      <c r="D2">
        <v>227.70338439941401</v>
      </c>
      <c r="E2">
        <v>4047.3407134413701</v>
      </c>
      <c r="F2">
        <v>0.92777401208877597</v>
      </c>
      <c r="G2">
        <v>245.42979431152301</v>
      </c>
    </row>
    <row r="3" spans="1:7" x14ac:dyDescent="0.25">
      <c r="A3" t="s">
        <v>8</v>
      </c>
      <c r="B3">
        <v>12.427000045776399</v>
      </c>
      <c r="C3">
        <v>18.383232912674199</v>
      </c>
      <c r="D3">
        <v>190.22122192382801</v>
      </c>
      <c r="E3">
        <v>3381.1095636338</v>
      </c>
      <c r="F3">
        <v>1.92508769035339</v>
      </c>
      <c r="G3">
        <v>98.811714172363295</v>
      </c>
    </row>
    <row r="4" spans="1:7" x14ac:dyDescent="0.25">
      <c r="A4" t="s">
        <v>9</v>
      </c>
      <c r="B4">
        <v>16.027000427246101</v>
      </c>
      <c r="C4">
        <v>27.931361330351301</v>
      </c>
      <c r="D4">
        <v>169.50358581543</v>
      </c>
      <c r="E4">
        <v>3012.86135800183</v>
      </c>
      <c r="F4">
        <v>2.92496538162231</v>
      </c>
      <c r="G4">
        <v>57.950630187988303</v>
      </c>
    </row>
    <row r="5" spans="1:7" x14ac:dyDescent="0.25">
      <c r="A5" t="s">
        <v>10</v>
      </c>
      <c r="B5">
        <v>19.627000808715799</v>
      </c>
      <c r="C5">
        <v>37.482681723031803</v>
      </c>
      <c r="D5">
        <v>153.29193115234401</v>
      </c>
      <c r="E5">
        <v>2724.7054968029302</v>
      </c>
      <c r="F5">
        <v>3.9251773357391402</v>
      </c>
      <c r="G5">
        <v>39.053504943847699</v>
      </c>
    </row>
    <row r="6" spans="1:7" x14ac:dyDescent="0.25">
      <c r="A6" t="s">
        <v>11</v>
      </c>
      <c r="B6">
        <v>23.2369995117188</v>
      </c>
      <c r="C6">
        <v>47.055175701683602</v>
      </c>
      <c r="D6">
        <v>152.62466430664099</v>
      </c>
      <c r="E6">
        <v>2712.8451038152002</v>
      </c>
      <c r="F6">
        <v>4.9276065826415998</v>
      </c>
      <c r="G6">
        <v>30.973386764526399</v>
      </c>
    </row>
    <row r="7" spans="1:7" x14ac:dyDescent="0.25">
      <c r="A7" t="s">
        <v>12</v>
      </c>
      <c r="B7">
        <v>26.836999893188501</v>
      </c>
      <c r="C7">
        <v>56.605268937069603</v>
      </c>
      <c r="D7">
        <v>124.27920532226599</v>
      </c>
      <c r="E7">
        <v>2209.0154234319898</v>
      </c>
      <c r="F7">
        <v>5.9276900291442898</v>
      </c>
      <c r="G7">
        <v>20.965873718261701</v>
      </c>
    </row>
    <row r="8" spans="1:7" x14ac:dyDescent="0.25">
      <c r="A8" t="s">
        <v>13</v>
      </c>
      <c r="B8">
        <v>30.4370002746582</v>
      </c>
      <c r="C8">
        <v>66.153167405049601</v>
      </c>
      <c r="D8">
        <v>123.467613220215</v>
      </c>
      <c r="E8">
        <v>2194.5897024124902</v>
      </c>
      <c r="F8">
        <v>6.9275436401367196</v>
      </c>
      <c r="G8">
        <v>17.822711944580099</v>
      </c>
    </row>
    <row r="9" spans="1:7" x14ac:dyDescent="0.25">
      <c r="A9" t="s">
        <v>14</v>
      </c>
      <c r="B9">
        <v>34.036998748779297</v>
      </c>
      <c r="C9">
        <v>75.701871835334302</v>
      </c>
      <c r="D9">
        <v>127.46491241455099</v>
      </c>
      <c r="E9">
        <v>2265.64006879926</v>
      </c>
      <c r="F9">
        <v>7.9274816513061497</v>
      </c>
      <c r="G9">
        <v>16.078865051269499</v>
      </c>
    </row>
    <row r="10" spans="1:7" x14ac:dyDescent="0.25">
      <c r="A10" t="s">
        <v>15</v>
      </c>
      <c r="B10">
        <v>37.637001037597699</v>
      </c>
      <c r="C10">
        <v>85.251204643009004</v>
      </c>
      <c r="D10">
        <v>118.788948059082</v>
      </c>
      <c r="E10">
        <v>2111.4281844347702</v>
      </c>
      <c r="F10">
        <v>8.9274854660034197</v>
      </c>
      <c r="G10">
        <v>13.305980682373001</v>
      </c>
    </row>
    <row r="11" spans="1:7" x14ac:dyDescent="0.25">
      <c r="A11" t="s">
        <v>16</v>
      </c>
      <c r="B11">
        <v>41.227001190185497</v>
      </c>
      <c r="C11">
        <v>94.776950531257697</v>
      </c>
      <c r="D11">
        <v>129.27841186523401</v>
      </c>
      <c r="E11">
        <v>2297.87430725992</v>
      </c>
      <c r="F11">
        <v>9.9250192642211896</v>
      </c>
      <c r="G11">
        <v>13.0255069732666</v>
      </c>
    </row>
    <row r="12" spans="1:7" x14ac:dyDescent="0.25">
      <c r="A12" t="s">
        <v>17</v>
      </c>
      <c r="B12">
        <v>44.826999664306598</v>
      </c>
      <c r="C12">
        <v>104.326028345209</v>
      </c>
      <c r="D12">
        <v>114.22787475585901</v>
      </c>
      <c r="E12">
        <v>2030.3567871451401</v>
      </c>
      <c r="F12">
        <v>10.924996376037599</v>
      </c>
      <c r="G12">
        <v>10.455644607543899</v>
      </c>
    </row>
    <row r="13" spans="1:7" x14ac:dyDescent="0.25">
      <c r="A13" t="s">
        <v>18</v>
      </c>
      <c r="B13">
        <v>48.426998138427699</v>
      </c>
      <c r="C13">
        <v>113.876381127778</v>
      </c>
      <c r="D13">
        <v>115.696250915527</v>
      </c>
      <c r="E13">
        <v>2056.4566366374502</v>
      </c>
      <c r="F13">
        <v>11.925107002258301</v>
      </c>
      <c r="G13">
        <v>9.701904296875</v>
      </c>
    </row>
    <row r="14" spans="1:7" x14ac:dyDescent="0.25">
      <c r="A14" t="s">
        <v>19</v>
      </c>
      <c r="B14">
        <v>52.027000427246101</v>
      </c>
      <c r="C14">
        <v>123.42707086633899</v>
      </c>
      <c r="D14">
        <v>113.314826965332</v>
      </c>
      <c r="E14">
        <v>2014.1277927905301</v>
      </c>
      <c r="F14">
        <v>12.9252529144287</v>
      </c>
      <c r="G14">
        <v>8.7669334411621094</v>
      </c>
    </row>
    <row r="15" spans="1:7" x14ac:dyDescent="0.25">
      <c r="A15" t="s">
        <v>20</v>
      </c>
      <c r="B15">
        <v>55.626998901367202</v>
      </c>
      <c r="C15">
        <v>132.97702294448499</v>
      </c>
      <c r="D15">
        <v>90.712005615234403</v>
      </c>
      <c r="E15">
        <v>1612.3711830005</v>
      </c>
      <c r="F15">
        <v>13.925321578979499</v>
      </c>
      <c r="G15">
        <v>6.5141768455505398</v>
      </c>
    </row>
    <row r="16" spans="1:7" x14ac:dyDescent="0.25">
      <c r="A16" t="s">
        <v>21</v>
      </c>
      <c r="B16">
        <v>59.227001190185497</v>
      </c>
      <c r="C16">
        <v>142.52717537484199</v>
      </c>
      <c r="D16">
        <v>100.79946136474599</v>
      </c>
      <c r="E16">
        <v>1791.67196620256</v>
      </c>
      <c r="F16">
        <v>14.925411224365201</v>
      </c>
      <c r="G16">
        <v>6.7535467147827104</v>
      </c>
    </row>
    <row r="17" spans="1:7" x14ac:dyDescent="0.25">
      <c r="A17" t="s">
        <v>22</v>
      </c>
      <c r="B17">
        <v>62.826999664306598</v>
      </c>
      <c r="C17">
        <v>152.076663000135</v>
      </c>
      <c r="D17">
        <v>110.262489318848</v>
      </c>
      <c r="E17">
        <v>1959.8735962063099</v>
      </c>
      <c r="F17">
        <v>15.9254312515259</v>
      </c>
      <c r="G17">
        <v>6.9236736297607404</v>
      </c>
    </row>
    <row r="18" spans="1:7" x14ac:dyDescent="0.25">
      <c r="A18" t="s">
        <v>23</v>
      </c>
      <c r="B18">
        <v>66.427001953125</v>
      </c>
      <c r="C18">
        <v>161.62449316622499</v>
      </c>
      <c r="D18">
        <v>104.581405639648</v>
      </c>
      <c r="E18">
        <v>1858.89448039234</v>
      </c>
      <c r="F18">
        <v>16.925277709960898</v>
      </c>
      <c r="G18">
        <v>6.1790065765380904</v>
      </c>
    </row>
    <row r="19" spans="1:7" x14ac:dyDescent="0.25">
      <c r="A19" t="s">
        <v>24</v>
      </c>
      <c r="B19">
        <v>70.027000427246094</v>
      </c>
      <c r="C19">
        <v>171.17080247689199</v>
      </c>
      <c r="D19">
        <v>106.94113922119099</v>
      </c>
      <c r="E19">
        <v>1900.83787310869</v>
      </c>
      <c r="F19">
        <v>17.924964904785199</v>
      </c>
      <c r="G19">
        <v>5.9660444259643599</v>
      </c>
    </row>
    <row r="20" spans="1:7" x14ac:dyDescent="0.25">
      <c r="A20" t="s">
        <v>25</v>
      </c>
      <c r="B20">
        <v>73.626998901367202</v>
      </c>
      <c r="C20">
        <v>180.717767485705</v>
      </c>
      <c r="D20">
        <v>110.468795776367</v>
      </c>
      <c r="E20">
        <v>1963.54067884386</v>
      </c>
      <c r="F20">
        <v>18.924720764160199</v>
      </c>
      <c r="G20">
        <v>5.8372750282287598</v>
      </c>
    </row>
    <row r="21" spans="1:7" x14ac:dyDescent="0.25">
      <c r="A21" t="s">
        <v>26</v>
      </c>
      <c r="B21">
        <v>77.226997375488295</v>
      </c>
      <c r="C21">
        <v>190.265606758714</v>
      </c>
      <c r="D21">
        <v>108.918380737305</v>
      </c>
      <c r="E21">
        <v>1935.98261103034</v>
      </c>
      <c r="F21">
        <v>19.924568176269499</v>
      </c>
      <c r="G21">
        <v>5.4665365219116202</v>
      </c>
    </row>
    <row r="22" spans="1:7" x14ac:dyDescent="0.25">
      <c r="A22" t="s">
        <v>27</v>
      </c>
      <c r="B22">
        <v>80.827003479003906</v>
      </c>
      <c r="C22">
        <v>199.81268105055199</v>
      </c>
      <c r="D22">
        <v>110.363891601563</v>
      </c>
      <c r="E22">
        <v>1961.67593821883</v>
      </c>
      <c r="F22">
        <v>20.9243354797363</v>
      </c>
      <c r="G22">
        <v>5.2744274139404297</v>
      </c>
    </row>
    <row r="23" spans="1:7" x14ac:dyDescent="0.25">
      <c r="A23" t="s">
        <v>28</v>
      </c>
      <c r="B23">
        <v>84.427001953125</v>
      </c>
      <c r="C23">
        <v>209.35899036121901</v>
      </c>
      <c r="D23">
        <v>108.660530090332</v>
      </c>
      <c r="E23">
        <v>1931.3993398100099</v>
      </c>
      <c r="F23">
        <v>21.924022674560501</v>
      </c>
      <c r="G23">
        <v>4.9562315940856898</v>
      </c>
    </row>
    <row r="24" spans="1:7" x14ac:dyDescent="0.25">
      <c r="A24" t="s">
        <v>29</v>
      </c>
      <c r="B24">
        <v>88.027000427246094</v>
      </c>
      <c r="C24">
        <v>218.90564573479699</v>
      </c>
      <c r="D24">
        <v>112.97296905517599</v>
      </c>
      <c r="E24">
        <v>2008.05137865245</v>
      </c>
      <c r="F24">
        <v>22.9237461090088</v>
      </c>
      <c r="G24">
        <v>4.9282069206237802</v>
      </c>
    </row>
    <row r="25" spans="1:7" x14ac:dyDescent="0.25">
      <c r="A25" t="s">
        <v>30</v>
      </c>
      <c r="B25">
        <v>91.626998901367202</v>
      </c>
      <c r="C25">
        <v>228.453630718504</v>
      </c>
      <c r="D25">
        <v>118.803817749023</v>
      </c>
      <c r="E25">
        <v>2111.69244721532</v>
      </c>
      <c r="F25">
        <v>23.923608779907202</v>
      </c>
      <c r="G25">
        <v>4.9659657478332502</v>
      </c>
    </row>
    <row r="26" spans="1:7" x14ac:dyDescent="0.25">
      <c r="A26" t="s">
        <v>31</v>
      </c>
      <c r="B26">
        <v>95.226997375488295</v>
      </c>
      <c r="C26">
        <v>237.99990360149701</v>
      </c>
      <c r="D26">
        <v>109.32769775390599</v>
      </c>
      <c r="E26">
        <v>1943.2579865679099</v>
      </c>
      <c r="F26">
        <v>24.923292160034201</v>
      </c>
      <c r="G26">
        <v>4.3865671157836896</v>
      </c>
    </row>
    <row r="27" spans="1:7" x14ac:dyDescent="0.25">
      <c r="A27" t="s">
        <v>32</v>
      </c>
      <c r="B27">
        <v>98.827003479003906</v>
      </c>
      <c r="C27">
        <v>247.547050748684</v>
      </c>
      <c r="D27">
        <v>108.333450317383</v>
      </c>
      <c r="E27">
        <v>1925.5856750533001</v>
      </c>
      <c r="F27">
        <v>25.923067092895501</v>
      </c>
      <c r="G27">
        <v>4.1790366172790501</v>
      </c>
    </row>
    <row r="28" spans="1:7" x14ac:dyDescent="0.25">
      <c r="A28" t="s">
        <v>33</v>
      </c>
      <c r="B28">
        <v>102.427001953125</v>
      </c>
      <c r="C28">
        <v>257.09336005935103</v>
      </c>
      <c r="D28">
        <v>112.040145874023</v>
      </c>
      <c r="E28">
        <v>1991.4708100259299</v>
      </c>
      <c r="F28">
        <v>26.922754287719702</v>
      </c>
      <c r="G28">
        <v>4.1615409851074201</v>
      </c>
    </row>
    <row r="29" spans="1:7" x14ac:dyDescent="0.25">
      <c r="A29" t="s">
        <v>34</v>
      </c>
      <c r="B29">
        <v>106.02700042724599</v>
      </c>
      <c r="C29">
        <v>266.64109004933601</v>
      </c>
      <c r="D29">
        <v>111.56487274169901</v>
      </c>
      <c r="E29">
        <v>1983.02301578224</v>
      </c>
      <c r="F29">
        <v>27.922590255737301</v>
      </c>
      <c r="G29">
        <v>3.99550580978394</v>
      </c>
    </row>
    <row r="30" spans="1:7" x14ac:dyDescent="0.25">
      <c r="A30" t="s">
        <v>35</v>
      </c>
      <c r="B30">
        <v>109.63600158691401</v>
      </c>
      <c r="C30">
        <v>276.21455619155802</v>
      </c>
      <c r="D30">
        <v>117.21753692627</v>
      </c>
      <c r="E30">
        <v>2083.4968890994801</v>
      </c>
      <c r="F30">
        <v>28.925121307373001</v>
      </c>
      <c r="G30">
        <v>4.0524473190307599</v>
      </c>
    </row>
    <row r="31" spans="1:7" x14ac:dyDescent="0.25">
      <c r="A31" t="s">
        <v>36</v>
      </c>
      <c r="B31">
        <v>113.236000061035</v>
      </c>
      <c r="C31">
        <v>285.76137548967301</v>
      </c>
      <c r="D31">
        <v>153.91024780273401</v>
      </c>
      <c r="E31">
        <v>2735.6958016753201</v>
      </c>
      <c r="F31">
        <v>29.924861907958999</v>
      </c>
      <c r="G31">
        <v>5.1432232856750497</v>
      </c>
    </row>
    <row r="32" spans="1:7" x14ac:dyDescent="0.25">
      <c r="A32" t="s">
        <v>37</v>
      </c>
      <c r="B32">
        <v>116.83599853515599</v>
      </c>
      <c r="C32">
        <v>295.30888691360798</v>
      </c>
      <c r="D32">
        <v>139.21112060546901</v>
      </c>
      <c r="E32">
        <v>2474.4244292378398</v>
      </c>
      <c r="F32">
        <v>30.924674987793001</v>
      </c>
      <c r="G32">
        <v>4.5016193389892596</v>
      </c>
    </row>
    <row r="33" spans="1:7" x14ac:dyDescent="0.25">
      <c r="A33" t="s">
        <v>38</v>
      </c>
      <c r="B33">
        <v>120.435997009277</v>
      </c>
      <c r="C33">
        <v>304.85568799788501</v>
      </c>
      <c r="D33">
        <v>134.89791870117199</v>
      </c>
      <c r="E33">
        <v>2397.7588862180701</v>
      </c>
      <c r="F33">
        <v>31.924413681030298</v>
      </c>
      <c r="G33">
        <v>4.2255411148071298</v>
      </c>
    </row>
    <row r="34" spans="1:7" x14ac:dyDescent="0.25">
      <c r="A34" t="s">
        <v>39</v>
      </c>
      <c r="B34">
        <v>124.036003112793</v>
      </c>
      <c r="C34">
        <v>314.40121411354397</v>
      </c>
      <c r="D34">
        <v>130.82200622558599</v>
      </c>
      <c r="E34">
        <v>2325.3110703080902</v>
      </c>
      <c r="F34">
        <v>32.924018859863303</v>
      </c>
      <c r="G34">
        <v>3.9734518527984601</v>
      </c>
    </row>
    <row r="35" spans="1:7" x14ac:dyDescent="0.25">
      <c r="A35" t="s">
        <v>40</v>
      </c>
      <c r="B35">
        <v>127.63600158691401</v>
      </c>
      <c r="C35">
        <v>323.94905338655298</v>
      </c>
      <c r="D35">
        <v>113.07786560058599</v>
      </c>
      <c r="E35">
        <v>2009.91588644683</v>
      </c>
      <c r="F35">
        <v>33.923866271972699</v>
      </c>
      <c r="G35">
        <v>3.3332836627960201</v>
      </c>
    </row>
    <row r="36" spans="1:7" x14ac:dyDescent="0.25">
      <c r="A36" t="s">
        <v>41</v>
      </c>
      <c r="B36">
        <v>131.23599243164099</v>
      </c>
      <c r="C36">
        <v>333.49594554001601</v>
      </c>
      <c r="D36">
        <v>105.369338989258</v>
      </c>
      <c r="E36">
        <v>1872.8997092694001</v>
      </c>
      <c r="F36">
        <v>34.923614501953097</v>
      </c>
      <c r="G36">
        <v>3.0171372890472399</v>
      </c>
    </row>
    <row r="37" spans="1:7" x14ac:dyDescent="0.25">
      <c r="A37" t="s">
        <v>42</v>
      </c>
      <c r="B37">
        <v>134.83599853515599</v>
      </c>
      <c r="C37">
        <v>343.04429480047202</v>
      </c>
      <c r="D37">
        <v>109.85198211669901</v>
      </c>
      <c r="E37">
        <v>1952.5770330801599</v>
      </c>
      <c r="F37">
        <v>35.923515319824197</v>
      </c>
      <c r="G37">
        <v>3.0579407215118399</v>
      </c>
    </row>
    <row r="38" spans="1:7" x14ac:dyDescent="0.25">
      <c r="A38" t="s">
        <v>43</v>
      </c>
      <c r="B38">
        <v>138.43600463867199</v>
      </c>
      <c r="C38">
        <v>352.59217050115501</v>
      </c>
      <c r="D38">
        <v>114.21125030517599</v>
      </c>
      <c r="E38">
        <v>2030.0613250583399</v>
      </c>
      <c r="F38">
        <v>36.923366546630902</v>
      </c>
      <c r="G38">
        <v>3.0931971073150599</v>
      </c>
    </row>
    <row r="39" spans="1:7" x14ac:dyDescent="0.25">
      <c r="A39" t="s">
        <v>44</v>
      </c>
      <c r="B39">
        <v>142.03599548339801</v>
      </c>
      <c r="C39">
        <v>362.138042679725</v>
      </c>
      <c r="D39">
        <v>106.84676361084</v>
      </c>
      <c r="E39">
        <v>1899.16032832116</v>
      </c>
      <c r="F39">
        <v>37.923007965087898</v>
      </c>
      <c r="G39">
        <v>2.81746530532837</v>
      </c>
    </row>
    <row r="40" spans="1:7" x14ac:dyDescent="0.25">
      <c r="A40" t="s">
        <v>45</v>
      </c>
      <c r="B40">
        <v>145.63600158691401</v>
      </c>
      <c r="C40">
        <v>371.68311344944902</v>
      </c>
      <c r="D40">
        <v>112.302085876465</v>
      </c>
      <c r="E40">
        <v>1996.12672440708</v>
      </c>
      <c r="F40">
        <v>38.922565460205099</v>
      </c>
      <c r="G40">
        <v>2.8852694034576398</v>
      </c>
    </row>
    <row r="41" spans="1:7" x14ac:dyDescent="0.25">
      <c r="A41" t="s">
        <v>46</v>
      </c>
      <c r="B41">
        <v>149.23599243164099</v>
      </c>
      <c r="C41">
        <v>381.23233697410001</v>
      </c>
      <c r="D41">
        <v>112.572875976563</v>
      </c>
      <c r="E41">
        <v>2000.9397994726901</v>
      </c>
      <c r="F41">
        <v>39.922557830810497</v>
      </c>
      <c r="G41">
        <v>2.81978106498718</v>
      </c>
    </row>
    <row r="42" spans="1:7" x14ac:dyDescent="0.25">
      <c r="A42" t="s">
        <v>47</v>
      </c>
      <c r="B42">
        <v>152.83599853515599</v>
      </c>
      <c r="C42">
        <v>390.77707989475101</v>
      </c>
      <c r="D42">
        <v>114.25022125244099</v>
      </c>
      <c r="E42">
        <v>2030.7539962232099</v>
      </c>
      <c r="F42">
        <v>40.922080993652301</v>
      </c>
      <c r="G42">
        <v>2.7918965816497798</v>
      </c>
    </row>
    <row r="43" spans="1:7" x14ac:dyDescent="0.25">
      <c r="A43" t="s">
        <v>48</v>
      </c>
      <c r="B43">
        <v>156.43600463867199</v>
      </c>
      <c r="C43">
        <v>400.32429989728797</v>
      </c>
      <c r="D43">
        <v>120.838272094727</v>
      </c>
      <c r="E43">
        <v>2147.8540729731299</v>
      </c>
      <c r="F43">
        <v>41.921863555908203</v>
      </c>
      <c r="G43">
        <v>2.88246417045593</v>
      </c>
    </row>
    <row r="44" spans="1:7" x14ac:dyDescent="0.25">
      <c r="A44" t="s">
        <v>49</v>
      </c>
      <c r="B44">
        <v>160.03599548339801</v>
      </c>
      <c r="C44">
        <v>409.87199345959698</v>
      </c>
      <c r="D44">
        <v>127.299270629883</v>
      </c>
      <c r="E44">
        <v>2262.69592531025</v>
      </c>
      <c r="F44">
        <v>42.921695709228501</v>
      </c>
      <c r="G44">
        <v>2.96584916114807</v>
      </c>
    </row>
    <row r="45" spans="1:7" x14ac:dyDescent="0.25">
      <c r="A45" t="s">
        <v>50</v>
      </c>
      <c r="B45">
        <v>163.63600158691401</v>
      </c>
      <c r="C45">
        <v>419.41881275771198</v>
      </c>
      <c r="D45">
        <v>129.55059814453099</v>
      </c>
      <c r="E45">
        <v>2302.7122952044001</v>
      </c>
      <c r="F45">
        <v>43.921436309814503</v>
      </c>
      <c r="G45">
        <v>2.9495983123779301</v>
      </c>
    </row>
    <row r="46" spans="1:7" x14ac:dyDescent="0.25">
      <c r="A46" t="s">
        <v>51</v>
      </c>
      <c r="B46">
        <v>167.23599243164099</v>
      </c>
      <c r="C46">
        <v>428.96497635767997</v>
      </c>
      <c r="D46">
        <v>130.50125122070301</v>
      </c>
      <c r="E46">
        <v>2319.6099791675801</v>
      </c>
      <c r="F46">
        <v>44.921108245849602</v>
      </c>
      <c r="G46">
        <v>2.9051208496093799</v>
      </c>
    </row>
    <row r="47" spans="1:7" x14ac:dyDescent="0.25">
      <c r="A47" t="s">
        <v>52</v>
      </c>
      <c r="B47">
        <v>170.83599853515599</v>
      </c>
      <c r="C47">
        <v>438.51270634766399</v>
      </c>
      <c r="D47">
        <v>135.80772399902301</v>
      </c>
      <c r="E47">
        <v>2413.9303714036901</v>
      </c>
      <c r="F47">
        <v>45.920944213867202</v>
      </c>
      <c r="G47">
        <v>2.9574244022369398</v>
      </c>
    </row>
    <row r="48" spans="1:7" x14ac:dyDescent="0.25">
      <c r="A48" t="s">
        <v>53</v>
      </c>
      <c r="B48">
        <v>174.43600463867199</v>
      </c>
      <c r="C48">
        <v>448.05876066460797</v>
      </c>
      <c r="D48">
        <v>135.71688842773401</v>
      </c>
      <c r="E48">
        <v>2412.3159237206</v>
      </c>
      <c r="F48">
        <v>46.920604705810497</v>
      </c>
      <c r="G48">
        <v>2.8924794197082502</v>
      </c>
    </row>
    <row r="49" spans="1:7" x14ac:dyDescent="0.25">
      <c r="A49" t="s">
        <v>54</v>
      </c>
      <c r="B49">
        <v>178.03599548339801</v>
      </c>
      <c r="C49">
        <v>457.60601709481898</v>
      </c>
      <c r="D49">
        <v>142.28358459472699</v>
      </c>
      <c r="E49">
        <v>2529.0362536907201</v>
      </c>
      <c r="F49">
        <v>47.9203910827637</v>
      </c>
      <c r="G49">
        <v>2.96916580200195</v>
      </c>
    </row>
    <row r="50" spans="1:7" x14ac:dyDescent="0.25">
      <c r="A50" t="s">
        <v>55</v>
      </c>
      <c r="B50">
        <v>181.63600158691401</v>
      </c>
      <c r="C50">
        <v>467.15436635527499</v>
      </c>
      <c r="D50">
        <v>147.91569519043</v>
      </c>
      <c r="E50">
        <v>2629.1450485587102</v>
      </c>
      <c r="F50">
        <v>48.920291900634801</v>
      </c>
      <c r="G50">
        <v>3.0236060619354199</v>
      </c>
    </row>
    <row r="51" spans="1:7" x14ac:dyDescent="0.25">
      <c r="A51" t="s">
        <v>56</v>
      </c>
      <c r="B51">
        <v>185.23599243164099</v>
      </c>
      <c r="C51">
        <v>476.70023853384498</v>
      </c>
      <c r="D51">
        <v>142.36032104492199</v>
      </c>
      <c r="E51">
        <v>2530.4004084318899</v>
      </c>
      <c r="F51">
        <v>49.919933319091797</v>
      </c>
      <c r="G51">
        <v>2.8517730236053498</v>
      </c>
    </row>
    <row r="52" spans="1:7" x14ac:dyDescent="0.25">
      <c r="A52" t="s">
        <v>57</v>
      </c>
      <c r="B52">
        <v>188.83599853515599</v>
      </c>
      <c r="C52">
        <v>486.249243492446</v>
      </c>
      <c r="D52">
        <v>139.46260070800801</v>
      </c>
      <c r="E52">
        <v>2478.89454476535</v>
      </c>
      <c r="F52">
        <v>50.9199028015137</v>
      </c>
      <c r="G52">
        <v>2.7388622760772701</v>
      </c>
    </row>
    <row r="53" spans="1:7" x14ac:dyDescent="0.25">
      <c r="A53" t="s">
        <v>58</v>
      </c>
      <c r="B53">
        <v>192.43600463867199</v>
      </c>
      <c r="C53">
        <v>495.79507924334098</v>
      </c>
      <c r="D53">
        <v>146.67091369628901</v>
      </c>
      <c r="E53">
        <v>2607.0193853229298</v>
      </c>
      <c r="F53">
        <v>51.919540405273402</v>
      </c>
      <c r="G53">
        <v>2.8249654769897501</v>
      </c>
    </row>
    <row r="54" spans="1:7" x14ac:dyDescent="0.25">
      <c r="A54" t="s">
        <v>59</v>
      </c>
      <c r="B54">
        <v>196.03599548339801</v>
      </c>
      <c r="C54">
        <v>505.340805711212</v>
      </c>
      <c r="D54">
        <v>152.64057922363301</v>
      </c>
      <c r="E54">
        <v>2713.1279930472401</v>
      </c>
      <c r="F54">
        <v>52.919166564941399</v>
      </c>
      <c r="G54">
        <v>2.88441014289856</v>
      </c>
    </row>
    <row r="55" spans="1:7" x14ac:dyDescent="0.25">
      <c r="A55" t="s">
        <v>60</v>
      </c>
      <c r="B55">
        <v>199.63600158691401</v>
      </c>
      <c r="C55">
        <v>514.88937353771598</v>
      </c>
      <c r="D55">
        <v>157.35354614257801</v>
      </c>
      <c r="E55">
        <v>2796.89906165004</v>
      </c>
      <c r="F55">
        <v>53.919090270996101</v>
      </c>
      <c r="G55">
        <v>2.9183270931243901</v>
      </c>
    </row>
    <row r="56" spans="1:7" x14ac:dyDescent="0.25">
      <c r="A56" t="s">
        <v>61</v>
      </c>
      <c r="B56">
        <v>203.23599243164099</v>
      </c>
      <c r="C56">
        <v>524.43659354025306</v>
      </c>
      <c r="D56">
        <v>156.651123046875</v>
      </c>
      <c r="E56">
        <v>2784.4137512147399</v>
      </c>
      <c r="F56">
        <v>54.918872833252003</v>
      </c>
      <c r="G56">
        <v>2.8524096012115501</v>
      </c>
    </row>
    <row r="57" spans="1:7" x14ac:dyDescent="0.25">
      <c r="A57" t="s">
        <v>62</v>
      </c>
      <c r="B57">
        <v>206.83599853515599</v>
      </c>
      <c r="C57">
        <v>533.98439638558705</v>
      </c>
      <c r="D57">
        <v>145.12789916992199</v>
      </c>
      <c r="E57">
        <v>2579.5928668230799</v>
      </c>
      <c r="F57">
        <v>55.918716430664098</v>
      </c>
      <c r="G57">
        <v>2.59533667564392</v>
      </c>
    </row>
    <row r="58" spans="1:7" x14ac:dyDescent="0.25">
      <c r="A58" t="s">
        <v>63</v>
      </c>
      <c r="B58">
        <v>210.43600463867199</v>
      </c>
      <c r="C58">
        <v>543.53019570880701</v>
      </c>
      <c r="D58">
        <v>146.08447265625</v>
      </c>
      <c r="E58">
        <v>2596.5955574065401</v>
      </c>
      <c r="F58">
        <v>56.918350219726598</v>
      </c>
      <c r="G58">
        <v>2.5665619373321502</v>
      </c>
    </row>
    <row r="59" spans="1:7" x14ac:dyDescent="0.25">
      <c r="A59" t="s">
        <v>64</v>
      </c>
      <c r="B59">
        <v>214.03599548339801</v>
      </c>
      <c r="C59">
        <v>553.07650501947398</v>
      </c>
      <c r="D59">
        <v>151.40881347656301</v>
      </c>
      <c r="E59">
        <v>2691.2337634712499</v>
      </c>
      <c r="F59">
        <v>57.918037414550803</v>
      </c>
      <c r="G59">
        <v>2.6141910552978498</v>
      </c>
    </row>
    <row r="60" spans="1:7" x14ac:dyDescent="0.25">
      <c r="A60" t="s">
        <v>65</v>
      </c>
      <c r="B60">
        <v>217.63600158691401</v>
      </c>
      <c r="C60">
        <v>562.62376144968596</v>
      </c>
      <c r="D60">
        <v>141.53164672851599</v>
      </c>
      <c r="E60">
        <v>2515.6708434224101</v>
      </c>
      <c r="F60">
        <v>58.917823791503899</v>
      </c>
      <c r="G60">
        <v>2.4021873474121098</v>
      </c>
    </row>
    <row r="61" spans="1:7" x14ac:dyDescent="0.25">
      <c r="A61" t="s">
        <v>66</v>
      </c>
      <c r="B61">
        <v>221.23599243164099</v>
      </c>
      <c r="C61">
        <v>572.17047146477603</v>
      </c>
      <c r="D61">
        <v>149.07879638671901</v>
      </c>
      <c r="E61">
        <v>2649.81854707003</v>
      </c>
      <c r="F61">
        <v>59.917552947997997</v>
      </c>
      <c r="G61">
        <v>2.48806548118591</v>
      </c>
    </row>
    <row r="62" spans="1:7" x14ac:dyDescent="0.25">
      <c r="A62" t="s">
        <v>67</v>
      </c>
      <c r="B62">
        <v>224.83599853515599</v>
      </c>
      <c r="C62">
        <v>581.717727894988</v>
      </c>
      <c r="D62">
        <v>159.22633361816401</v>
      </c>
      <c r="E62">
        <v>2830.1873244345202</v>
      </c>
      <c r="F62">
        <v>60.9173393249512</v>
      </c>
      <c r="G62">
        <v>2.6138098239898699</v>
      </c>
    </row>
    <row r="63" spans="1:7" x14ac:dyDescent="0.25">
      <c r="A63" t="s">
        <v>68</v>
      </c>
      <c r="B63">
        <v>228.43600463867199</v>
      </c>
      <c r="C63">
        <v>591.26436505472805</v>
      </c>
      <c r="D63">
        <v>153.75051879882801</v>
      </c>
      <c r="E63">
        <v>2732.8566648065998</v>
      </c>
      <c r="F63">
        <v>61.917060852050803</v>
      </c>
      <c r="G63">
        <v>2.4831688404083301</v>
      </c>
    </row>
    <row r="64" spans="1:7" x14ac:dyDescent="0.25">
      <c r="A64" t="s">
        <v>69</v>
      </c>
      <c r="B64">
        <v>232.03599548339801</v>
      </c>
      <c r="C64">
        <v>600.81282359820796</v>
      </c>
      <c r="D64">
        <v>158.40701293945301</v>
      </c>
      <c r="E64">
        <v>2815.6242333352602</v>
      </c>
      <c r="F64">
        <v>62.9169731140137</v>
      </c>
      <c r="G64">
        <v>2.5177149772643999</v>
      </c>
    </row>
    <row r="65" spans="1:7" x14ac:dyDescent="0.25">
      <c r="A65" t="s">
        <v>70</v>
      </c>
      <c r="B65">
        <v>235.63600158691401</v>
      </c>
      <c r="C65">
        <v>610.35884148747698</v>
      </c>
      <c r="D65">
        <v>141.27420043945301</v>
      </c>
      <c r="E65">
        <v>2511.0947899520402</v>
      </c>
      <c r="F65">
        <v>63.916629791259801</v>
      </c>
      <c r="G65">
        <v>2.21028852462769</v>
      </c>
    </row>
    <row r="66" spans="1:7" x14ac:dyDescent="0.25">
      <c r="A66" t="s">
        <v>71</v>
      </c>
      <c r="B66">
        <v>239.23599243164099</v>
      </c>
      <c r="C66">
        <v>619.90518722581896</v>
      </c>
      <c r="D66">
        <v>150.732421875</v>
      </c>
      <c r="E66">
        <v>2679.21132035553</v>
      </c>
      <c r="F66">
        <v>64.916320800781307</v>
      </c>
      <c r="G66">
        <v>2.32194948196411</v>
      </c>
    </row>
    <row r="67" spans="1:7" x14ac:dyDescent="0.25">
      <c r="A67" t="s">
        <v>72</v>
      </c>
      <c r="B67">
        <v>242.83599853515599</v>
      </c>
      <c r="C67">
        <v>629.45040370624304</v>
      </c>
      <c r="D67">
        <v>176.77751159668</v>
      </c>
      <c r="E67">
        <v>3142.1526800841102</v>
      </c>
      <c r="F67">
        <v>65.9158935546875</v>
      </c>
      <c r="G67">
        <v>2.6818647384643599</v>
      </c>
    </row>
    <row r="68" spans="1:7" x14ac:dyDescent="0.25">
      <c r="A68" t="s">
        <v>73</v>
      </c>
      <c r="B68">
        <v>246.43600463867199</v>
      </c>
      <c r="C68">
        <v>638.99889867739705</v>
      </c>
      <c r="D68">
        <v>180.879959106445</v>
      </c>
      <c r="E68">
        <v>3215.0722108781301</v>
      </c>
      <c r="F68">
        <v>66.915809631347699</v>
      </c>
      <c r="G68">
        <v>2.7030975818634002</v>
      </c>
    </row>
    <row r="69" spans="1:7" x14ac:dyDescent="0.25">
      <c r="A69" t="s">
        <v>74</v>
      </c>
      <c r="B69">
        <v>250.03599548339801</v>
      </c>
      <c r="C69">
        <v>648.54469800061702</v>
      </c>
      <c r="D69">
        <v>175.99136352539099</v>
      </c>
      <c r="E69">
        <v>3128.17934900522</v>
      </c>
      <c r="F69">
        <v>67.915443420410199</v>
      </c>
      <c r="G69">
        <v>2.59133052825928</v>
      </c>
    </row>
    <row r="70" spans="1:7" x14ac:dyDescent="0.25">
      <c r="A70" t="s">
        <v>75</v>
      </c>
      <c r="B70">
        <v>253.63600158691401</v>
      </c>
      <c r="C70">
        <v>658.09159015408102</v>
      </c>
      <c r="D70">
        <v>176.15473937988301</v>
      </c>
      <c r="E70">
        <v>3131.0832127928702</v>
      </c>
      <c r="F70">
        <v>68.915191650390597</v>
      </c>
      <c r="G70">
        <v>2.5561089515686</v>
      </c>
    </row>
    <row r="71" spans="1:7" x14ac:dyDescent="0.25">
      <c r="A71" t="s">
        <v>76</v>
      </c>
      <c r="B71">
        <v>257.23599243164102</v>
      </c>
      <c r="C71">
        <v>667.64052225733303</v>
      </c>
      <c r="D71">
        <v>180.798583984375</v>
      </c>
      <c r="E71">
        <v>3213.62586691976</v>
      </c>
      <c r="F71">
        <v>69.915153503417997</v>
      </c>
      <c r="G71">
        <v>2.5859713554382302</v>
      </c>
    </row>
    <row r="72" spans="1:7" x14ac:dyDescent="0.25">
      <c r="A72" t="s">
        <v>77</v>
      </c>
      <c r="B72">
        <v>260.83599853515602</v>
      </c>
      <c r="C72">
        <v>677.18697727870006</v>
      </c>
      <c r="D72">
        <v>175.57394409179699</v>
      </c>
      <c r="E72">
        <v>3120.7597348838999</v>
      </c>
      <c r="F72">
        <v>70.914855957031307</v>
      </c>
      <c r="G72">
        <v>2.4758415222168</v>
      </c>
    </row>
    <row r="73" spans="1:7" x14ac:dyDescent="0.25">
      <c r="A73" t="s">
        <v>78</v>
      </c>
      <c r="B73">
        <v>264.43600463867199</v>
      </c>
      <c r="C73">
        <v>686.73386943216406</v>
      </c>
      <c r="D73">
        <v>192.86251831054699</v>
      </c>
      <c r="E73">
        <v>3428.0575346201699</v>
      </c>
      <c r="F73">
        <v>71.914604187011705</v>
      </c>
      <c r="G73">
        <v>2.6818268299102801</v>
      </c>
    </row>
    <row r="74" spans="1:7" x14ac:dyDescent="0.25">
      <c r="A74" t="s">
        <v>79</v>
      </c>
      <c r="B74">
        <v>268.03601074218801</v>
      </c>
      <c r="C74">
        <v>696.27923162328705</v>
      </c>
      <c r="D74">
        <v>196.50445556640599</v>
      </c>
      <c r="E74">
        <v>3492.7916713058898</v>
      </c>
      <c r="F74">
        <v>72.914192199707003</v>
      </c>
      <c r="G74">
        <v>2.6950097084045401</v>
      </c>
    </row>
    <row r="75" spans="1:7" x14ac:dyDescent="0.25">
      <c r="A75" t="s">
        <v>80</v>
      </c>
      <c r="B75">
        <v>271.635986328125</v>
      </c>
      <c r="C75">
        <v>705.82583235535196</v>
      </c>
      <c r="D75">
        <v>198.28337097168</v>
      </c>
      <c r="E75">
        <v>3524.41123686731</v>
      </c>
      <c r="F75">
        <v>73.913909912109403</v>
      </c>
      <c r="G75">
        <v>2.6826260089874299</v>
      </c>
    </row>
    <row r="76" spans="1:7" x14ac:dyDescent="0.25">
      <c r="A76" t="s">
        <v>81</v>
      </c>
      <c r="B76">
        <v>275.23599243164102</v>
      </c>
      <c r="C76">
        <v>715.37323449626297</v>
      </c>
      <c r="D76">
        <v>193.07449340820301</v>
      </c>
      <c r="E76">
        <v>3431.82543292642</v>
      </c>
      <c r="F76">
        <v>74.913711547851605</v>
      </c>
      <c r="G76">
        <v>2.57729172706604</v>
      </c>
    </row>
    <row r="77" spans="1:7" x14ac:dyDescent="0.25">
      <c r="A77" t="s">
        <v>82</v>
      </c>
      <c r="B77">
        <v>278.83599853515602</v>
      </c>
      <c r="C77">
        <v>724.91961666227996</v>
      </c>
      <c r="D77">
        <v>183.81562805175801</v>
      </c>
      <c r="E77">
        <v>3267.2525849193298</v>
      </c>
      <c r="F77">
        <v>75.913406372070298</v>
      </c>
      <c r="G77">
        <v>2.4213855266571001</v>
      </c>
    </row>
    <row r="78" spans="1:7" x14ac:dyDescent="0.25">
      <c r="A78" t="s">
        <v>83</v>
      </c>
      <c r="B78">
        <v>282.43600463867199</v>
      </c>
      <c r="C78">
        <v>734.46840305483295</v>
      </c>
      <c r="D78">
        <v>197.70114135742199</v>
      </c>
      <c r="E78">
        <v>3514.06214758754</v>
      </c>
      <c r="F78">
        <v>76.913352966308594</v>
      </c>
      <c r="G78">
        <v>2.5704398155212398</v>
      </c>
    </row>
    <row r="79" spans="1:7" x14ac:dyDescent="0.25">
      <c r="A79" t="s">
        <v>84</v>
      </c>
      <c r="B79">
        <v>286.03601074218801</v>
      </c>
      <c r="C79">
        <v>744.01544091899598</v>
      </c>
      <c r="D79">
        <v>193.40858459472699</v>
      </c>
      <c r="E79">
        <v>3437.7635456621601</v>
      </c>
      <c r="F79">
        <v>77.913116455078097</v>
      </c>
      <c r="G79">
        <v>2.4823622703552202</v>
      </c>
    </row>
    <row r="80" spans="1:7" x14ac:dyDescent="0.25">
      <c r="A80" t="s">
        <v>85</v>
      </c>
      <c r="B80">
        <v>289.635986328125</v>
      </c>
      <c r="C80">
        <v>753.56255163850904</v>
      </c>
      <c r="D80">
        <v>203.33305358886699</v>
      </c>
      <c r="E80">
        <v>3614.1672171652299</v>
      </c>
      <c r="F80">
        <v>78.912887573242202</v>
      </c>
      <c r="G80">
        <v>2.5766773223877002</v>
      </c>
    </row>
    <row r="81" spans="1:7" x14ac:dyDescent="0.25">
      <c r="A81" t="s">
        <v>86</v>
      </c>
      <c r="B81">
        <v>293.23599243164102</v>
      </c>
      <c r="C81">
        <v>763.10944379197201</v>
      </c>
      <c r="D81">
        <v>217.38685607910199</v>
      </c>
      <c r="E81">
        <v>3863.9681879431</v>
      </c>
      <c r="F81">
        <v>79.912635803222699</v>
      </c>
      <c r="G81">
        <v>2.7203063964843799</v>
      </c>
    </row>
    <row r="82" spans="1:7" x14ac:dyDescent="0.25">
      <c r="A82" t="s">
        <v>87</v>
      </c>
      <c r="B82">
        <v>296.83599853515602</v>
      </c>
      <c r="C82">
        <v>772.65582595798901</v>
      </c>
      <c r="D82">
        <v>182.59738159179699</v>
      </c>
      <c r="E82">
        <v>3245.5986365675899</v>
      </c>
      <c r="F82">
        <v>80.912330627441406</v>
      </c>
      <c r="G82">
        <v>2.25673127174377</v>
      </c>
    </row>
    <row r="83" spans="1:7" x14ac:dyDescent="0.25">
      <c r="A83" t="s">
        <v>88</v>
      </c>
      <c r="B83">
        <v>300.43600463867199</v>
      </c>
      <c r="C83">
        <v>782.20330095425004</v>
      </c>
      <c r="D83">
        <v>196.63946533203099</v>
      </c>
      <c r="E83">
        <v>3495.1912239193898</v>
      </c>
      <c r="F83">
        <v>81.912139892578097</v>
      </c>
      <c r="G83">
        <v>2.4006145000457799</v>
      </c>
    </row>
    <row r="84" spans="1:7" x14ac:dyDescent="0.25">
      <c r="A84" t="s">
        <v>89</v>
      </c>
      <c r="B84">
        <v>304.03601074218801</v>
      </c>
      <c r="C84">
        <v>791.74924598816904</v>
      </c>
      <c r="D84">
        <v>215.35888671875</v>
      </c>
      <c r="E84">
        <v>3827.9218133538998</v>
      </c>
      <c r="F84">
        <v>82.911788940429702</v>
      </c>
      <c r="G84">
        <v>2.5974459648132302</v>
      </c>
    </row>
    <row r="85" spans="1:7" x14ac:dyDescent="0.25">
      <c r="A85" t="s">
        <v>90</v>
      </c>
      <c r="B85">
        <v>307.635009765625</v>
      </c>
      <c r="C85">
        <v>801.29672098442995</v>
      </c>
      <c r="D85">
        <v>205.13716125488301</v>
      </c>
      <c r="E85">
        <v>3646.23451605439</v>
      </c>
      <c r="F85">
        <v>83.911598205566406</v>
      </c>
      <c r="G85">
        <v>2.4446818828582799</v>
      </c>
    </row>
    <row r="86" spans="1:7" x14ac:dyDescent="0.25">
      <c r="A86" t="s">
        <v>91</v>
      </c>
      <c r="B86">
        <v>311.23498535156301</v>
      </c>
      <c r="C86">
        <v>810.84536166628402</v>
      </c>
      <c r="D86">
        <v>184.29702758789099</v>
      </c>
      <c r="E86">
        <v>3275.80911107361</v>
      </c>
      <c r="F86">
        <v>84.911529541015597</v>
      </c>
      <c r="G86">
        <v>2.17045950889587</v>
      </c>
    </row>
    <row r="87" spans="1:7" x14ac:dyDescent="0.25">
      <c r="A87" t="s">
        <v>92</v>
      </c>
      <c r="B87">
        <v>314.83499145507801</v>
      </c>
      <c r="C87">
        <v>820.39014101460998</v>
      </c>
      <c r="D87">
        <v>195.99325561523401</v>
      </c>
      <c r="E87">
        <v>3483.7052226066598</v>
      </c>
      <c r="F87">
        <v>85.911056518554702</v>
      </c>
      <c r="G87">
        <v>2.28135085105896</v>
      </c>
    </row>
    <row r="88" spans="1:7" x14ac:dyDescent="0.25">
      <c r="A88" t="s">
        <v>93</v>
      </c>
      <c r="B88">
        <v>318.43499755859398</v>
      </c>
      <c r="C88">
        <v>829.93747030017096</v>
      </c>
      <c r="D88">
        <v>199.56562805175801</v>
      </c>
      <c r="E88">
        <v>3547.20279574394</v>
      </c>
      <c r="F88">
        <v>86.910850524902301</v>
      </c>
      <c r="G88">
        <v>2.2962107658386199</v>
      </c>
    </row>
    <row r="89" spans="1:7" x14ac:dyDescent="0.25">
      <c r="A89" t="s">
        <v>94</v>
      </c>
      <c r="B89">
        <v>322.03500366210898</v>
      </c>
      <c r="C89">
        <v>839.48596527132599</v>
      </c>
      <c r="D89">
        <v>212.833419799805</v>
      </c>
      <c r="E89">
        <v>3783.0327637493601</v>
      </c>
      <c r="F89">
        <v>87.9107666015625</v>
      </c>
      <c r="G89">
        <v>2.4210164546966602</v>
      </c>
    </row>
    <row r="90" spans="1:7" x14ac:dyDescent="0.25">
      <c r="A90" t="s">
        <v>95</v>
      </c>
      <c r="B90">
        <v>325.635009765625</v>
      </c>
      <c r="C90">
        <v>849.03227458199297</v>
      </c>
      <c r="D90">
        <v>197.89395141601599</v>
      </c>
      <c r="E90">
        <v>3517.48941466212</v>
      </c>
      <c r="F90">
        <v>88.910453796386705</v>
      </c>
      <c r="G90">
        <v>2.2257668972015399</v>
      </c>
    </row>
    <row r="91" spans="1:7" x14ac:dyDescent="0.25">
      <c r="A91" t="s">
        <v>96</v>
      </c>
      <c r="B91">
        <v>329.23498535156301</v>
      </c>
      <c r="C91">
        <v>858.580769553148</v>
      </c>
      <c r="D91">
        <v>216.65902709960901</v>
      </c>
      <c r="E91">
        <v>3851.0314188897601</v>
      </c>
      <c r="F91">
        <v>89.910369873046903</v>
      </c>
      <c r="G91">
        <v>2.40972232818604</v>
      </c>
    </row>
    <row r="92" spans="1:7" x14ac:dyDescent="0.25">
      <c r="A92" t="s">
        <v>97</v>
      </c>
      <c r="B92">
        <v>332.83499145507801</v>
      </c>
      <c r="C92">
        <v>868.12518462472599</v>
      </c>
      <c r="D92">
        <v>226.24656677246099</v>
      </c>
      <c r="E92">
        <v>4021.44622057676</v>
      </c>
      <c r="F92">
        <v>90.909858703613295</v>
      </c>
      <c r="G92">
        <v>2.4886913299560498</v>
      </c>
    </row>
    <row r="93" spans="1:7" x14ac:dyDescent="0.25">
      <c r="A93" t="s">
        <v>98</v>
      </c>
      <c r="B93">
        <v>336.43499755859398</v>
      </c>
      <c r="C93">
        <v>877.67484528147395</v>
      </c>
      <c r="D93">
        <v>239.19187927246099</v>
      </c>
      <c r="E93">
        <v>4251.5443637967101</v>
      </c>
      <c r="F93">
        <v>91.909896850585895</v>
      </c>
      <c r="G93">
        <v>2.60246062278748</v>
      </c>
    </row>
    <row r="94" spans="1:7" x14ac:dyDescent="0.25">
      <c r="A94" t="s">
        <v>99</v>
      </c>
      <c r="B94">
        <v>340.03500366210898</v>
      </c>
      <c r="C94">
        <v>887.21773039071104</v>
      </c>
      <c r="D94">
        <v>246.21688842773401</v>
      </c>
      <c r="E94">
        <v>4376.4109723269903</v>
      </c>
      <c r="F94">
        <v>92.909225463867202</v>
      </c>
      <c r="G94">
        <v>2.6500802040100102</v>
      </c>
    </row>
    <row r="95" spans="1:7" x14ac:dyDescent="0.25">
      <c r="A95" t="s">
        <v>100</v>
      </c>
      <c r="B95">
        <v>343.635009765625</v>
      </c>
      <c r="C95">
        <v>896.76964956329596</v>
      </c>
      <c r="D95">
        <v>232.01731872558599</v>
      </c>
      <c r="E95">
        <v>4124.0192949771899</v>
      </c>
      <c r="F95">
        <v>93.909500122070298</v>
      </c>
      <c r="G95">
        <v>2.4706480503082302</v>
      </c>
    </row>
    <row r="96" spans="1:7" x14ac:dyDescent="0.25">
      <c r="A96" t="s">
        <v>101</v>
      </c>
      <c r="B96">
        <v>347.23498535156301</v>
      </c>
      <c r="C96">
        <v>906.31377321347497</v>
      </c>
      <c r="D96">
        <v>271.934326171875</v>
      </c>
      <c r="E96">
        <v>4833.5287719964999</v>
      </c>
      <c r="F96">
        <v>94.908958435058594</v>
      </c>
      <c r="G96">
        <v>2.86521244049072</v>
      </c>
    </row>
    <row r="97" spans="1:7" x14ac:dyDescent="0.25">
      <c r="A97" t="s">
        <v>102</v>
      </c>
      <c r="B97">
        <v>350.83499145507801</v>
      </c>
      <c r="C97">
        <v>915.86554667536097</v>
      </c>
      <c r="D97">
        <v>259.43756103515602</v>
      </c>
      <c r="E97">
        <v>4611.4036813378298</v>
      </c>
      <c r="F97">
        <v>95.909217834472699</v>
      </c>
      <c r="G97">
        <v>2.7050325870513898</v>
      </c>
    </row>
    <row r="98" spans="1:7" x14ac:dyDescent="0.25">
      <c r="A98" t="s">
        <v>103</v>
      </c>
      <c r="B98">
        <v>354.43499755859398</v>
      </c>
      <c r="C98">
        <v>925.42220144566897</v>
      </c>
      <c r="D98">
        <v>218.16242980957</v>
      </c>
      <c r="E98">
        <v>3877.7538575232002</v>
      </c>
      <c r="F98">
        <v>96.909988403320298</v>
      </c>
      <c r="G98">
        <v>2.2511861324310298</v>
      </c>
    </row>
    <row r="99" spans="1:7" x14ac:dyDescent="0.25">
      <c r="A99" t="s">
        <v>104</v>
      </c>
      <c r="B99">
        <v>358.03500366210898</v>
      </c>
      <c r="C99">
        <v>934.95699961110199</v>
      </c>
      <c r="D99">
        <v>238.167068481445</v>
      </c>
      <c r="E99">
        <v>4233.3286255598096</v>
      </c>
      <c r="F99">
        <v>97.908470153808594</v>
      </c>
      <c r="G99">
        <v>2.4325480461120601</v>
      </c>
    </row>
    <row r="100" spans="1:7" x14ac:dyDescent="0.25">
      <c r="A100" t="s">
        <v>105</v>
      </c>
      <c r="B100">
        <v>361.635009765625</v>
      </c>
      <c r="C100">
        <v>944.49871903474605</v>
      </c>
      <c r="D100">
        <v>294.05950927734398</v>
      </c>
      <c r="E100">
        <v>5226.7955616116496</v>
      </c>
      <c r="F100">
        <v>98.907676696777301</v>
      </c>
      <c r="G100">
        <v>2.9730706214904798</v>
      </c>
    </row>
    <row r="101" spans="1:7" x14ac:dyDescent="0.25">
      <c r="A101" t="s">
        <v>106</v>
      </c>
      <c r="B101">
        <v>365.23498535156301</v>
      </c>
      <c r="C101">
        <v>954.05253244641995</v>
      </c>
      <c r="D101">
        <v>354.68710327148398</v>
      </c>
      <c r="E101">
        <v>6304.4279813766498</v>
      </c>
      <c r="F101">
        <v>99.908149719238295</v>
      </c>
      <c r="G101">
        <v>3.55013179779053</v>
      </c>
    </row>
    <row r="102" spans="1:7" x14ac:dyDescent="0.25">
      <c r="A102" t="s">
        <v>107</v>
      </c>
      <c r="B102">
        <v>366.30499267578102</v>
      </c>
      <c r="C102">
        <v>954.928326603708</v>
      </c>
      <c r="D102">
        <v>328.07638549804699</v>
      </c>
      <c r="E102">
        <v>5831.43252879381</v>
      </c>
      <c r="F102">
        <v>99.999862670898395</v>
      </c>
      <c r="G102">
        <v>3.28076839447021</v>
      </c>
    </row>
    <row r="103" spans="1:7" x14ac:dyDescent="0.25">
      <c r="A103" t="s">
        <v>108</v>
      </c>
      <c r="B103">
        <v>367.29501342773398</v>
      </c>
      <c r="C103">
        <v>954.93604927076296</v>
      </c>
      <c r="D103">
        <v>336.70864868164102</v>
      </c>
      <c r="E103">
        <v>5984.86745730042</v>
      </c>
      <c r="F103">
        <v>100.00067138671901</v>
      </c>
      <c r="G103">
        <v>3.3670639991760298</v>
      </c>
    </row>
    <row r="104" spans="1:7" x14ac:dyDescent="0.25">
      <c r="A104" t="s">
        <v>109</v>
      </c>
      <c r="B104">
        <v>368.29501342773398</v>
      </c>
      <c r="C104">
        <v>954.93124081769099</v>
      </c>
      <c r="D104">
        <v>340.6591796875</v>
      </c>
      <c r="E104">
        <v>6055.0868511199997</v>
      </c>
      <c r="F104">
        <v>100.00016784668</v>
      </c>
      <c r="G104">
        <v>3.4065861701965301</v>
      </c>
    </row>
    <row r="105" spans="1:7" x14ac:dyDescent="0.25">
      <c r="A105" t="s">
        <v>110</v>
      </c>
      <c r="B105">
        <v>369.29501342773398</v>
      </c>
      <c r="C105">
        <v>954.93109510699196</v>
      </c>
      <c r="D105">
        <v>329.679931640625</v>
      </c>
      <c r="E105">
        <v>5859.9347248673403</v>
      </c>
      <c r="F105">
        <v>100.00015258789099</v>
      </c>
      <c r="G105">
        <v>3.2967941761016801</v>
      </c>
    </row>
    <row r="106" spans="1:7" x14ac:dyDescent="0.25">
      <c r="A106" t="s">
        <v>111</v>
      </c>
      <c r="B106">
        <v>370.29501342773398</v>
      </c>
      <c r="C106">
        <v>954.92577666647196</v>
      </c>
      <c r="D106">
        <v>338.52716064453102</v>
      </c>
      <c r="E106">
        <v>6017.1908698976004</v>
      </c>
      <c r="F106">
        <v>99.999595642089801</v>
      </c>
      <c r="G106">
        <v>3.3852853775024401</v>
      </c>
    </row>
    <row r="107" spans="1:7" x14ac:dyDescent="0.25">
      <c r="A107" t="s">
        <v>112</v>
      </c>
      <c r="B107">
        <v>371.29501342773398</v>
      </c>
      <c r="C107">
        <v>954.92679664136597</v>
      </c>
      <c r="D107">
        <v>324.804931640625</v>
      </c>
      <c r="E107">
        <v>5773.2835412025497</v>
      </c>
      <c r="F107">
        <v>99.999702453613295</v>
      </c>
      <c r="G107">
        <v>3.2480590343475302</v>
      </c>
    </row>
    <row r="108" spans="1:7" x14ac:dyDescent="0.25">
      <c r="A108" t="s">
        <v>113</v>
      </c>
      <c r="B108">
        <v>372.29501342773398</v>
      </c>
      <c r="C108">
        <v>954.93269792468197</v>
      </c>
      <c r="D108">
        <v>308.08718872070301</v>
      </c>
      <c r="E108">
        <v>5476.1320352554303</v>
      </c>
      <c r="F108">
        <v>100.00032043457</v>
      </c>
      <c r="G108">
        <v>3.0808620452880899</v>
      </c>
    </row>
    <row r="109" spans="1:7" x14ac:dyDescent="0.25">
      <c r="A109" t="s">
        <v>114</v>
      </c>
      <c r="B109">
        <v>373.29501342773398</v>
      </c>
      <c r="C109">
        <v>954.938162075901</v>
      </c>
      <c r="D109">
        <v>269.49035644531301</v>
      </c>
      <c r="E109">
        <v>4790.0881618261301</v>
      </c>
      <c r="F109">
        <v>100.00089263916</v>
      </c>
      <c r="G109">
        <v>2.6948795318603498</v>
      </c>
    </row>
    <row r="110" spans="1:7" x14ac:dyDescent="0.25">
      <c r="A110" t="s">
        <v>115</v>
      </c>
      <c r="B110">
        <v>374.29501342773398</v>
      </c>
      <c r="C110">
        <v>954.92679664136597</v>
      </c>
      <c r="D110">
        <v>222.70310974121099</v>
      </c>
      <c r="E110">
        <v>3958.4627375006698</v>
      </c>
      <c r="F110">
        <v>99.999702453613295</v>
      </c>
      <c r="G110">
        <v>2.2270376682281499</v>
      </c>
    </row>
    <row r="111" spans="1:7" x14ac:dyDescent="0.25">
      <c r="A111" t="s">
        <v>116</v>
      </c>
      <c r="B111">
        <v>375.29501342773398</v>
      </c>
      <c r="C111">
        <v>954.92898230185403</v>
      </c>
      <c r="D111">
        <v>242.69012451171901</v>
      </c>
      <c r="E111">
        <v>4313.7241154909098</v>
      </c>
      <c r="F111">
        <v>99.999931335449205</v>
      </c>
      <c r="G111">
        <v>2.4269030094146702</v>
      </c>
    </row>
    <row r="112" spans="1:7" x14ac:dyDescent="0.25">
      <c r="A112" t="s">
        <v>117</v>
      </c>
      <c r="B112">
        <v>376.29501342773398</v>
      </c>
      <c r="C112">
        <v>954.92657807531805</v>
      </c>
      <c r="D112">
        <v>244.45535278320301</v>
      </c>
      <c r="E112">
        <v>4345.1003730297098</v>
      </c>
      <c r="F112">
        <v>99.999679565429702</v>
      </c>
      <c r="G112">
        <v>2.4445612430572501</v>
      </c>
    </row>
    <row r="113" spans="1:7" x14ac:dyDescent="0.25">
      <c r="A113" t="s">
        <v>118</v>
      </c>
      <c r="B113">
        <v>377.29501342773398</v>
      </c>
      <c r="C113">
        <v>954.92992942139801</v>
      </c>
      <c r="D113">
        <v>244.36447143554699</v>
      </c>
      <c r="E113">
        <v>4343.4849940240401</v>
      </c>
      <c r="F113">
        <v>100.000030517578</v>
      </c>
      <c r="G113">
        <v>2.4436440467834499</v>
      </c>
    </row>
    <row r="114" spans="1:7" x14ac:dyDescent="0.25">
      <c r="A114" t="s">
        <v>119</v>
      </c>
      <c r="B114">
        <v>378.29501342773398</v>
      </c>
      <c r="C114">
        <v>954.92796232696003</v>
      </c>
      <c r="D114">
        <v>254.73634338378901</v>
      </c>
      <c r="E114">
        <v>4527.8412289917496</v>
      </c>
      <c r="F114">
        <v>99.999824523925795</v>
      </c>
      <c r="G114">
        <v>2.5473678112029998</v>
      </c>
    </row>
    <row r="115" spans="1:7" x14ac:dyDescent="0.25">
      <c r="A115" t="s">
        <v>120</v>
      </c>
      <c r="B115">
        <v>379.29501342773398</v>
      </c>
      <c r="C115">
        <v>954.92890944650401</v>
      </c>
      <c r="D115">
        <v>246.54344177246099</v>
      </c>
      <c r="E115">
        <v>4382.2154402732804</v>
      </c>
      <c r="F115">
        <v>99.999923706054702</v>
      </c>
      <c r="G115">
        <v>2.46543622016907</v>
      </c>
    </row>
    <row r="116" spans="1:7" x14ac:dyDescent="0.25">
      <c r="A116" t="s">
        <v>121</v>
      </c>
      <c r="B116">
        <v>380.29501342773398</v>
      </c>
      <c r="C116">
        <v>954.92752519486203</v>
      </c>
      <c r="D116">
        <v>244.61347961425801</v>
      </c>
      <c r="E116">
        <v>4347.9111045599002</v>
      </c>
      <c r="F116">
        <v>99.999778747558594</v>
      </c>
      <c r="G116">
        <v>2.4461402893066402</v>
      </c>
    </row>
    <row r="117" spans="1:7" x14ac:dyDescent="0.25">
      <c r="A117" t="s">
        <v>122</v>
      </c>
      <c r="B117">
        <v>381.29501342773398</v>
      </c>
      <c r="C117">
        <v>954.93102225164205</v>
      </c>
      <c r="D117">
        <v>266.40020751953102</v>
      </c>
      <c r="E117">
        <v>4735.1620160043203</v>
      </c>
      <c r="F117">
        <v>100.00014495849599</v>
      </c>
      <c r="G117">
        <v>2.6639981269836399</v>
      </c>
    </row>
    <row r="118" spans="1:7" x14ac:dyDescent="0.25">
      <c r="A118" t="s">
        <v>123</v>
      </c>
      <c r="B118">
        <v>382.29501342773398</v>
      </c>
      <c r="C118">
        <v>954.93014798744696</v>
      </c>
      <c r="D118">
        <v>249.090255737305</v>
      </c>
      <c r="E118">
        <v>4427.4842366576204</v>
      </c>
      <c r="F118">
        <v>100.000053405762</v>
      </c>
      <c r="G118">
        <v>2.4909012317657502</v>
      </c>
    </row>
    <row r="119" spans="1:7" x14ac:dyDescent="0.25">
      <c r="A119" t="s">
        <v>124</v>
      </c>
      <c r="B119">
        <v>383.29501342773398</v>
      </c>
      <c r="C119">
        <v>954.928399459057</v>
      </c>
      <c r="D119">
        <v>253.47166442871099</v>
      </c>
      <c r="E119">
        <v>4505.3618960082504</v>
      </c>
      <c r="F119">
        <v>99.999870300292997</v>
      </c>
      <c r="G119">
        <v>2.5347199440002401</v>
      </c>
    </row>
    <row r="120" spans="1:7" x14ac:dyDescent="0.25">
      <c r="A120" t="s">
        <v>125</v>
      </c>
      <c r="B120">
        <v>384.29501342773398</v>
      </c>
      <c r="C120">
        <v>954.93094939629202</v>
      </c>
      <c r="D120">
        <v>253.23860168457</v>
      </c>
      <c r="E120">
        <v>4501.2193731963598</v>
      </c>
      <c r="F120">
        <v>100.000137329102</v>
      </c>
      <c r="G120">
        <v>2.5323824882507302</v>
      </c>
    </row>
    <row r="121" spans="1:7" x14ac:dyDescent="0.25">
      <c r="A121" t="s">
        <v>126</v>
      </c>
      <c r="B121">
        <v>385.29501342773398</v>
      </c>
      <c r="C121">
        <v>954.93058511954496</v>
      </c>
      <c r="D121">
        <v>256.146484375</v>
      </c>
      <c r="E121">
        <v>4552.9059134423696</v>
      </c>
      <c r="F121">
        <v>100.00009918212901</v>
      </c>
      <c r="G121">
        <v>2.56146240234375</v>
      </c>
    </row>
    <row r="122" spans="1:7" x14ac:dyDescent="0.25">
      <c r="A122" t="s">
        <v>127</v>
      </c>
      <c r="B122">
        <v>386.29501342773398</v>
      </c>
      <c r="C122">
        <v>954.92759805021205</v>
      </c>
      <c r="D122">
        <v>253.91960144043</v>
      </c>
      <c r="E122">
        <v>4513.3237726986399</v>
      </c>
      <c r="F122">
        <v>99.999786376953097</v>
      </c>
      <c r="G122">
        <v>2.5392014980316202</v>
      </c>
    </row>
    <row r="123" spans="1:7" x14ac:dyDescent="0.25">
      <c r="A123" t="s">
        <v>128</v>
      </c>
      <c r="B123">
        <v>387.29501342773398</v>
      </c>
      <c r="C123">
        <v>954.92810803765894</v>
      </c>
      <c r="D123">
        <v>237.23179626464801</v>
      </c>
      <c r="E123">
        <v>4216.7045176029196</v>
      </c>
      <c r="F123">
        <v>99.999839782714801</v>
      </c>
      <c r="G123">
        <v>2.3723218441009499</v>
      </c>
    </row>
    <row r="124" spans="1:7" x14ac:dyDescent="0.25">
      <c r="A124" t="s">
        <v>129</v>
      </c>
      <c r="B124">
        <v>388.29501342773398</v>
      </c>
      <c r="C124">
        <v>954.93087654094302</v>
      </c>
      <c r="D124">
        <v>247.74821472168</v>
      </c>
      <c r="E124">
        <v>4403.6298058927096</v>
      </c>
      <c r="F124">
        <v>100.000129699707</v>
      </c>
      <c r="G124">
        <v>2.47747898101807</v>
      </c>
    </row>
    <row r="125" spans="1:7" x14ac:dyDescent="0.25">
      <c r="A125" t="s">
        <v>130</v>
      </c>
      <c r="B125">
        <v>389.29501342773398</v>
      </c>
      <c r="C125">
        <v>954.92978371069898</v>
      </c>
      <c r="D125">
        <v>252.70932006835901</v>
      </c>
      <c r="E125">
        <v>4491.8116182088897</v>
      </c>
      <c r="F125">
        <v>100.00001525878901</v>
      </c>
      <c r="G125">
        <v>2.52709293365479</v>
      </c>
    </row>
    <row r="126" spans="1:7" x14ac:dyDescent="0.25">
      <c r="A126" t="s">
        <v>131</v>
      </c>
      <c r="B126">
        <v>390.29501342773398</v>
      </c>
      <c r="C126">
        <v>954.92920086790298</v>
      </c>
      <c r="D126">
        <v>264.42224121093801</v>
      </c>
      <c r="E126">
        <v>4700.0041231512996</v>
      </c>
      <c r="F126">
        <v>99.999954223632798</v>
      </c>
      <c r="G126">
        <v>2.6442236900329599</v>
      </c>
    </row>
    <row r="127" spans="1:7" x14ac:dyDescent="0.25">
      <c r="A127" t="s">
        <v>132</v>
      </c>
      <c r="B127">
        <v>391.29501342773398</v>
      </c>
      <c r="C127">
        <v>954.93291649073103</v>
      </c>
      <c r="D127">
        <v>264.17703247070301</v>
      </c>
      <c r="E127">
        <v>4695.6459991633901</v>
      </c>
      <c r="F127">
        <v>100.00034332275401</v>
      </c>
      <c r="G127">
        <v>2.6417613029479998</v>
      </c>
    </row>
    <row r="128" spans="1:7" x14ac:dyDescent="0.25">
      <c r="A128" t="s">
        <v>133</v>
      </c>
      <c r="B128">
        <v>392.29501342773398</v>
      </c>
      <c r="C128">
        <v>954.932333647934</v>
      </c>
      <c r="D128">
        <v>296.070556640625</v>
      </c>
      <c r="E128">
        <v>5262.54111900926</v>
      </c>
      <c r="F128">
        <v>100.000282287598</v>
      </c>
      <c r="G128">
        <v>2.9606971740722701</v>
      </c>
    </row>
    <row r="129" spans="1:7" x14ac:dyDescent="0.25">
      <c r="A129" t="s">
        <v>134</v>
      </c>
      <c r="B129">
        <v>393.29501342773398</v>
      </c>
      <c r="C129">
        <v>954.93022084279698</v>
      </c>
      <c r="D129">
        <v>286.20614624023398</v>
      </c>
      <c r="E129">
        <v>5087.2047431766996</v>
      </c>
      <c r="F129">
        <v>100.00006103515599</v>
      </c>
      <c r="G129">
        <v>2.86205983161926</v>
      </c>
    </row>
    <row r="130" spans="1:7" x14ac:dyDescent="0.25">
      <c r="A130" t="s">
        <v>135</v>
      </c>
      <c r="B130">
        <v>394.29501342773398</v>
      </c>
      <c r="C130">
        <v>954.93065797489396</v>
      </c>
      <c r="D130">
        <v>282.04937744140602</v>
      </c>
      <c r="E130">
        <v>5013.3201293647298</v>
      </c>
      <c r="F130">
        <v>100.000106811523</v>
      </c>
      <c r="G130">
        <v>2.8204908370971702</v>
      </c>
    </row>
    <row r="131" spans="1:7" x14ac:dyDescent="0.25">
      <c r="A131" t="s">
        <v>136</v>
      </c>
      <c r="B131">
        <v>395.29501342773398</v>
      </c>
      <c r="C131">
        <v>954.92876373580498</v>
      </c>
      <c r="D131">
        <v>275.65713500976602</v>
      </c>
      <c r="E131">
        <v>4899.7001722454997</v>
      </c>
      <c r="F131">
        <v>99.999908447265597</v>
      </c>
      <c r="G131">
        <v>2.75657391548157</v>
      </c>
    </row>
    <row r="132" spans="1:7" x14ac:dyDescent="0.25">
      <c r="A132" t="s">
        <v>137</v>
      </c>
      <c r="B132">
        <v>398.99499511718801</v>
      </c>
      <c r="C132">
        <v>946.08776706441097</v>
      </c>
      <c r="D132">
        <v>268.90466308593801</v>
      </c>
      <c r="E132">
        <v>4779.6778380870801</v>
      </c>
      <c r="F132">
        <v>99.074081420898395</v>
      </c>
      <c r="G132">
        <v>2.7141776084899898</v>
      </c>
    </row>
    <row r="133" spans="1:7" x14ac:dyDescent="0.25">
      <c r="A133" t="s">
        <v>138</v>
      </c>
      <c r="B133">
        <v>402.59500122070301</v>
      </c>
      <c r="C133">
        <v>936.53854353975998</v>
      </c>
      <c r="D133">
        <v>268.64221191406301</v>
      </c>
      <c r="E133">
        <v>4775.0128433108302</v>
      </c>
      <c r="F133">
        <v>98.074089050292997</v>
      </c>
      <c r="G133">
        <v>2.7391762733459499</v>
      </c>
    </row>
    <row r="134" spans="1:7" x14ac:dyDescent="0.25">
      <c r="A134" t="s">
        <v>139</v>
      </c>
      <c r="B134">
        <v>406.19500732421898</v>
      </c>
      <c r="C134">
        <v>926.99252565049096</v>
      </c>
      <c r="D134">
        <v>261.94543457031301</v>
      </c>
      <c r="E134">
        <v>4655.9800393879405</v>
      </c>
      <c r="F134">
        <v>97.074432373046903</v>
      </c>
      <c r="G134">
        <v>2.6983978748321502</v>
      </c>
    </row>
    <row r="135" spans="1:7" x14ac:dyDescent="0.25">
      <c r="A135" t="s">
        <v>140</v>
      </c>
      <c r="B135">
        <v>409.79501342773398</v>
      </c>
      <c r="C135">
        <v>917.44468637748298</v>
      </c>
      <c r="D135">
        <v>264.407958984375</v>
      </c>
      <c r="E135">
        <v>4699.7503377497196</v>
      </c>
      <c r="F135">
        <v>96.0745849609375</v>
      </c>
      <c r="G135">
        <v>2.7521114349365199</v>
      </c>
    </row>
    <row r="136" spans="1:7" x14ac:dyDescent="0.25">
      <c r="A136" t="s">
        <v>141</v>
      </c>
      <c r="B136">
        <v>413.39498901367199</v>
      </c>
      <c r="C136">
        <v>907.89764851331995</v>
      </c>
      <c r="D136">
        <v>266.73855590820301</v>
      </c>
      <c r="E136">
        <v>4741.1760315298998</v>
      </c>
      <c r="F136">
        <v>95.074821472167997</v>
      </c>
      <c r="G136">
        <v>2.8055646419525102</v>
      </c>
    </row>
    <row r="137" spans="1:7" x14ac:dyDescent="0.25">
      <c r="A137" t="s">
        <v>142</v>
      </c>
      <c r="B137">
        <v>416.99499511718801</v>
      </c>
      <c r="C137">
        <v>898.35279630964396</v>
      </c>
      <c r="D137">
        <v>297.75607299804699</v>
      </c>
      <c r="E137">
        <v>5292.5003692507698</v>
      </c>
      <c r="F137">
        <v>94.075286865234403</v>
      </c>
      <c r="G137">
        <v>3.16508269309998</v>
      </c>
    </row>
    <row r="138" spans="1:7" x14ac:dyDescent="0.25">
      <c r="A138" t="s">
        <v>143</v>
      </c>
      <c r="B138">
        <v>420.59500122070301</v>
      </c>
      <c r="C138">
        <v>888.80196996730297</v>
      </c>
      <c r="D138">
        <v>299.11746215820301</v>
      </c>
      <c r="E138">
        <v>5316.6984580457201</v>
      </c>
      <c r="F138">
        <v>93.075126647949205</v>
      </c>
      <c r="G138">
        <v>3.2137207984924299</v>
      </c>
    </row>
    <row r="139" spans="1:7" x14ac:dyDescent="0.25">
      <c r="A139" t="s">
        <v>144</v>
      </c>
      <c r="B139">
        <v>424.19500732421898</v>
      </c>
      <c r="C139">
        <v>879.25660777617998</v>
      </c>
      <c r="D139">
        <v>283.09280395507801</v>
      </c>
      <c r="E139">
        <v>5031.8664871156197</v>
      </c>
      <c r="F139">
        <v>92.075538635253906</v>
      </c>
      <c r="G139">
        <v>3.0745711326599099</v>
      </c>
    </row>
    <row r="140" spans="1:7" x14ac:dyDescent="0.25">
      <c r="A140" t="s">
        <v>145</v>
      </c>
      <c r="B140">
        <v>427.79501342773398</v>
      </c>
      <c r="C140">
        <v>869.708768503172</v>
      </c>
      <c r="D140">
        <v>268.88635253906301</v>
      </c>
      <c r="E140">
        <v>4779.3523408472502</v>
      </c>
      <c r="F140">
        <v>91.075691223144503</v>
      </c>
      <c r="G140">
        <v>2.9523394107818599</v>
      </c>
    </row>
    <row r="141" spans="1:7" x14ac:dyDescent="0.25">
      <c r="A141" t="s">
        <v>146</v>
      </c>
      <c r="B141">
        <v>431.39498901367199</v>
      </c>
      <c r="C141">
        <v>860.16275061390297</v>
      </c>
      <c r="D141">
        <v>211.63591003418</v>
      </c>
      <c r="E141">
        <v>3761.7473863065202</v>
      </c>
      <c r="F141">
        <v>90.076034545898395</v>
      </c>
      <c r="G141">
        <v>2.3495252132415798</v>
      </c>
    </row>
    <row r="142" spans="1:7" x14ac:dyDescent="0.25">
      <c r="A142" t="s">
        <v>147</v>
      </c>
      <c r="B142">
        <v>434.99499511718801</v>
      </c>
      <c r="C142">
        <v>850.61673272463395</v>
      </c>
      <c r="D142">
        <v>233.00498962402301</v>
      </c>
      <c r="E142">
        <v>4141.5747255086899</v>
      </c>
      <c r="F142">
        <v>89.076377868652301</v>
      </c>
      <c r="G142">
        <v>2.6157886981964098</v>
      </c>
    </row>
    <row r="143" spans="1:7" x14ac:dyDescent="0.25">
      <c r="A143" t="s">
        <v>148</v>
      </c>
      <c r="B143">
        <v>438.59500122070301</v>
      </c>
      <c r="C143">
        <v>841.06940343907297</v>
      </c>
      <c r="D143">
        <v>252.31658935546901</v>
      </c>
      <c r="E143">
        <v>4484.8308898508503</v>
      </c>
      <c r="F143">
        <v>88.076583862304702</v>
      </c>
      <c r="G143">
        <v>2.8647408485412602</v>
      </c>
    </row>
    <row r="144" spans="1:7" x14ac:dyDescent="0.25">
      <c r="A144" t="s">
        <v>149</v>
      </c>
      <c r="B144">
        <v>442.19500732421898</v>
      </c>
      <c r="C144">
        <v>831.52280270700703</v>
      </c>
      <c r="D144">
        <v>241.31217956543</v>
      </c>
      <c r="E144">
        <v>4289.23172876239</v>
      </c>
      <c r="F144">
        <v>87.076866149902301</v>
      </c>
      <c r="G144">
        <v>2.7712547779083301</v>
      </c>
    </row>
    <row r="145" spans="1:7" x14ac:dyDescent="0.25">
      <c r="A145" t="s">
        <v>150</v>
      </c>
      <c r="B145">
        <v>445.79501342773398</v>
      </c>
      <c r="C145">
        <v>821.97518200004697</v>
      </c>
      <c r="D145">
        <v>248.54193115234401</v>
      </c>
      <c r="E145">
        <v>4417.7379459142703</v>
      </c>
      <c r="F145">
        <v>86.077041625976605</v>
      </c>
      <c r="G145">
        <v>2.8874359130859402</v>
      </c>
    </row>
    <row r="146" spans="1:7" x14ac:dyDescent="0.25">
      <c r="A146" t="s">
        <v>151</v>
      </c>
      <c r="B146">
        <v>449.39498901367199</v>
      </c>
      <c r="C146">
        <v>812.42879983402997</v>
      </c>
      <c r="D146">
        <v>240.58497619628901</v>
      </c>
      <c r="E146">
        <v>4276.3059027493</v>
      </c>
      <c r="F146">
        <v>85.077346801757798</v>
      </c>
      <c r="G146">
        <v>2.8278381824493399</v>
      </c>
    </row>
    <row r="147" spans="1:7" x14ac:dyDescent="0.25">
      <c r="A147" t="s">
        <v>152</v>
      </c>
      <c r="B147">
        <v>452.99499511718801</v>
      </c>
      <c r="C147">
        <v>802.88045057357499</v>
      </c>
      <c r="D147">
        <v>247.44795227050801</v>
      </c>
      <c r="E147">
        <v>4398.2928618788701</v>
      </c>
      <c r="F147">
        <v>84.077445983886705</v>
      </c>
      <c r="G147">
        <v>2.9430954456329301</v>
      </c>
    </row>
    <row r="148" spans="1:7" x14ac:dyDescent="0.25">
      <c r="A148" t="s">
        <v>153</v>
      </c>
      <c r="B148">
        <v>456.59500122070301</v>
      </c>
      <c r="C148">
        <v>793.33486981640397</v>
      </c>
      <c r="D148">
        <v>237.83624267578099</v>
      </c>
      <c r="E148">
        <v>4227.4482548236801</v>
      </c>
      <c r="F148">
        <v>83.077835083007798</v>
      </c>
      <c r="G148">
        <v>2.8628122806549099</v>
      </c>
    </row>
    <row r="149" spans="1:7" x14ac:dyDescent="0.25">
      <c r="A149" t="s">
        <v>154</v>
      </c>
      <c r="B149">
        <v>460.19500732421898</v>
      </c>
      <c r="C149">
        <v>783.78805051828897</v>
      </c>
      <c r="D149">
        <v>234.07258605957</v>
      </c>
      <c r="E149">
        <v>4160.5508886277703</v>
      </c>
      <c r="F149">
        <v>82.078094482421903</v>
      </c>
      <c r="G149">
        <v>2.85182762145996</v>
      </c>
    </row>
    <row r="150" spans="1:7" x14ac:dyDescent="0.25">
      <c r="A150" t="s">
        <v>155</v>
      </c>
      <c r="B150">
        <v>463.79501342773398</v>
      </c>
      <c r="C150">
        <v>774.24188691832103</v>
      </c>
      <c r="D150">
        <v>238.315353393555</v>
      </c>
      <c r="E150">
        <v>4235.9642684459704</v>
      </c>
      <c r="F150">
        <v>81.078422546386705</v>
      </c>
      <c r="G150">
        <v>2.93931913375854</v>
      </c>
    </row>
    <row r="151" spans="1:7" x14ac:dyDescent="0.25">
      <c r="A151" t="s">
        <v>156</v>
      </c>
      <c r="B151">
        <v>467.39498901367199</v>
      </c>
      <c r="C151">
        <v>764.69492190950803</v>
      </c>
      <c r="D151">
        <v>235.88067626953099</v>
      </c>
      <c r="E151">
        <v>4192.6889680326003</v>
      </c>
      <c r="F151">
        <v>80.078666687011705</v>
      </c>
      <c r="G151">
        <v>2.9456119537353498</v>
      </c>
    </row>
    <row r="152" spans="1:7" x14ac:dyDescent="0.25">
      <c r="A152" t="s">
        <v>157</v>
      </c>
      <c r="B152">
        <v>470.99499511718801</v>
      </c>
      <c r="C152">
        <v>755.14598980625499</v>
      </c>
      <c r="D152">
        <v>237.79177856445301</v>
      </c>
      <c r="E152">
        <v>4226.6580276191198</v>
      </c>
      <c r="F152">
        <v>79.078704833984403</v>
      </c>
      <c r="G152">
        <v>3.0070266723632799</v>
      </c>
    </row>
    <row r="153" spans="1:7" x14ac:dyDescent="0.25">
      <c r="A153" t="s">
        <v>158</v>
      </c>
      <c r="B153">
        <v>474.59500122070301</v>
      </c>
      <c r="C153">
        <v>745.60033619373405</v>
      </c>
      <c r="D153">
        <v>234.87724304199199</v>
      </c>
      <c r="E153">
        <v>4174.8532094061402</v>
      </c>
      <c r="F153">
        <v>78.079086303710895</v>
      </c>
      <c r="G153">
        <v>3.00819659233093</v>
      </c>
    </row>
    <row r="154" spans="1:7" x14ac:dyDescent="0.25">
      <c r="A154" t="s">
        <v>159</v>
      </c>
      <c r="B154">
        <v>478.19500732421898</v>
      </c>
      <c r="C154">
        <v>736.05169551188101</v>
      </c>
      <c r="D154">
        <v>232.51892089843801</v>
      </c>
      <c r="E154">
        <v>4132.9348459839803</v>
      </c>
      <c r="F154">
        <v>77.079154968261705</v>
      </c>
      <c r="G154">
        <v>3.0166251659393302</v>
      </c>
    </row>
    <row r="155" spans="1:7" x14ac:dyDescent="0.25">
      <c r="A155" t="s">
        <v>160</v>
      </c>
      <c r="B155">
        <v>481.79501342773398</v>
      </c>
      <c r="C155">
        <v>726.50443908166903</v>
      </c>
      <c r="D155">
        <v>234.96315002441401</v>
      </c>
      <c r="E155">
        <v>4176.3801127672205</v>
      </c>
      <c r="F155">
        <v>76.079368591308594</v>
      </c>
      <c r="G155">
        <v>3.0883951187133798</v>
      </c>
    </row>
    <row r="156" spans="1:7" x14ac:dyDescent="0.25">
      <c r="A156" t="s">
        <v>161</v>
      </c>
      <c r="B156">
        <v>485.39498901367199</v>
      </c>
      <c r="C156">
        <v>716.95871261379796</v>
      </c>
      <c r="D156">
        <v>227.732421875</v>
      </c>
      <c r="E156">
        <v>4047.8566661477098</v>
      </c>
      <c r="F156">
        <v>75.079742431640597</v>
      </c>
      <c r="G156">
        <v>3.0332071781158398</v>
      </c>
    </row>
    <row r="157" spans="1:7" x14ac:dyDescent="0.25">
      <c r="A157" t="s">
        <v>162</v>
      </c>
      <c r="B157">
        <v>488.99499511718801</v>
      </c>
      <c r="C157">
        <v>707.41087334078998</v>
      </c>
      <c r="D157">
        <v>225.05830383300801</v>
      </c>
      <c r="E157">
        <v>4000.3252215683501</v>
      </c>
      <c r="F157">
        <v>74.079895019531307</v>
      </c>
      <c r="G157">
        <v>3.0380482673645002</v>
      </c>
    </row>
    <row r="158" spans="1:7" x14ac:dyDescent="0.25">
      <c r="A158" t="s">
        <v>163</v>
      </c>
      <c r="B158">
        <v>492.59500122070301</v>
      </c>
      <c r="C158">
        <v>697.86485545152095</v>
      </c>
      <c r="D158">
        <v>217.95680236816401</v>
      </c>
      <c r="E158">
        <v>3874.0988820791199</v>
      </c>
      <c r="F158">
        <v>73.080238342285199</v>
      </c>
      <c r="G158">
        <v>2.9824314117431601</v>
      </c>
    </row>
    <row r="159" spans="1:7" x14ac:dyDescent="0.25">
      <c r="A159" t="s">
        <v>164</v>
      </c>
      <c r="B159">
        <v>496.19500732421898</v>
      </c>
      <c r="C159">
        <v>688.31905612830099</v>
      </c>
      <c r="D159">
        <v>219.45169067382801</v>
      </c>
      <c r="E159">
        <v>3900.66998079419</v>
      </c>
      <c r="F159">
        <v>72.080604553222699</v>
      </c>
      <c r="G159">
        <v>3.0445318222045898</v>
      </c>
    </row>
    <row r="160" spans="1:7" x14ac:dyDescent="0.25">
      <c r="A160" t="s">
        <v>165</v>
      </c>
      <c r="B160">
        <v>499.79501342773398</v>
      </c>
      <c r="C160">
        <v>678.77019688039798</v>
      </c>
      <c r="D160">
        <v>222.757888793945</v>
      </c>
      <c r="E160">
        <v>3959.4364352524299</v>
      </c>
      <c r="F160">
        <v>71.080650329589801</v>
      </c>
      <c r="G160">
        <v>3.1338751316070601</v>
      </c>
    </row>
    <row r="161" spans="1:7" x14ac:dyDescent="0.25">
      <c r="A161" t="s">
        <v>166</v>
      </c>
      <c r="B161">
        <v>503.39498901367199</v>
      </c>
      <c r="C161">
        <v>669.22374185903197</v>
      </c>
      <c r="D161">
        <v>228.537033081055</v>
      </c>
      <c r="E161">
        <v>4062.1585212647901</v>
      </c>
      <c r="F161">
        <v>70.080947875976605</v>
      </c>
      <c r="G161">
        <v>3.2610437870025599</v>
      </c>
    </row>
    <row r="162" spans="1:7" x14ac:dyDescent="0.25">
      <c r="A162" t="s">
        <v>167</v>
      </c>
      <c r="B162">
        <v>507.00399780273398</v>
      </c>
      <c r="C162">
        <v>659.65076749041896</v>
      </c>
      <c r="D162">
        <v>224.16735839843801</v>
      </c>
      <c r="E162">
        <v>3984.4890125095799</v>
      </c>
      <c r="F162">
        <v>69.078468322753906</v>
      </c>
      <c r="G162">
        <v>3.2451119422912602</v>
      </c>
    </row>
    <row r="163" spans="1:7" x14ac:dyDescent="0.25">
      <c r="A163" t="s">
        <v>168</v>
      </c>
      <c r="B163">
        <v>510.60400390625</v>
      </c>
      <c r="C163">
        <v>650.10154396576797</v>
      </c>
      <c r="D163">
        <v>228.7861328125</v>
      </c>
      <c r="E163">
        <v>4066.5860287845098</v>
      </c>
      <c r="F163">
        <v>68.078475952148395</v>
      </c>
      <c r="G163">
        <v>3.36062359809875</v>
      </c>
    </row>
    <row r="164" spans="1:7" x14ac:dyDescent="0.25">
      <c r="A164" t="s">
        <v>169</v>
      </c>
      <c r="B164">
        <v>514.20397949218795</v>
      </c>
      <c r="C164">
        <v>640.55705603883996</v>
      </c>
      <c r="D164">
        <v>216.06619262695301</v>
      </c>
      <c r="E164">
        <v>3840.49396961927</v>
      </c>
      <c r="F164">
        <v>67.0789794921875</v>
      </c>
      <c r="G164">
        <v>3.2210714817047101</v>
      </c>
    </row>
    <row r="165" spans="1:7" x14ac:dyDescent="0.25">
      <c r="A165" t="s">
        <v>170</v>
      </c>
      <c r="B165">
        <v>517.80401611328102</v>
      </c>
      <c r="C165">
        <v>631.01038245142502</v>
      </c>
      <c r="D165">
        <v>214.07708740234401</v>
      </c>
      <c r="E165">
        <v>3805.1384035497899</v>
      </c>
      <c r="F165">
        <v>66.079254150390597</v>
      </c>
      <c r="G165">
        <v>3.2397019863128702</v>
      </c>
    </row>
    <row r="166" spans="1:7" x14ac:dyDescent="0.25">
      <c r="A166" t="s">
        <v>171</v>
      </c>
      <c r="B166">
        <v>521.40399169921898</v>
      </c>
      <c r="C166">
        <v>621.46421885145696</v>
      </c>
      <c r="D166">
        <v>211.95901489257801</v>
      </c>
      <c r="E166">
        <v>3767.4906197935302</v>
      </c>
      <c r="F166">
        <v>65.079582214355497</v>
      </c>
      <c r="G166">
        <v>3.2569203376770002</v>
      </c>
    </row>
    <row r="167" spans="1:7" x14ac:dyDescent="0.25">
      <c r="A167" t="s">
        <v>172</v>
      </c>
      <c r="B167">
        <v>525.00402832031295</v>
      </c>
      <c r="C167">
        <v>611.91601530170101</v>
      </c>
      <c r="D167">
        <v>213.74687194824199</v>
      </c>
      <c r="E167">
        <v>3799.26897585392</v>
      </c>
      <c r="F167">
        <v>64.079696655273395</v>
      </c>
      <c r="G167">
        <v>3.3356411457061799</v>
      </c>
    </row>
    <row r="168" spans="1:7" x14ac:dyDescent="0.25">
      <c r="A168" t="s">
        <v>173</v>
      </c>
      <c r="B168">
        <v>528.60400390625</v>
      </c>
      <c r="C168">
        <v>602.37079882127705</v>
      </c>
      <c r="D168">
        <v>213.86421203613301</v>
      </c>
      <c r="E168">
        <v>3801.35467275977</v>
      </c>
      <c r="F168">
        <v>63.080123901367202</v>
      </c>
      <c r="G168">
        <v>3.3903582096099898</v>
      </c>
    </row>
    <row r="169" spans="1:7" x14ac:dyDescent="0.25">
      <c r="A169" t="s">
        <v>174</v>
      </c>
      <c r="B169">
        <v>532.20397949218795</v>
      </c>
      <c r="C169">
        <v>592.82223099477301</v>
      </c>
      <c r="D169">
        <v>209.985763549805</v>
      </c>
      <c r="E169">
        <v>3732.4167788028699</v>
      </c>
      <c r="F169">
        <v>62.0802001953125</v>
      </c>
      <c r="G169">
        <v>3.3824918270111102</v>
      </c>
    </row>
    <row r="170" spans="1:7" x14ac:dyDescent="0.25">
      <c r="A170" t="s">
        <v>175</v>
      </c>
      <c r="B170">
        <v>535.80401611328102</v>
      </c>
      <c r="C170">
        <v>583.27530241363399</v>
      </c>
      <c r="D170">
        <v>209.17539978027301</v>
      </c>
      <c r="E170">
        <v>3718.0127110332301</v>
      </c>
      <c r="F170">
        <v>61.080448150634801</v>
      </c>
      <c r="G170">
        <v>3.42458844184875</v>
      </c>
    </row>
    <row r="171" spans="1:7" x14ac:dyDescent="0.25">
      <c r="A171" t="s">
        <v>176</v>
      </c>
      <c r="B171">
        <v>539.40399169921898</v>
      </c>
      <c r="C171">
        <v>573.727426712951</v>
      </c>
      <c r="D171">
        <v>206.84907531738301</v>
      </c>
      <c r="E171">
        <v>3676.6631528735202</v>
      </c>
      <c r="F171">
        <v>60.080596923828097</v>
      </c>
      <c r="G171">
        <v>3.44285988807678</v>
      </c>
    </row>
    <row r="172" spans="1:7" x14ac:dyDescent="0.25">
      <c r="A172" t="s">
        <v>177</v>
      </c>
      <c r="B172">
        <v>543.00402832031295</v>
      </c>
      <c r="C172">
        <v>564.17976957831695</v>
      </c>
      <c r="D172">
        <v>208.30422973632801</v>
      </c>
      <c r="E172">
        <v>3702.5280762463799</v>
      </c>
      <c r="F172">
        <v>59.080768585205099</v>
      </c>
      <c r="G172">
        <v>3.5257534980773899</v>
      </c>
    </row>
    <row r="173" spans="1:7" x14ac:dyDescent="0.25">
      <c r="A173" t="s">
        <v>178</v>
      </c>
      <c r="B173">
        <v>546.60400390625</v>
      </c>
      <c r="C173">
        <v>554.63502665766498</v>
      </c>
      <c r="D173">
        <v>205.085037231445</v>
      </c>
      <c r="E173">
        <v>3645.3080829232899</v>
      </c>
      <c r="F173">
        <v>58.081245422363303</v>
      </c>
      <c r="G173">
        <v>3.5310027599334699</v>
      </c>
    </row>
    <row r="174" spans="1:7" x14ac:dyDescent="0.25">
      <c r="A174" t="s">
        <v>179</v>
      </c>
      <c r="B174">
        <v>550.20397949218795</v>
      </c>
      <c r="C174">
        <v>545.08798879350195</v>
      </c>
      <c r="D174">
        <v>208.43711853027301</v>
      </c>
      <c r="E174">
        <v>3704.8901431262502</v>
      </c>
      <c r="F174">
        <v>57.0814819335938</v>
      </c>
      <c r="G174">
        <v>3.65157151222229</v>
      </c>
    </row>
    <row r="175" spans="1:7" x14ac:dyDescent="0.25">
      <c r="A175" t="s">
        <v>180</v>
      </c>
      <c r="B175">
        <v>553.80401611328102</v>
      </c>
      <c r="C175">
        <v>535.54218947028198</v>
      </c>
      <c r="D175">
        <v>202.48056030273401</v>
      </c>
      <c r="E175">
        <v>3599.0145988762401</v>
      </c>
      <c r="F175">
        <v>56.0818481445313</v>
      </c>
      <c r="G175">
        <v>3.6104474067688002</v>
      </c>
    </row>
    <row r="176" spans="1:7" x14ac:dyDescent="0.25">
      <c r="A176" t="s">
        <v>181</v>
      </c>
      <c r="B176">
        <v>557.40399169921898</v>
      </c>
      <c r="C176">
        <v>525.99176383236397</v>
      </c>
      <c r="D176">
        <v>202.519454956055</v>
      </c>
      <c r="E176">
        <v>3599.7058730572498</v>
      </c>
      <c r="F176">
        <v>55.081729888916001</v>
      </c>
      <c r="G176">
        <v>3.67670822143555</v>
      </c>
    </row>
    <row r="177" spans="1:7" x14ac:dyDescent="0.25">
      <c r="A177" t="s">
        <v>182</v>
      </c>
      <c r="B177">
        <v>561.00402832031295</v>
      </c>
      <c r="C177">
        <v>516.44574594309404</v>
      </c>
      <c r="D177">
        <v>201.96475219726599</v>
      </c>
      <c r="E177">
        <v>3589.8461937904399</v>
      </c>
      <c r="F177">
        <v>54.082073211669901</v>
      </c>
      <c r="G177">
        <v>3.7344121932983398</v>
      </c>
    </row>
    <row r="178" spans="1:7" x14ac:dyDescent="0.25">
      <c r="A178" t="s">
        <v>183</v>
      </c>
      <c r="B178">
        <v>564.60400390625</v>
      </c>
      <c r="C178">
        <v>506.89874450660602</v>
      </c>
      <c r="D178">
        <v>195.48690795898401</v>
      </c>
      <c r="E178">
        <v>3474.70515407622</v>
      </c>
      <c r="F178">
        <v>53.082313537597699</v>
      </c>
      <c r="G178">
        <v>3.6827125549316402</v>
      </c>
    </row>
    <row r="179" spans="1:7" x14ac:dyDescent="0.25">
      <c r="A179" t="s">
        <v>184</v>
      </c>
      <c r="B179">
        <v>568.20397949218795</v>
      </c>
      <c r="C179">
        <v>497.35301803873602</v>
      </c>
      <c r="D179">
        <v>202.60360717773401</v>
      </c>
      <c r="E179">
        <v>3601.20180994272</v>
      </c>
      <c r="F179">
        <v>52.082687377929702</v>
      </c>
      <c r="G179">
        <v>3.8900375366210902</v>
      </c>
    </row>
    <row r="180" spans="1:7" x14ac:dyDescent="0.25">
      <c r="A180" t="s">
        <v>185</v>
      </c>
      <c r="B180">
        <v>571.80401611328102</v>
      </c>
      <c r="C180">
        <v>487.80466877828002</v>
      </c>
      <c r="D180">
        <v>190.22230529785199</v>
      </c>
      <c r="E180">
        <v>3381.1288885772201</v>
      </c>
      <c r="F180">
        <v>51.082786560058601</v>
      </c>
      <c r="G180">
        <v>3.72380447387695</v>
      </c>
    </row>
    <row r="181" spans="1:7" x14ac:dyDescent="0.25">
      <c r="A181" t="s">
        <v>186</v>
      </c>
      <c r="B181">
        <v>575.40399169921898</v>
      </c>
      <c r="C181">
        <v>478.25886945505999</v>
      </c>
      <c r="D181">
        <v>190.12780761718801</v>
      </c>
      <c r="E181">
        <v>3379.4492483139002</v>
      </c>
      <c r="F181">
        <v>50.083152770996101</v>
      </c>
      <c r="G181">
        <v>3.79624271392822</v>
      </c>
    </row>
    <row r="182" spans="1:7" x14ac:dyDescent="0.25">
      <c r="A182" t="s">
        <v>187</v>
      </c>
      <c r="B182">
        <v>579.00402832031295</v>
      </c>
      <c r="C182">
        <v>468.710046634832</v>
      </c>
      <c r="D182">
        <v>194.09162902832</v>
      </c>
      <c r="E182">
        <v>3449.9044995754998</v>
      </c>
      <c r="F182">
        <v>49.083202362060497</v>
      </c>
      <c r="G182">
        <v>3.9543392658233598</v>
      </c>
    </row>
    <row r="183" spans="1:7" x14ac:dyDescent="0.25">
      <c r="A183" t="s">
        <v>188</v>
      </c>
      <c r="B183">
        <v>582.60400390625</v>
      </c>
      <c r="C183">
        <v>459.16548585255498</v>
      </c>
      <c r="D183">
        <v>191.585205078125</v>
      </c>
      <c r="E183">
        <v>3405.3537528961901</v>
      </c>
      <c r="F183">
        <v>48.083698272705099</v>
      </c>
      <c r="G183">
        <v>3.9844107627868701</v>
      </c>
    </row>
    <row r="184" spans="1:7" x14ac:dyDescent="0.25">
      <c r="A184" t="s">
        <v>189</v>
      </c>
      <c r="B184">
        <v>586.20397949218795</v>
      </c>
      <c r="C184">
        <v>449.61702730907501</v>
      </c>
      <c r="D184">
        <v>196.62365722656301</v>
      </c>
      <c r="E184">
        <v>3494.9104301631501</v>
      </c>
      <c r="F184">
        <v>47.083786010742202</v>
      </c>
      <c r="G184">
        <v>4.1760373115539604</v>
      </c>
    </row>
    <row r="185" spans="1:7" x14ac:dyDescent="0.25">
      <c r="A185" t="s">
        <v>190</v>
      </c>
      <c r="B185">
        <v>589.80401611328102</v>
      </c>
      <c r="C185">
        <v>440.07188368400102</v>
      </c>
      <c r="D185">
        <v>192.67388916015599</v>
      </c>
      <c r="E185">
        <v>3424.7047733515501</v>
      </c>
      <c r="F185">
        <v>46.084220886230497</v>
      </c>
      <c r="G185">
        <v>4.180908203125</v>
      </c>
    </row>
    <row r="186" spans="1:7" x14ac:dyDescent="0.25">
      <c r="A186" t="s">
        <v>191</v>
      </c>
      <c r="B186">
        <v>593.40399169921898</v>
      </c>
      <c r="C186">
        <v>430.52397155564302</v>
      </c>
      <c r="D186">
        <v>197.38104248046901</v>
      </c>
      <c r="E186">
        <v>3508.37269797921</v>
      </c>
      <c r="F186">
        <v>45.084365844726598</v>
      </c>
      <c r="G186">
        <v>4.3780374526977504</v>
      </c>
    </row>
    <row r="187" spans="1:7" x14ac:dyDescent="0.25">
      <c r="A187" t="s">
        <v>192</v>
      </c>
      <c r="B187">
        <v>597.00402832031295</v>
      </c>
      <c r="C187">
        <v>420.97769867264998</v>
      </c>
      <c r="D187">
        <v>192.76113891601599</v>
      </c>
      <c r="E187">
        <v>3426.2556582689299</v>
      </c>
      <c r="F187">
        <v>44.084682464599602</v>
      </c>
      <c r="G187">
        <v>4.37251949310303</v>
      </c>
    </row>
    <row r="188" spans="1:7" x14ac:dyDescent="0.25">
      <c r="A188" t="s">
        <v>193</v>
      </c>
      <c r="B188">
        <v>600.60400390625</v>
      </c>
      <c r="C188">
        <v>411.42847514800002</v>
      </c>
      <c r="D188">
        <v>204.785232543945</v>
      </c>
      <c r="E188">
        <v>3639.9792879819902</v>
      </c>
      <c r="F188">
        <v>43.084690093994098</v>
      </c>
      <c r="G188">
        <v>4.7530860900878897</v>
      </c>
    </row>
    <row r="189" spans="1:7" x14ac:dyDescent="0.25">
      <c r="A189" t="s">
        <v>194</v>
      </c>
      <c r="B189">
        <v>604.20397949218795</v>
      </c>
      <c r="C189">
        <v>401.88107300708901</v>
      </c>
      <c r="D189">
        <v>193.551193237305</v>
      </c>
      <c r="E189">
        <v>3440.2983728796198</v>
      </c>
      <c r="F189">
        <v>42.084888458252003</v>
      </c>
      <c r="G189">
        <v>4.5990662574768102</v>
      </c>
    </row>
    <row r="190" spans="1:7" x14ac:dyDescent="0.25">
      <c r="A190" t="s">
        <v>195</v>
      </c>
      <c r="B190">
        <v>607.80401611328102</v>
      </c>
      <c r="C190">
        <v>392.33622080341303</v>
      </c>
      <c r="D190">
        <v>188.14968872070301</v>
      </c>
      <c r="E190">
        <v>3344.2887943238002</v>
      </c>
      <c r="F190">
        <v>41.085353851318402</v>
      </c>
      <c r="G190">
        <v>4.5794830322265598</v>
      </c>
    </row>
    <row r="191" spans="1:7" x14ac:dyDescent="0.25">
      <c r="A191" t="s">
        <v>196</v>
      </c>
      <c r="B191">
        <v>611.40399169921898</v>
      </c>
      <c r="C191">
        <v>382.789911492746</v>
      </c>
      <c r="D191">
        <v>178.47323608398401</v>
      </c>
      <c r="E191">
        <v>3172.2935382276801</v>
      </c>
      <c r="F191">
        <v>40.085666656494098</v>
      </c>
      <c r="G191">
        <v>4.4522957801818803</v>
      </c>
    </row>
    <row r="192" spans="1:7" x14ac:dyDescent="0.25">
      <c r="A192" t="s">
        <v>197</v>
      </c>
      <c r="B192">
        <v>615.00402832031295</v>
      </c>
      <c r="C192">
        <v>373.24087010647003</v>
      </c>
      <c r="D192">
        <v>179.47874450683599</v>
      </c>
      <c r="E192">
        <v>3190.1660840958398</v>
      </c>
      <c r="F192">
        <v>39.085693359375</v>
      </c>
      <c r="G192">
        <v>4.5919294357299796</v>
      </c>
    </row>
    <row r="193" spans="1:7" x14ac:dyDescent="0.25">
      <c r="A193" t="s">
        <v>198</v>
      </c>
      <c r="B193">
        <v>618.60400390625</v>
      </c>
      <c r="C193">
        <v>363.69423294672902</v>
      </c>
      <c r="D193">
        <v>162.54878234863301</v>
      </c>
      <c r="E193">
        <v>2889.2424888908899</v>
      </c>
      <c r="F193">
        <v>38.085971832275398</v>
      </c>
      <c r="G193">
        <v>4.26794385910034</v>
      </c>
    </row>
    <row r="194" spans="1:7" x14ac:dyDescent="0.25">
      <c r="A194" t="s">
        <v>199</v>
      </c>
      <c r="B194">
        <v>622.20397949218795</v>
      </c>
      <c r="C194">
        <v>354.14653938442001</v>
      </c>
      <c r="D194">
        <v>166.56611633300801</v>
      </c>
      <c r="E194">
        <v>2960.6490861624502</v>
      </c>
      <c r="F194">
        <v>37.086139678955099</v>
      </c>
      <c r="G194">
        <v>4.4913306236267099</v>
      </c>
    </row>
    <row r="195" spans="1:7" x14ac:dyDescent="0.25">
      <c r="A195" t="s">
        <v>200</v>
      </c>
      <c r="B195">
        <v>625.80401611328102</v>
      </c>
      <c r="C195">
        <v>344.60201502981698</v>
      </c>
      <c r="D195">
        <v>163.18688964843801</v>
      </c>
      <c r="E195">
        <v>2900.58460086584</v>
      </c>
      <c r="F195">
        <v>36.086639404296903</v>
      </c>
      <c r="G195">
        <v>4.5220861434936497</v>
      </c>
    </row>
    <row r="196" spans="1:7" x14ac:dyDescent="0.25">
      <c r="A196" t="s">
        <v>201</v>
      </c>
      <c r="B196">
        <v>629.40399169921898</v>
      </c>
      <c r="C196">
        <v>335.053374347964</v>
      </c>
      <c r="D196">
        <v>161.28350830078099</v>
      </c>
      <c r="E196">
        <v>2866.7526785284299</v>
      </c>
      <c r="F196">
        <v>35.086708068847699</v>
      </c>
      <c r="G196">
        <v>4.5967125892639196</v>
      </c>
    </row>
    <row r="197" spans="1:7" x14ac:dyDescent="0.25">
      <c r="A197" t="s">
        <v>202</v>
      </c>
      <c r="B197">
        <v>633.00402832031295</v>
      </c>
      <c r="C197">
        <v>325.50626362845099</v>
      </c>
      <c r="D197">
        <v>153.10687255859401</v>
      </c>
      <c r="E197">
        <v>2721.4160654693801</v>
      </c>
      <c r="F197">
        <v>34.086936950683601</v>
      </c>
      <c r="G197">
        <v>4.4916582107543901</v>
      </c>
    </row>
    <row r="198" spans="1:7" x14ac:dyDescent="0.25">
      <c r="A198" t="s">
        <v>203</v>
      </c>
      <c r="B198">
        <v>636.60400390625</v>
      </c>
      <c r="C198">
        <v>315.96235854432001</v>
      </c>
      <c r="D198">
        <v>157.44543457031301</v>
      </c>
      <c r="E198">
        <v>2798.5323686152701</v>
      </c>
      <c r="F198">
        <v>33.087501525878899</v>
      </c>
      <c r="G198">
        <v>4.7584562301635698</v>
      </c>
    </row>
    <row r="199" spans="1:7" x14ac:dyDescent="0.25">
      <c r="A199" t="s">
        <v>204</v>
      </c>
      <c r="B199">
        <v>640.20397949218795</v>
      </c>
      <c r="C199">
        <v>306.41306216432002</v>
      </c>
      <c r="D199">
        <v>156.49540710449199</v>
      </c>
      <c r="E199">
        <v>2781.64609335363</v>
      </c>
      <c r="F199">
        <v>32.087501525878899</v>
      </c>
      <c r="G199">
        <v>4.8771452903747603</v>
      </c>
    </row>
    <row r="200" spans="1:7" x14ac:dyDescent="0.25">
      <c r="A200" t="s">
        <v>205</v>
      </c>
      <c r="B200">
        <v>643.80401611328102</v>
      </c>
      <c r="C200">
        <v>296.86688035051401</v>
      </c>
      <c r="D200">
        <v>154.15315246582</v>
      </c>
      <c r="E200">
        <v>2740.0134131312402</v>
      </c>
      <c r="F200">
        <v>31.087827682495099</v>
      </c>
      <c r="G200">
        <v>4.9586338996887198</v>
      </c>
    </row>
    <row r="201" spans="1:7" x14ac:dyDescent="0.25">
      <c r="A201" t="s">
        <v>206</v>
      </c>
      <c r="B201">
        <v>647.40399169921898</v>
      </c>
      <c r="C201">
        <v>287.31945999576601</v>
      </c>
      <c r="D201">
        <v>149.86865234375</v>
      </c>
      <c r="E201">
        <v>2663.8580020517102</v>
      </c>
      <c r="F201">
        <v>30.0880241394043</v>
      </c>
      <c r="G201">
        <v>4.9810066223144496</v>
      </c>
    </row>
    <row r="202" spans="1:7" x14ac:dyDescent="0.25">
      <c r="A202" t="s">
        <v>207</v>
      </c>
      <c r="B202">
        <v>651.00402832031295</v>
      </c>
      <c r="C202">
        <v>277.77344210649699</v>
      </c>
      <c r="D202">
        <v>143.18463134765599</v>
      </c>
      <c r="E202">
        <v>2545.0519751757402</v>
      </c>
      <c r="F202">
        <v>29.0883674621582</v>
      </c>
      <c r="G202">
        <v>4.92240190505981</v>
      </c>
    </row>
    <row r="203" spans="1:7" x14ac:dyDescent="0.25">
      <c r="A203" t="s">
        <v>208</v>
      </c>
      <c r="B203">
        <v>654.60400390625</v>
      </c>
      <c r="C203">
        <v>268.22582139953698</v>
      </c>
      <c r="D203">
        <v>134.92539978027301</v>
      </c>
      <c r="E203">
        <v>2398.24736490846</v>
      </c>
      <c r="F203">
        <v>28.088542938232401</v>
      </c>
      <c r="G203">
        <v>4.8035740852356001</v>
      </c>
    </row>
    <row r="204" spans="1:7" x14ac:dyDescent="0.25">
      <c r="A204" t="s">
        <v>209</v>
      </c>
      <c r="B204">
        <v>658.20397949218795</v>
      </c>
      <c r="C204">
        <v>258.677690705131</v>
      </c>
      <c r="D204">
        <v>135.52359008789099</v>
      </c>
      <c r="E204">
        <v>2408.8800419121999</v>
      </c>
      <c r="F204">
        <v>27.088665008544901</v>
      </c>
      <c r="G204">
        <v>5.0029630661010698</v>
      </c>
    </row>
    <row r="205" spans="1:7" x14ac:dyDescent="0.25">
      <c r="A205" t="s">
        <v>210</v>
      </c>
      <c r="B205">
        <v>661.80401611328102</v>
      </c>
      <c r="C205">
        <v>249.13218280330901</v>
      </c>
      <c r="D205">
        <v>140.82809448242199</v>
      </c>
      <c r="E205">
        <v>2503.1655095517599</v>
      </c>
      <c r="F205">
        <v>26.089061737060501</v>
      </c>
      <c r="G205">
        <v>5.3979744911193803</v>
      </c>
    </row>
    <row r="206" spans="1:7" x14ac:dyDescent="0.25">
      <c r="A206" t="s">
        <v>211</v>
      </c>
      <c r="B206">
        <v>665.40399169921898</v>
      </c>
      <c r="C206">
        <v>239.58410675041401</v>
      </c>
      <c r="D206">
        <v>136.34982299804699</v>
      </c>
      <c r="E206">
        <v>2423.56606759131</v>
      </c>
      <c r="F206">
        <v>25.089189529418899</v>
      </c>
      <c r="G206">
        <v>5.4346046447753897</v>
      </c>
    </row>
    <row r="207" spans="1:7" x14ac:dyDescent="0.25">
      <c r="A207" t="s">
        <v>212</v>
      </c>
      <c r="B207">
        <v>669.00402832031295</v>
      </c>
      <c r="C207">
        <v>230.03533857169899</v>
      </c>
      <c r="D207">
        <v>133.81857299804699</v>
      </c>
      <c r="E207">
        <v>2378.5741068422799</v>
      </c>
      <c r="F207">
        <v>24.0892448425293</v>
      </c>
      <c r="G207">
        <v>5.5551171302795401</v>
      </c>
    </row>
    <row r="208" spans="1:7" x14ac:dyDescent="0.25">
      <c r="A208" t="s">
        <v>213</v>
      </c>
      <c r="B208">
        <v>672.60400390625</v>
      </c>
      <c r="C208">
        <v>220.48844641823499</v>
      </c>
      <c r="D208">
        <v>140.00260925293</v>
      </c>
      <c r="E208">
        <v>2488.4927552193399</v>
      </c>
      <c r="F208">
        <v>23.0894966125488</v>
      </c>
      <c r="G208">
        <v>6.06347608566284</v>
      </c>
    </row>
    <row r="209" spans="1:7" x14ac:dyDescent="0.25">
      <c r="A209" t="s">
        <v>214</v>
      </c>
      <c r="B209">
        <v>676.20397949218795</v>
      </c>
      <c r="C209">
        <v>210.94363064223401</v>
      </c>
      <c r="D209">
        <v>143.193283081055</v>
      </c>
      <c r="E209">
        <v>2545.2058762311899</v>
      </c>
      <c r="F209">
        <v>22.0899658203125</v>
      </c>
      <c r="G209">
        <v>6.48227739334106</v>
      </c>
    </row>
    <row r="210" spans="1:7" x14ac:dyDescent="0.25">
      <c r="A210" t="s">
        <v>215</v>
      </c>
      <c r="B210">
        <v>679.80401611328102</v>
      </c>
      <c r="C210">
        <v>201.393751419437</v>
      </c>
      <c r="D210">
        <v>146.04042053222699</v>
      </c>
      <c r="E210">
        <v>2595.8125479519399</v>
      </c>
      <c r="F210">
        <v>21.0899047851563</v>
      </c>
      <c r="G210">
        <v>6.92466020584106</v>
      </c>
    </row>
    <row r="211" spans="1:7" x14ac:dyDescent="0.25">
      <c r="A211" t="s">
        <v>216</v>
      </c>
      <c r="B211">
        <v>683.40399169921898</v>
      </c>
      <c r="C211">
        <v>191.85070238566399</v>
      </c>
      <c r="D211">
        <v>138.79460144043</v>
      </c>
      <c r="E211">
        <v>2467.02088043094</v>
      </c>
      <c r="F211">
        <v>20.090559005737301</v>
      </c>
      <c r="G211">
        <v>6.9084491729736301</v>
      </c>
    </row>
    <row r="212" spans="1:7" x14ac:dyDescent="0.25">
      <c r="A212" t="s">
        <v>217</v>
      </c>
      <c r="B212">
        <v>687.00402832031295</v>
      </c>
      <c r="C212">
        <v>182.30222562834601</v>
      </c>
      <c r="D212">
        <v>139.09689331054699</v>
      </c>
      <c r="E212">
        <v>2472.3941460251799</v>
      </c>
      <c r="F212">
        <v>19.090644836425799</v>
      </c>
      <c r="G212">
        <v>7.2861285209655797</v>
      </c>
    </row>
    <row r="213" spans="1:7" x14ac:dyDescent="0.25">
      <c r="A213" t="s">
        <v>218</v>
      </c>
      <c r="B213">
        <v>690.60400390625</v>
      </c>
      <c r="C213">
        <v>172.75751913536999</v>
      </c>
      <c r="D213">
        <v>137.40805053710901</v>
      </c>
      <c r="E213">
        <v>2442.3755239695301</v>
      </c>
      <c r="F213">
        <v>18.0911254882813</v>
      </c>
      <c r="G213">
        <v>7.5953288078308097</v>
      </c>
    </row>
    <row r="214" spans="1:7" x14ac:dyDescent="0.25">
      <c r="A214" t="s">
        <v>219</v>
      </c>
      <c r="B214">
        <v>694.20397949218795</v>
      </c>
      <c r="C214">
        <v>163.210663409581</v>
      </c>
      <c r="D214">
        <v>134.60784912109401</v>
      </c>
      <c r="E214">
        <v>2392.6030844450001</v>
      </c>
      <c r="F214">
        <v>17.091381072998001</v>
      </c>
      <c r="G214">
        <v>7.8757739067077601</v>
      </c>
    </row>
    <row r="215" spans="1:7" x14ac:dyDescent="0.25">
      <c r="A215" t="s">
        <v>220</v>
      </c>
      <c r="B215">
        <v>697.80401611328102</v>
      </c>
      <c r="C215">
        <v>153.66153095411701</v>
      </c>
      <c r="D215">
        <v>136.59451293945301</v>
      </c>
      <c r="E215">
        <v>2427.9153440147602</v>
      </c>
      <c r="F215">
        <v>16.0913982391357</v>
      </c>
      <c r="G215">
        <v>8.4886665344238299</v>
      </c>
    </row>
    <row r="216" spans="1:7" x14ac:dyDescent="0.25">
      <c r="A216" t="s">
        <v>221</v>
      </c>
      <c r="B216">
        <v>701.40399169921898</v>
      </c>
      <c r="C216">
        <v>144.11124191997899</v>
      </c>
      <c r="D216">
        <v>128.577713012695</v>
      </c>
      <c r="E216">
        <v>2285.4197304695799</v>
      </c>
      <c r="F216">
        <v>15.0912942886353</v>
      </c>
      <c r="G216">
        <v>8.5199928283691406</v>
      </c>
    </row>
    <row r="217" spans="1:7" x14ac:dyDescent="0.25">
      <c r="A217" t="s">
        <v>222</v>
      </c>
      <c r="B217">
        <v>705.00402832031295</v>
      </c>
      <c r="C217">
        <v>134.559377388907</v>
      </c>
      <c r="D217">
        <v>137.777420043945</v>
      </c>
      <c r="E217">
        <v>2448.9411152899302</v>
      </c>
      <c r="F217">
        <v>14.091025352478001</v>
      </c>
      <c r="G217">
        <v>9.7776718139648402</v>
      </c>
    </row>
    <row r="218" spans="1:7" x14ac:dyDescent="0.25">
      <c r="A218" t="s">
        <v>223</v>
      </c>
      <c r="B218">
        <v>708.60302734375</v>
      </c>
      <c r="C218">
        <v>125.01034510954899</v>
      </c>
      <c r="D218">
        <v>139.075119018555</v>
      </c>
      <c r="E218">
        <v>2472.0071814954299</v>
      </c>
      <c r="F218">
        <v>13.0910530090332</v>
      </c>
      <c r="G218">
        <v>10.6236772537231</v>
      </c>
    </row>
    <row r="219" spans="1:7" x14ac:dyDescent="0.25">
      <c r="A219" t="s">
        <v>224</v>
      </c>
      <c r="B219">
        <v>712.20300292968795</v>
      </c>
      <c r="C219">
        <v>115.460848377338</v>
      </c>
      <c r="D219">
        <v>131.65931701660199</v>
      </c>
      <c r="E219">
        <v>2340.1940707117301</v>
      </c>
      <c r="F219">
        <v>12.0910320281982</v>
      </c>
      <c r="G219">
        <v>10.8890056610107</v>
      </c>
    </row>
    <row r="220" spans="1:7" x14ac:dyDescent="0.25">
      <c r="A220" t="s">
        <v>225</v>
      </c>
      <c r="B220">
        <v>715.802978515625</v>
      </c>
      <c r="C220">
        <v>105.91007667650899</v>
      </c>
      <c r="D220">
        <v>115.745933532715</v>
      </c>
      <c r="E220">
        <v>2057.3397632688302</v>
      </c>
      <c r="F220">
        <v>11.090877532959</v>
      </c>
      <c r="G220">
        <v>10.4361381530762</v>
      </c>
    </row>
    <row r="221" spans="1:7" x14ac:dyDescent="0.25">
      <c r="A221" t="s">
        <v>226</v>
      </c>
      <c r="B221">
        <v>719.40301513671898</v>
      </c>
      <c r="C221">
        <v>96.360816724183394</v>
      </c>
      <c r="D221">
        <v>121.923828125</v>
      </c>
      <c r="E221">
        <v>2167.1494469046602</v>
      </c>
      <c r="F221">
        <v>10.0908813476563</v>
      </c>
      <c r="G221">
        <v>12.0825748443604</v>
      </c>
    </row>
    <row r="222" spans="1:7" x14ac:dyDescent="0.25">
      <c r="A222" t="s">
        <v>227</v>
      </c>
      <c r="B222">
        <v>723.00299072265602</v>
      </c>
      <c r="C222">
        <v>86.811702482557294</v>
      </c>
      <c r="D222">
        <v>120.947135925293</v>
      </c>
      <c r="E222">
        <v>2149.7891284525399</v>
      </c>
      <c r="F222">
        <v>9.0909004211425799</v>
      </c>
      <c r="G222">
        <v>13.304197311401399</v>
      </c>
    </row>
    <row r="223" spans="1:7" x14ac:dyDescent="0.25">
      <c r="A223" t="s">
        <v>228</v>
      </c>
      <c r="B223">
        <v>726.60302734375</v>
      </c>
      <c r="C223">
        <v>77.260120265964304</v>
      </c>
      <c r="D223">
        <v>104.56324768066401</v>
      </c>
      <c r="E223">
        <v>1858.5717771202301</v>
      </c>
      <c r="F223">
        <v>8.0906610488891602</v>
      </c>
      <c r="G223">
        <v>12.923943519592299</v>
      </c>
    </row>
    <row r="224" spans="1:7" x14ac:dyDescent="0.25">
      <c r="A224" t="s">
        <v>229</v>
      </c>
      <c r="B224">
        <v>730.20300292968795</v>
      </c>
      <c r="C224">
        <v>67.710427735000906</v>
      </c>
      <c r="D224">
        <v>98.843109130859403</v>
      </c>
      <c r="E224">
        <v>1756.8984767422101</v>
      </c>
      <c r="F224">
        <v>7.0906195640564</v>
      </c>
      <c r="G224">
        <v>13.9399824142456</v>
      </c>
    </row>
    <row r="225" spans="1:7" x14ac:dyDescent="0.25">
      <c r="A225" t="s">
        <v>230</v>
      </c>
      <c r="B225">
        <v>733.802978515625</v>
      </c>
      <c r="C225">
        <v>58.164418952650699</v>
      </c>
      <c r="D225">
        <v>90.794494628906307</v>
      </c>
      <c r="E225">
        <v>1613.83743397892</v>
      </c>
      <c r="F225">
        <v>6.09096384048462</v>
      </c>
      <c r="G225">
        <v>14.906424522399901</v>
      </c>
    </row>
    <row r="226" spans="1:7" x14ac:dyDescent="0.25">
      <c r="A226" t="s">
        <v>231</v>
      </c>
      <c r="B226">
        <v>737.40301513671898</v>
      </c>
      <c r="C226">
        <v>48.614043402785001</v>
      </c>
      <c r="D226">
        <v>92.964027404785199</v>
      </c>
      <c r="E226">
        <v>1652.4001257494101</v>
      </c>
      <c r="F226">
        <v>5.0908508300781303</v>
      </c>
      <c r="G226">
        <v>18.260999679565401</v>
      </c>
    </row>
    <row r="227" spans="1:7" x14ac:dyDescent="0.25">
      <c r="A227" t="s">
        <v>232</v>
      </c>
      <c r="B227">
        <v>741.00299072265602</v>
      </c>
      <c r="C227">
        <v>39.065038444183401</v>
      </c>
      <c r="D227">
        <v>82.974876403808594</v>
      </c>
      <c r="E227">
        <v>1474.8467365279801</v>
      </c>
      <c r="F227">
        <v>4.09088134765625</v>
      </c>
      <c r="G227">
        <v>20.282884597778299</v>
      </c>
    </row>
    <row r="228" spans="1:7" x14ac:dyDescent="0.25">
      <c r="A228" t="s">
        <v>233</v>
      </c>
      <c r="B228">
        <v>744.60302734375</v>
      </c>
      <c r="C228">
        <v>29.5138000137711</v>
      </c>
      <c r="D228">
        <v>91.976821899414105</v>
      </c>
      <c r="E228">
        <v>1634.8528442904401</v>
      </c>
      <c r="F228">
        <v>3.0906779766082799</v>
      </c>
      <c r="G228">
        <v>29.7594318389893</v>
      </c>
    </row>
    <row r="229" spans="1:7" x14ac:dyDescent="0.25">
      <c r="A229" t="s">
        <v>234</v>
      </c>
      <c r="B229">
        <v>748.20300292968795</v>
      </c>
      <c r="C229">
        <v>19.966768979797099</v>
      </c>
      <c r="D229">
        <v>73.103622436523395</v>
      </c>
      <c r="E229">
        <v>1299.3889395147601</v>
      </c>
      <c r="F229">
        <v>2.0909152030944802</v>
      </c>
      <c r="G229">
        <v>34.962501525878899</v>
      </c>
    </row>
    <row r="230" spans="1:7" x14ac:dyDescent="0.25">
      <c r="A230" t="s">
        <v>235</v>
      </c>
      <c r="B230">
        <v>751.802978515625</v>
      </c>
      <c r="C230">
        <v>10.4180167381893</v>
      </c>
      <c r="D230">
        <v>58.3442993164063</v>
      </c>
      <c r="E230">
        <v>1037.04759385437</v>
      </c>
      <c r="F230">
        <v>1.0909721851348899</v>
      </c>
      <c r="G230">
        <v>53.479183197021499</v>
      </c>
    </row>
    <row r="231" spans="1:7" x14ac:dyDescent="0.25">
      <c r="A231" t="s">
        <v>236</v>
      </c>
      <c r="B231">
        <v>755.40301513671898</v>
      </c>
      <c r="C231">
        <v>0.86891466283741703</v>
      </c>
      <c r="D231">
        <v>33.9190673828125</v>
      </c>
      <c r="E231">
        <v>602.89847897365701</v>
      </c>
      <c r="F231">
        <v>9.0992532670497894E-2</v>
      </c>
      <c r="G231">
        <v>372.767578125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topLeftCell="A210"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6.26300001144409</v>
      </c>
      <c r="C2">
        <v>8.8569167036421703</v>
      </c>
      <c r="D2">
        <v>12.6811256408691</v>
      </c>
      <c r="E2">
        <v>2174.4042169302702</v>
      </c>
      <c r="F2">
        <v>0.92749416828155495</v>
      </c>
      <c r="G2">
        <v>13.6724586486816</v>
      </c>
    </row>
    <row r="3" spans="1:7" x14ac:dyDescent="0.25">
      <c r="A3" t="s">
        <v>8</v>
      </c>
      <c r="B3">
        <v>9.8629999160766602</v>
      </c>
      <c r="C3">
        <v>18.407441379301499</v>
      </c>
      <c r="D3">
        <v>16.914382934570298</v>
      </c>
      <c r="E3">
        <v>2900.2714436501301</v>
      </c>
      <c r="F3">
        <v>1.92762279510498</v>
      </c>
      <c r="G3">
        <v>8.7747373580932599</v>
      </c>
    </row>
    <row r="4" spans="1:7" x14ac:dyDescent="0.25">
      <c r="A4" t="s">
        <v>9</v>
      </c>
      <c r="B4">
        <v>13.453000068664601</v>
      </c>
      <c r="C4">
        <v>27.9316140473451</v>
      </c>
      <c r="D4">
        <v>19.209810256958001</v>
      </c>
      <c r="E4">
        <v>3293.8632648438202</v>
      </c>
      <c r="F4">
        <v>2.9249918460845898</v>
      </c>
      <c r="G4">
        <v>6.5674748420715297</v>
      </c>
    </row>
    <row r="5" spans="1:7" x14ac:dyDescent="0.25">
      <c r="A5" t="s">
        <v>10</v>
      </c>
      <c r="B5">
        <v>17.05299949646</v>
      </c>
      <c r="C5">
        <v>37.478966100203301</v>
      </c>
      <c r="D5">
        <v>21.3268013000488</v>
      </c>
      <c r="E5">
        <v>3656.8590439856098</v>
      </c>
      <c r="F5">
        <v>3.9247882366180402</v>
      </c>
      <c r="G5">
        <v>5.4338731765747097</v>
      </c>
    </row>
    <row r="6" spans="1:7" x14ac:dyDescent="0.25">
      <c r="A6" t="s">
        <v>11</v>
      </c>
      <c r="B6">
        <v>20.652999877929702</v>
      </c>
      <c r="C6">
        <v>47.029621687818803</v>
      </c>
      <c r="D6">
        <v>23.753725051879901</v>
      </c>
      <c r="E6">
        <v>4072.9981847107401</v>
      </c>
      <c r="F6">
        <v>4.9249305725097701</v>
      </c>
      <c r="G6">
        <v>4.82315921783447</v>
      </c>
    </row>
    <row r="7" spans="1:7" x14ac:dyDescent="0.25">
      <c r="A7" t="s">
        <v>12</v>
      </c>
      <c r="B7">
        <v>24.2530002593994</v>
      </c>
      <c r="C7">
        <v>56.576040281510501</v>
      </c>
      <c r="D7">
        <v>24.827163696289102</v>
      </c>
      <c r="E7">
        <v>4257.0582590997201</v>
      </c>
      <c r="F7">
        <v>5.9246292114257804</v>
      </c>
      <c r="G7">
        <v>4.1905007362365696</v>
      </c>
    </row>
    <row r="8" spans="1:7" x14ac:dyDescent="0.25">
      <c r="A8" t="s">
        <v>13</v>
      </c>
      <c r="B8">
        <v>27.853000640869102</v>
      </c>
      <c r="C8">
        <v>66.127613391184795</v>
      </c>
      <c r="D8">
        <v>26.530307769775401</v>
      </c>
      <c r="E8">
        <v>4549.0926131606102</v>
      </c>
      <c r="F8">
        <v>6.9248676300048801</v>
      </c>
      <c r="G8">
        <v>3.8311645984649698</v>
      </c>
    </row>
    <row r="9" spans="1:7" x14ac:dyDescent="0.25">
      <c r="A9" t="s">
        <v>14</v>
      </c>
      <c r="B9">
        <v>31.462999343872099</v>
      </c>
      <c r="C9">
        <v>75.701689696960301</v>
      </c>
      <c r="D9">
        <v>27.445976257324201</v>
      </c>
      <c r="E9">
        <v>4706.1000950634498</v>
      </c>
      <c r="F9">
        <v>7.9274625778198198</v>
      </c>
      <c r="G9">
        <v>3.4621388912200901</v>
      </c>
    </row>
    <row r="10" spans="1:7" x14ac:dyDescent="0.25">
      <c r="A10" t="s">
        <v>15</v>
      </c>
      <c r="B10">
        <v>35.053001403808601</v>
      </c>
      <c r="C10">
        <v>85.224020490697399</v>
      </c>
      <c r="D10">
        <v>28.434616088867202</v>
      </c>
      <c r="E10">
        <v>4875.6198957562401</v>
      </c>
      <c r="F10">
        <v>8.9246387481689506</v>
      </c>
      <c r="G10">
        <v>3.1860804557800302</v>
      </c>
    </row>
    <row r="11" spans="1:7" x14ac:dyDescent="0.25">
      <c r="A11" t="s">
        <v>16</v>
      </c>
      <c r="B11">
        <v>38.652999877929702</v>
      </c>
      <c r="C11">
        <v>94.774400594022396</v>
      </c>
      <c r="D11">
        <v>30.118629455566399</v>
      </c>
      <c r="E11">
        <v>5164.37413170934</v>
      </c>
      <c r="F11">
        <v>9.9247522354125994</v>
      </c>
      <c r="G11">
        <v>3.0346984863281299</v>
      </c>
    </row>
    <row r="12" spans="1:7" x14ac:dyDescent="0.25">
      <c r="A12" t="s">
        <v>17</v>
      </c>
      <c r="B12">
        <v>42.252998352050803</v>
      </c>
      <c r="C12">
        <v>104.325827992998</v>
      </c>
      <c r="D12">
        <v>31.170160293579102</v>
      </c>
      <c r="E12">
        <v>5344.6777164936102</v>
      </c>
      <c r="F12">
        <v>10.924975395202599</v>
      </c>
      <c r="G12">
        <v>2.85311031341553</v>
      </c>
    </row>
    <row r="13" spans="1:7" x14ac:dyDescent="0.25">
      <c r="A13" t="s">
        <v>18</v>
      </c>
      <c r="B13">
        <v>45.853000640869098</v>
      </c>
      <c r="C13">
        <v>113.876472196965</v>
      </c>
      <c r="D13">
        <v>32.433513641357401</v>
      </c>
      <c r="E13">
        <v>5561.3019503653004</v>
      </c>
      <c r="F13">
        <v>11.9251165390015</v>
      </c>
      <c r="G13">
        <v>2.7197649478912398</v>
      </c>
    </row>
    <row r="14" spans="1:7" x14ac:dyDescent="0.25">
      <c r="A14" t="s">
        <v>19</v>
      </c>
      <c r="B14">
        <v>49.452999114990199</v>
      </c>
      <c r="C14">
        <v>123.424994488876</v>
      </c>
      <c r="D14">
        <v>33.6984252929688</v>
      </c>
      <c r="E14">
        <v>5778.1939394772098</v>
      </c>
      <c r="F14">
        <v>12.925035476684601</v>
      </c>
      <c r="G14">
        <v>2.6072211265564</v>
      </c>
    </row>
    <row r="15" spans="1:7" x14ac:dyDescent="0.25">
      <c r="A15" t="s">
        <v>20</v>
      </c>
      <c r="B15">
        <v>53.053001403808601</v>
      </c>
      <c r="C15">
        <v>132.97470978713599</v>
      </c>
      <c r="D15">
        <v>35.957283020019503</v>
      </c>
      <c r="E15">
        <v>6165.5151657760098</v>
      </c>
      <c r="F15">
        <v>13.9250793457031</v>
      </c>
      <c r="G15">
        <v>2.5821959972381601</v>
      </c>
    </row>
    <row r="16" spans="1:7" x14ac:dyDescent="0.25">
      <c r="A16" t="s">
        <v>21</v>
      </c>
      <c r="B16">
        <v>56.652999877929702</v>
      </c>
      <c r="C16">
        <v>142.52581844395601</v>
      </c>
      <c r="D16">
        <v>37.338180541992202</v>
      </c>
      <c r="E16">
        <v>6402.2941514849699</v>
      </c>
      <c r="F16">
        <v>14.925269126892101</v>
      </c>
      <c r="G16">
        <v>2.5016756057739298</v>
      </c>
    </row>
    <row r="17" spans="1:7" x14ac:dyDescent="0.25">
      <c r="A17" t="s">
        <v>22</v>
      </c>
      <c r="B17">
        <v>60.252998352050803</v>
      </c>
      <c r="C17">
        <v>152.07838420776901</v>
      </c>
      <c r="D17">
        <v>39.268814086914098</v>
      </c>
      <c r="E17">
        <v>6733.3355545997601</v>
      </c>
      <c r="F17">
        <v>15.925611495971699</v>
      </c>
      <c r="G17">
        <v>2.4657649993896502</v>
      </c>
    </row>
    <row r="18" spans="1:7" x14ac:dyDescent="0.25">
      <c r="A18" t="s">
        <v>23</v>
      </c>
      <c r="B18">
        <v>63.853000640869098</v>
      </c>
      <c r="C18">
        <v>161.62429281401299</v>
      </c>
      <c r="D18">
        <v>39.521797180175803</v>
      </c>
      <c r="E18">
        <v>6776.7142318189099</v>
      </c>
      <c r="F18">
        <v>16.925256729126001</v>
      </c>
      <c r="G18">
        <v>2.3350782394409202</v>
      </c>
    </row>
    <row r="19" spans="1:7" x14ac:dyDescent="0.25">
      <c r="A19" t="s">
        <v>24</v>
      </c>
      <c r="B19">
        <v>67.4530029296875</v>
      </c>
      <c r="C19">
        <v>171.16985535734699</v>
      </c>
      <c r="D19">
        <v>40.8016357421875</v>
      </c>
      <c r="E19">
        <v>6996.1654953658599</v>
      </c>
      <c r="F19">
        <v>17.9248657226563</v>
      </c>
      <c r="G19">
        <v>2.2762589454650901</v>
      </c>
    </row>
    <row r="20" spans="1:7" x14ac:dyDescent="0.25">
      <c r="A20" t="s">
        <v>25</v>
      </c>
      <c r="B20">
        <v>71.053001403808594</v>
      </c>
      <c r="C20">
        <v>180.718204617803</v>
      </c>
      <c r="D20">
        <v>42.1961860656738</v>
      </c>
      <c r="E20">
        <v>7235.2853603661097</v>
      </c>
      <c r="F20">
        <v>18.924766540527301</v>
      </c>
      <c r="G20">
        <v>2.2296807765960698</v>
      </c>
    </row>
    <row r="21" spans="1:7" x14ac:dyDescent="0.25">
      <c r="A21" t="s">
        <v>26</v>
      </c>
      <c r="B21">
        <v>74.652999877929702</v>
      </c>
      <c r="C21">
        <v>190.26469606684401</v>
      </c>
      <c r="D21">
        <v>44.942798614502003</v>
      </c>
      <c r="E21">
        <v>7706.2412165105297</v>
      </c>
      <c r="F21">
        <v>19.924472808837901</v>
      </c>
      <c r="G21">
        <v>2.2556581497192401</v>
      </c>
    </row>
    <row r="22" spans="1:7" x14ac:dyDescent="0.25">
      <c r="A22" t="s">
        <v>27</v>
      </c>
      <c r="B22">
        <v>78.252998352050795</v>
      </c>
      <c r="C22">
        <v>199.811551792633</v>
      </c>
      <c r="D22">
        <v>47.181686401367202</v>
      </c>
      <c r="E22">
        <v>8090.1384353637704</v>
      </c>
      <c r="F22">
        <v>20.924217224121101</v>
      </c>
      <c r="G22">
        <v>2.2548842430114702</v>
      </c>
    </row>
    <row r="23" spans="1:7" x14ac:dyDescent="0.25">
      <c r="A23" t="s">
        <v>28</v>
      </c>
      <c r="B23">
        <v>81.852996826171903</v>
      </c>
      <c r="C23">
        <v>209.361631367641</v>
      </c>
      <c r="D23">
        <v>46.444507598877003</v>
      </c>
      <c r="E23">
        <v>7963.7356102466601</v>
      </c>
      <c r="F23">
        <v>21.924299240112301</v>
      </c>
      <c r="G23">
        <v>2.1184031963348402</v>
      </c>
    </row>
    <row r="24" spans="1:7" x14ac:dyDescent="0.25">
      <c r="A24" t="s">
        <v>29</v>
      </c>
      <c r="B24">
        <v>85.4530029296875</v>
      </c>
      <c r="C24">
        <v>218.90653821282899</v>
      </c>
      <c r="D24">
        <v>46.955760955810497</v>
      </c>
      <c r="E24">
        <v>8051.3991415500604</v>
      </c>
      <c r="F24">
        <v>22.9238395690918</v>
      </c>
      <c r="G24">
        <v>2.0483374595642099</v>
      </c>
    </row>
    <row r="25" spans="1:7" x14ac:dyDescent="0.25">
      <c r="A25" t="s">
        <v>30</v>
      </c>
      <c r="B25">
        <v>89.053001403808594</v>
      </c>
      <c r="C25">
        <v>228.458384530064</v>
      </c>
      <c r="D25">
        <v>48.678546905517599</v>
      </c>
      <c r="E25">
        <v>8346.8016237020493</v>
      </c>
      <c r="F25">
        <v>23.924106597900401</v>
      </c>
      <c r="G25">
        <v>2.03470706939697</v>
      </c>
    </row>
    <row r="26" spans="1:7" x14ac:dyDescent="0.25">
      <c r="A26" t="s">
        <v>31</v>
      </c>
      <c r="B26">
        <v>92.652999877929702</v>
      </c>
      <c r="C26">
        <v>238.00010395370799</v>
      </c>
      <c r="D26">
        <v>49.726863861083999</v>
      </c>
      <c r="E26">
        <v>8526.5543311834299</v>
      </c>
      <c r="F26">
        <v>24.923313140869102</v>
      </c>
      <c r="G26">
        <v>1.9951947927475</v>
      </c>
    </row>
    <row r="27" spans="1:7" x14ac:dyDescent="0.25">
      <c r="A27" t="s">
        <v>32</v>
      </c>
      <c r="B27">
        <v>96.252998352050795</v>
      </c>
      <c r="C27">
        <v>247.54863535253801</v>
      </c>
      <c r="D27">
        <v>51.405612945556598</v>
      </c>
      <c r="E27">
        <v>8814.40564990044</v>
      </c>
      <c r="F27">
        <v>25.923233032226602</v>
      </c>
      <c r="G27">
        <v>1.98299384117126</v>
      </c>
    </row>
    <row r="28" spans="1:7" x14ac:dyDescent="0.25">
      <c r="A28" t="s">
        <v>33</v>
      </c>
      <c r="B28">
        <v>99.852996826171903</v>
      </c>
      <c r="C28">
        <v>257.092176159921</v>
      </c>
      <c r="D28">
        <v>52.011219024658203</v>
      </c>
      <c r="E28">
        <v>8918.2471856474895</v>
      </c>
      <c r="F28">
        <v>26.922630310058601</v>
      </c>
      <c r="G28">
        <v>1.9318773746490501</v>
      </c>
    </row>
    <row r="29" spans="1:7" x14ac:dyDescent="0.25">
      <c r="A29" t="s">
        <v>34</v>
      </c>
      <c r="B29">
        <v>103.453002929688</v>
      </c>
      <c r="C29">
        <v>266.64037970967701</v>
      </c>
      <c r="D29">
        <v>52.416221618652301</v>
      </c>
      <c r="E29">
        <v>8987.6921847462709</v>
      </c>
      <c r="F29">
        <v>27.9225158691406</v>
      </c>
      <c r="G29">
        <v>1.87720263004303</v>
      </c>
    </row>
    <row r="30" spans="1:7" x14ac:dyDescent="0.25">
      <c r="A30" t="s">
        <v>35</v>
      </c>
      <c r="B30">
        <v>107.05300140380901</v>
      </c>
      <c r="C30">
        <v>276.18982180037602</v>
      </c>
      <c r="D30">
        <v>53.466732025146499</v>
      </c>
      <c r="E30">
        <v>9167.8211465477907</v>
      </c>
      <c r="F30">
        <v>28.922531127929702</v>
      </c>
      <c r="G30">
        <v>1.8486187458038299</v>
      </c>
    </row>
    <row r="31" spans="1:7" x14ac:dyDescent="0.25">
      <c r="A31" t="s">
        <v>36</v>
      </c>
      <c r="B31">
        <v>110.65299987793</v>
      </c>
      <c r="C31">
        <v>285.73578504813298</v>
      </c>
      <c r="D31">
        <v>54.294773101806598</v>
      </c>
      <c r="E31">
        <v>9309.8031356930696</v>
      </c>
      <c r="F31">
        <v>29.922182083129901</v>
      </c>
      <c r="G31">
        <v>1.8145325183868399</v>
      </c>
    </row>
    <row r="32" spans="1:7" x14ac:dyDescent="0.25">
      <c r="A32" t="s">
        <v>37</v>
      </c>
      <c r="B32">
        <v>114.25299835205099</v>
      </c>
      <c r="C32">
        <v>295.279307641679</v>
      </c>
      <c r="D32">
        <v>56.638870239257798</v>
      </c>
      <c r="E32">
        <v>9711.7405384778995</v>
      </c>
      <c r="F32">
        <v>30.921577453613299</v>
      </c>
      <c r="G32">
        <v>1.8316941261291499</v>
      </c>
    </row>
    <row r="33" spans="1:7" x14ac:dyDescent="0.25">
      <c r="A33" t="s">
        <v>38</v>
      </c>
      <c r="B33">
        <v>117.852996826172</v>
      </c>
      <c r="C33">
        <v>304.82534374478502</v>
      </c>
      <c r="D33">
        <v>56.638328552246101</v>
      </c>
      <c r="E33">
        <v>9711.6474062204397</v>
      </c>
      <c r="F33">
        <v>31.921236038208001</v>
      </c>
      <c r="G33">
        <v>1.77431499958038</v>
      </c>
    </row>
    <row r="34" spans="1:7" x14ac:dyDescent="0.25">
      <c r="A34" t="s">
        <v>39</v>
      </c>
      <c r="B34">
        <v>121.46199798584</v>
      </c>
      <c r="C34">
        <v>314.40580400056803</v>
      </c>
      <c r="D34">
        <v>56.777034759521499</v>
      </c>
      <c r="E34">
        <v>9735.4315221309698</v>
      </c>
      <c r="F34">
        <v>32.9244995117188</v>
      </c>
      <c r="G34">
        <v>1.7244615554809599</v>
      </c>
    </row>
    <row r="35" spans="1:7" x14ac:dyDescent="0.25">
      <c r="A35" t="s">
        <v>40</v>
      </c>
      <c r="B35">
        <v>125.06199645996099</v>
      </c>
      <c r="C35">
        <v>323.95670319825803</v>
      </c>
      <c r="D35">
        <v>57.904994964599602</v>
      </c>
      <c r="E35">
        <v>9928.8402125239409</v>
      </c>
      <c r="F35">
        <v>33.924667358398402</v>
      </c>
      <c r="G35">
        <v>1.70686995983124</v>
      </c>
    </row>
    <row r="36" spans="1:7" x14ac:dyDescent="0.25">
      <c r="A36" t="s">
        <v>41</v>
      </c>
      <c r="B36">
        <v>128.66200256347699</v>
      </c>
      <c r="C36">
        <v>333.49754835770699</v>
      </c>
      <c r="D36">
        <v>58.895057678222699</v>
      </c>
      <c r="E36">
        <v>10098.60355407</v>
      </c>
      <c r="F36">
        <v>34.923782348632798</v>
      </c>
      <c r="G36">
        <v>1.6863882541656501</v>
      </c>
    </row>
    <row r="37" spans="1:7" x14ac:dyDescent="0.25">
      <c r="A37" t="s">
        <v>42</v>
      </c>
      <c r="B37">
        <v>132.26199340820301</v>
      </c>
      <c r="C37">
        <v>343.042254850684</v>
      </c>
      <c r="D37">
        <v>59.092350006103501</v>
      </c>
      <c r="E37">
        <v>10132.432915270299</v>
      </c>
      <c r="F37">
        <v>35.923301696777301</v>
      </c>
      <c r="G37">
        <v>1.64495873451233</v>
      </c>
    </row>
    <row r="38" spans="1:7" x14ac:dyDescent="0.25">
      <c r="A38" t="s">
        <v>43</v>
      </c>
      <c r="B38">
        <v>135.86199951171901</v>
      </c>
      <c r="C38">
        <v>352.58856416135097</v>
      </c>
      <c r="D38">
        <v>60.767486572265597</v>
      </c>
      <c r="E38">
        <v>10419.664904475199</v>
      </c>
      <c r="F38">
        <v>36.922988891601598</v>
      </c>
      <c r="G38">
        <v>1.64578998088837</v>
      </c>
    </row>
    <row r="39" spans="1:7" x14ac:dyDescent="0.25">
      <c r="A39" t="s">
        <v>44</v>
      </c>
      <c r="B39">
        <v>139.46200561523401</v>
      </c>
      <c r="C39">
        <v>362.13869837787098</v>
      </c>
      <c r="D39">
        <v>61.680061340332003</v>
      </c>
      <c r="E39">
        <v>10576.141998171801</v>
      </c>
      <c r="F39">
        <v>37.9230766296387</v>
      </c>
      <c r="G39">
        <v>1.6264519691467301</v>
      </c>
    </row>
    <row r="40" spans="1:7" x14ac:dyDescent="0.25">
      <c r="A40" t="s">
        <v>45</v>
      </c>
      <c r="B40">
        <v>143.06199645996099</v>
      </c>
      <c r="C40">
        <v>371.68318630479899</v>
      </c>
      <c r="D40">
        <v>63.187370300292997</v>
      </c>
      <c r="E40">
        <v>10834.597051143601</v>
      </c>
      <c r="F40">
        <v>38.922573089599602</v>
      </c>
      <c r="G40">
        <v>1.6234118938446001</v>
      </c>
    </row>
    <row r="41" spans="1:7" x14ac:dyDescent="0.25">
      <c r="A41" t="s">
        <v>46</v>
      </c>
      <c r="B41">
        <v>146.66200256347699</v>
      </c>
      <c r="C41">
        <v>381.23240982944901</v>
      </c>
      <c r="D41">
        <v>63.114845275878899</v>
      </c>
      <c r="E41">
        <v>10822.1611008048</v>
      </c>
      <c r="F41">
        <v>39.922565460205099</v>
      </c>
      <c r="G41">
        <v>1.58093154430389</v>
      </c>
    </row>
    <row r="42" spans="1:7" x14ac:dyDescent="0.25">
      <c r="A42" t="s">
        <v>47</v>
      </c>
      <c r="B42">
        <v>150.26199340820301</v>
      </c>
      <c r="C42">
        <v>390.77412925309301</v>
      </c>
      <c r="D42">
        <v>64.069030761718807</v>
      </c>
      <c r="E42">
        <v>10985.7730567455</v>
      </c>
      <c r="F42">
        <v>40.9217720031738</v>
      </c>
      <c r="G42">
        <v>1.56564652919769</v>
      </c>
    </row>
    <row r="43" spans="1:7" x14ac:dyDescent="0.25">
      <c r="A43" t="s">
        <v>48</v>
      </c>
      <c r="B43">
        <v>153.86199951171901</v>
      </c>
      <c r="C43">
        <v>400.326667696149</v>
      </c>
      <c r="D43">
        <v>65.366424560546903</v>
      </c>
      <c r="E43">
        <v>11208.235286176199</v>
      </c>
      <c r="F43">
        <v>41.922111511230497</v>
      </c>
      <c r="G43">
        <v>1.5592349767684901</v>
      </c>
    </row>
    <row r="44" spans="1:7" x14ac:dyDescent="0.25">
      <c r="A44" t="s">
        <v>49</v>
      </c>
      <c r="B44">
        <v>157.46200561523401</v>
      </c>
      <c r="C44">
        <v>409.87115562307702</v>
      </c>
      <c r="D44">
        <v>66.837532043457003</v>
      </c>
      <c r="E44">
        <v>11460.4821428657</v>
      </c>
      <c r="F44">
        <v>42.921607971191399</v>
      </c>
      <c r="G44">
        <v>1.55720007419586</v>
      </c>
    </row>
    <row r="45" spans="1:7" x14ac:dyDescent="0.25">
      <c r="A45" t="s">
        <v>50</v>
      </c>
      <c r="B45">
        <v>161.06199645996099</v>
      </c>
      <c r="C45">
        <v>419.421654116345</v>
      </c>
      <c r="D45">
        <v>67.937606811523395</v>
      </c>
      <c r="E45">
        <v>11649.1094231606</v>
      </c>
      <c r="F45">
        <v>43.9217338562012</v>
      </c>
      <c r="G45">
        <v>1.5467878580093399</v>
      </c>
    </row>
    <row r="46" spans="1:7" x14ac:dyDescent="0.25">
      <c r="A46" t="s">
        <v>51</v>
      </c>
      <c r="B46">
        <v>164.66200256347699</v>
      </c>
      <c r="C46">
        <v>428.96668845839503</v>
      </c>
      <c r="D46">
        <v>68.362632751464801</v>
      </c>
      <c r="E46">
        <v>11721.9882085919</v>
      </c>
      <c r="F46">
        <v>44.921287536621101</v>
      </c>
      <c r="G46">
        <v>1.5218315124511701</v>
      </c>
    </row>
    <row r="47" spans="1:7" x14ac:dyDescent="0.25">
      <c r="A47" t="s">
        <v>52</v>
      </c>
      <c r="B47">
        <v>168.26199340820301</v>
      </c>
      <c r="C47">
        <v>438.51383560558202</v>
      </c>
      <c r="D47">
        <v>69.157699584960895</v>
      </c>
      <c r="E47">
        <v>11858.316138386699</v>
      </c>
      <c r="F47">
        <v>45.921062469482401</v>
      </c>
      <c r="G47">
        <v>1.5060126781463601</v>
      </c>
    </row>
    <row r="48" spans="1:7" x14ac:dyDescent="0.25">
      <c r="A48" t="s">
        <v>53</v>
      </c>
      <c r="B48">
        <v>171.86199951171901</v>
      </c>
      <c r="C48">
        <v>448.05642929342099</v>
      </c>
      <c r="D48">
        <v>70.600738525390597</v>
      </c>
      <c r="E48">
        <v>12105.750851333099</v>
      </c>
      <c r="F48">
        <v>46.920360565185497</v>
      </c>
      <c r="G48">
        <v>1.50469303131104</v>
      </c>
    </row>
    <row r="49" spans="1:7" x14ac:dyDescent="0.25">
      <c r="A49" t="s">
        <v>54</v>
      </c>
      <c r="B49">
        <v>175.46200561523401</v>
      </c>
      <c r="C49">
        <v>457.60936844090003</v>
      </c>
      <c r="D49">
        <v>75.885505676269503</v>
      </c>
      <c r="E49">
        <v>13011.917471885699</v>
      </c>
      <c r="F49">
        <v>47.920742034912102</v>
      </c>
      <c r="G49">
        <v>1.58356285095215</v>
      </c>
    </row>
    <row r="50" spans="1:7" x14ac:dyDescent="0.25">
      <c r="A50" t="s">
        <v>55</v>
      </c>
      <c r="B50">
        <v>179.06199645996099</v>
      </c>
      <c r="C50">
        <v>467.15400207852701</v>
      </c>
      <c r="D50">
        <v>73.319740295410199</v>
      </c>
      <c r="E50">
        <v>12571.971863508201</v>
      </c>
      <c r="F50">
        <v>48.920253753662102</v>
      </c>
      <c r="G50">
        <v>1.4987604618072501</v>
      </c>
    </row>
    <row r="51" spans="1:7" x14ac:dyDescent="0.25">
      <c r="A51" t="s">
        <v>56</v>
      </c>
      <c r="B51">
        <v>182.66200256347699</v>
      </c>
      <c r="C51">
        <v>476.70049352756803</v>
      </c>
      <c r="D51">
        <v>75.350326538085895</v>
      </c>
      <c r="E51">
        <v>12920.1523959637</v>
      </c>
      <c r="F51">
        <v>49.919960021972699</v>
      </c>
      <c r="G51">
        <v>1.50942277908325</v>
      </c>
    </row>
    <row r="52" spans="1:7" x14ac:dyDescent="0.25">
      <c r="A52" t="s">
        <v>57</v>
      </c>
      <c r="B52">
        <v>186.26199340820301</v>
      </c>
      <c r="C52">
        <v>486.24760424708097</v>
      </c>
      <c r="D52">
        <v>76.641731262207003</v>
      </c>
      <c r="E52">
        <v>13141.586445272</v>
      </c>
      <c r="F52">
        <v>50.919731140136697</v>
      </c>
      <c r="G52">
        <v>1.50514805316925</v>
      </c>
    </row>
    <row r="53" spans="1:7" x14ac:dyDescent="0.25">
      <c r="A53" t="s">
        <v>58</v>
      </c>
      <c r="B53">
        <v>189.86199951171901</v>
      </c>
      <c r="C53">
        <v>495.79449640054497</v>
      </c>
      <c r="D53">
        <v>78.326126098632798</v>
      </c>
      <c r="E53">
        <v>13430.405408144001</v>
      </c>
      <c r="F53">
        <v>51.919479370117202</v>
      </c>
      <c r="G53">
        <v>1.5086077451705899</v>
      </c>
    </row>
    <row r="54" spans="1:7" x14ac:dyDescent="0.25">
      <c r="A54" t="s">
        <v>59</v>
      </c>
      <c r="B54">
        <v>193.46200561523401</v>
      </c>
      <c r="C54">
        <v>505.343974918919</v>
      </c>
      <c r="D54">
        <v>80.500404357910199</v>
      </c>
      <c r="E54">
        <v>13803.224079310899</v>
      </c>
      <c r="F54">
        <v>52.919498443603501</v>
      </c>
      <c r="G54">
        <v>1.5211861133575399</v>
      </c>
    </row>
    <row r="55" spans="1:7" x14ac:dyDescent="0.25">
      <c r="A55" t="s">
        <v>60</v>
      </c>
      <c r="B55">
        <v>197.06199645996099</v>
      </c>
      <c r="C55">
        <v>514.88879069491998</v>
      </c>
      <c r="D55">
        <v>82.399688720703097</v>
      </c>
      <c r="E55">
        <v>14128.889888525</v>
      </c>
      <c r="F55">
        <v>53.919029235839801</v>
      </c>
      <c r="G55">
        <v>1.5282115936279299</v>
      </c>
    </row>
    <row r="56" spans="1:7" x14ac:dyDescent="0.25">
      <c r="A56" t="s">
        <v>61</v>
      </c>
      <c r="B56">
        <v>200.66200256347699</v>
      </c>
      <c r="C56">
        <v>524.43469930116396</v>
      </c>
      <c r="D56">
        <v>84.626121520996094</v>
      </c>
      <c r="E56">
        <v>14510.6520503759</v>
      </c>
      <c r="F56">
        <v>54.918674468994098</v>
      </c>
      <c r="G56">
        <v>1.5409352779388401</v>
      </c>
    </row>
    <row r="57" spans="1:7" x14ac:dyDescent="0.25">
      <c r="A57" t="s">
        <v>62</v>
      </c>
      <c r="B57">
        <v>204.26199340820301</v>
      </c>
      <c r="C57">
        <v>533.98104503950594</v>
      </c>
      <c r="D57">
        <v>85.751243591308594</v>
      </c>
      <c r="E57">
        <v>14703.574590385</v>
      </c>
      <c r="F57">
        <v>55.918365478515597</v>
      </c>
      <c r="G57">
        <v>1.5335077047348</v>
      </c>
    </row>
    <row r="58" spans="1:7" x14ac:dyDescent="0.25">
      <c r="A58" t="s">
        <v>63</v>
      </c>
      <c r="B58">
        <v>207.86199951171901</v>
      </c>
      <c r="C58">
        <v>543.52961286600998</v>
      </c>
      <c r="D58">
        <v>88.125053405761705</v>
      </c>
      <c r="E58">
        <v>15110.6053963304</v>
      </c>
      <c r="F58">
        <v>56.918289184570298</v>
      </c>
      <c r="G58">
        <v>1.54827308654785</v>
      </c>
    </row>
    <row r="59" spans="1:7" x14ac:dyDescent="0.25">
      <c r="A59" t="s">
        <v>64</v>
      </c>
      <c r="B59">
        <v>211.46200561523401</v>
      </c>
      <c r="C59">
        <v>553.07679644087295</v>
      </c>
      <c r="D59">
        <v>91.016082763671903</v>
      </c>
      <c r="E59">
        <v>15606.324188411199</v>
      </c>
      <c r="F59">
        <v>57.918067932128899</v>
      </c>
      <c r="G59">
        <v>1.5714626312255899</v>
      </c>
    </row>
    <row r="60" spans="1:7" x14ac:dyDescent="0.25">
      <c r="A60" t="s">
        <v>65</v>
      </c>
      <c r="B60">
        <v>215.06199645996099</v>
      </c>
      <c r="C60">
        <v>562.624453575507</v>
      </c>
      <c r="D60">
        <v>92.863365173339801</v>
      </c>
      <c r="E60">
        <v>15923.073515296001</v>
      </c>
      <c r="F60">
        <v>58.917896270752003</v>
      </c>
      <c r="G60">
        <v>1.57614874839783</v>
      </c>
    </row>
    <row r="61" spans="1:7" x14ac:dyDescent="0.25">
      <c r="A61" t="s">
        <v>66</v>
      </c>
      <c r="B61">
        <v>218.66200256347699</v>
      </c>
      <c r="C61">
        <v>572.16679226962196</v>
      </c>
      <c r="D61">
        <v>95.190383911132798</v>
      </c>
      <c r="E61">
        <v>16322.081908583599</v>
      </c>
      <c r="F61">
        <v>59.917167663574197</v>
      </c>
      <c r="G61">
        <v>1.58869969844818</v>
      </c>
    </row>
    <row r="62" spans="1:7" x14ac:dyDescent="0.25">
      <c r="A62" t="s">
        <v>67</v>
      </c>
      <c r="B62">
        <v>222.26199340820301</v>
      </c>
      <c r="C62">
        <v>581.71619793264699</v>
      </c>
      <c r="D62">
        <v>97.639617919921903</v>
      </c>
      <c r="E62">
        <v>16742.046922445301</v>
      </c>
      <c r="F62">
        <v>60.917179107666001</v>
      </c>
      <c r="G62">
        <v>1.6028256416320801</v>
      </c>
    </row>
    <row r="63" spans="1:7" x14ac:dyDescent="0.25">
      <c r="A63" t="s">
        <v>68</v>
      </c>
      <c r="B63">
        <v>225.86199951171901</v>
      </c>
      <c r="C63">
        <v>591.26247081563895</v>
      </c>
      <c r="D63">
        <v>100.327102661133</v>
      </c>
      <c r="E63">
        <v>17202.863469719901</v>
      </c>
      <c r="F63">
        <v>61.916862487792997</v>
      </c>
      <c r="G63">
        <v>1.6203517913818399</v>
      </c>
    </row>
    <row r="64" spans="1:7" x14ac:dyDescent="0.25">
      <c r="A64" t="s">
        <v>69</v>
      </c>
      <c r="B64">
        <v>229.46200561523401</v>
      </c>
      <c r="C64">
        <v>600.80939939677796</v>
      </c>
      <c r="D64">
        <v>102.542839050293</v>
      </c>
      <c r="E64">
        <v>17582.790926098802</v>
      </c>
      <c r="F64">
        <v>62.916614532470703</v>
      </c>
      <c r="G64">
        <v>1.62982130050659</v>
      </c>
    </row>
    <row r="65" spans="1:7" x14ac:dyDescent="0.25">
      <c r="A65" t="s">
        <v>70</v>
      </c>
      <c r="B65">
        <v>233.06199645996099</v>
      </c>
      <c r="C65">
        <v>610.35727509746096</v>
      </c>
      <c r="D65">
        <v>105.13812255859401</v>
      </c>
      <c r="E65">
        <v>18027.799203991901</v>
      </c>
      <c r="F65">
        <v>63.916465759277301</v>
      </c>
      <c r="G65">
        <v>1.64493012428284</v>
      </c>
    </row>
    <row r="66" spans="1:7" x14ac:dyDescent="0.25">
      <c r="A66" t="s">
        <v>71</v>
      </c>
      <c r="B66">
        <v>236.66200256347699</v>
      </c>
      <c r="C66">
        <v>619.90263728858395</v>
      </c>
      <c r="D66">
        <v>107.550155639648</v>
      </c>
      <c r="E66">
        <v>18441.384658217401</v>
      </c>
      <c r="F66">
        <v>64.916053771972699</v>
      </c>
      <c r="G66">
        <v>1.6567574739456199</v>
      </c>
    </row>
    <row r="67" spans="1:7" x14ac:dyDescent="0.25">
      <c r="A67" t="s">
        <v>72</v>
      </c>
      <c r="B67">
        <v>240.26199340820301</v>
      </c>
      <c r="C67">
        <v>629.453245064876</v>
      </c>
      <c r="D67">
        <v>109.189323425293</v>
      </c>
      <c r="E67">
        <v>18722.448498010599</v>
      </c>
      <c r="F67">
        <v>65.916191101074205</v>
      </c>
      <c r="G67">
        <v>1.6564871072769201</v>
      </c>
    </row>
    <row r="68" spans="1:7" x14ac:dyDescent="0.25">
      <c r="A68" t="s">
        <v>73</v>
      </c>
      <c r="B68">
        <v>243.86199951171901</v>
      </c>
      <c r="C68">
        <v>639.00050149508797</v>
      </c>
      <c r="D68">
        <v>111.700790405273</v>
      </c>
      <c r="E68">
        <v>19153.084605932199</v>
      </c>
      <c r="F68">
        <v>66.915977478027301</v>
      </c>
      <c r="G68">
        <v>1.6692693233489999</v>
      </c>
    </row>
    <row r="69" spans="1:7" x14ac:dyDescent="0.25">
      <c r="A69" t="s">
        <v>74</v>
      </c>
      <c r="B69">
        <v>247.46200561523401</v>
      </c>
      <c r="C69">
        <v>648.54280376152803</v>
      </c>
      <c r="D69">
        <v>115.299942016602</v>
      </c>
      <c r="E69">
        <v>19770.223647356001</v>
      </c>
      <c r="F69">
        <v>67.915245056152301</v>
      </c>
      <c r="G69">
        <v>1.69770336151123</v>
      </c>
    </row>
    <row r="70" spans="1:7" x14ac:dyDescent="0.25">
      <c r="A70" t="s">
        <v>75</v>
      </c>
      <c r="B70">
        <v>251.06199645996099</v>
      </c>
      <c r="C70">
        <v>658.09159015408102</v>
      </c>
      <c r="D70">
        <v>115.73583984375</v>
      </c>
      <c r="E70">
        <v>19844.966009259198</v>
      </c>
      <c r="F70">
        <v>68.915191650390597</v>
      </c>
      <c r="G70">
        <v>1.6793951988220199</v>
      </c>
    </row>
    <row r="71" spans="1:7" x14ac:dyDescent="0.25">
      <c r="A71" t="s">
        <v>76</v>
      </c>
      <c r="B71">
        <v>254.66200256347699</v>
      </c>
      <c r="C71">
        <v>667.64212507502396</v>
      </c>
      <c r="D71">
        <v>119.69687652587901</v>
      </c>
      <c r="E71">
        <v>20524.1553485394</v>
      </c>
      <c r="F71">
        <v>69.915321350097699</v>
      </c>
      <c r="G71">
        <v>1.7120263576507599</v>
      </c>
    </row>
    <row r="72" spans="1:7" x14ac:dyDescent="0.25">
      <c r="A72" t="s">
        <v>77</v>
      </c>
      <c r="B72">
        <v>258.26199340820301</v>
      </c>
      <c r="C72">
        <v>677.18486447356202</v>
      </c>
      <c r="D72">
        <v>121.33798217773401</v>
      </c>
      <c r="E72">
        <v>20805.552601814299</v>
      </c>
      <c r="F72">
        <v>70.914634704589801</v>
      </c>
      <c r="G72">
        <v>1.71104288101196</v>
      </c>
    </row>
    <row r="73" spans="1:7" x14ac:dyDescent="0.25">
      <c r="A73" t="s">
        <v>78</v>
      </c>
      <c r="B73">
        <v>261.86199951171898</v>
      </c>
      <c r="C73">
        <v>686.733650866115</v>
      </c>
      <c r="D73">
        <v>123.73900604248</v>
      </c>
      <c r="E73">
        <v>21217.251196503599</v>
      </c>
      <c r="F73">
        <v>71.914581298828097</v>
      </c>
      <c r="G73">
        <v>1.7206386327743499</v>
      </c>
    </row>
    <row r="74" spans="1:7" x14ac:dyDescent="0.25">
      <c r="A74" t="s">
        <v>79</v>
      </c>
      <c r="B74">
        <v>265.46200561523398</v>
      </c>
      <c r="C74">
        <v>696.27945018933497</v>
      </c>
      <c r="D74">
        <v>125.54776763916</v>
      </c>
      <c r="E74">
        <v>21527.394652366602</v>
      </c>
      <c r="F74">
        <v>72.914215087890597</v>
      </c>
      <c r="G74">
        <v>1.7218558788299601</v>
      </c>
    </row>
    <row r="75" spans="1:7" x14ac:dyDescent="0.25">
      <c r="A75" t="s">
        <v>80</v>
      </c>
      <c r="B75">
        <v>269.06201171875</v>
      </c>
      <c r="C75">
        <v>705.82874656933495</v>
      </c>
      <c r="D75">
        <v>129.434814453125</v>
      </c>
      <c r="E75">
        <v>22193.8993781805</v>
      </c>
      <c r="F75">
        <v>73.914215087890597</v>
      </c>
      <c r="G75">
        <v>1.75114917755127</v>
      </c>
    </row>
    <row r="76" spans="1:7" x14ac:dyDescent="0.25">
      <c r="A76" t="s">
        <v>81</v>
      </c>
      <c r="B76">
        <v>272.66198730468801</v>
      </c>
      <c r="C76">
        <v>715.37061170367804</v>
      </c>
      <c r="D76">
        <v>132.65040588378901</v>
      </c>
      <c r="E76">
        <v>22745.268419385</v>
      </c>
      <c r="F76">
        <v>74.913436889648395</v>
      </c>
      <c r="G76">
        <v>1.7707158327102701</v>
      </c>
    </row>
    <row r="77" spans="1:7" x14ac:dyDescent="0.25">
      <c r="A77" t="s">
        <v>82</v>
      </c>
      <c r="B77">
        <v>276.26199340820301</v>
      </c>
      <c r="C77">
        <v>724.91837812133701</v>
      </c>
      <c r="D77">
        <v>137.63204956054699</v>
      </c>
      <c r="E77">
        <v>23599.458858370799</v>
      </c>
      <c r="F77">
        <v>75.913276672363295</v>
      </c>
      <c r="G77">
        <v>1.81301689147949</v>
      </c>
    </row>
    <row r="78" spans="1:7" x14ac:dyDescent="0.25">
      <c r="A78" t="s">
        <v>83</v>
      </c>
      <c r="B78">
        <v>279.86199951171898</v>
      </c>
      <c r="C78">
        <v>734.46570740689799</v>
      </c>
      <c r="D78">
        <v>139.76266479492199</v>
      </c>
      <c r="E78">
        <v>23964.7924900055</v>
      </c>
      <c r="F78">
        <v>76.913070678710895</v>
      </c>
      <c r="G78">
        <v>1.81715106964111</v>
      </c>
    </row>
    <row r="79" spans="1:7" x14ac:dyDescent="0.25">
      <c r="A79" t="s">
        <v>84</v>
      </c>
      <c r="B79">
        <v>283.46200561523398</v>
      </c>
      <c r="C79">
        <v>744.01646089388998</v>
      </c>
      <c r="D79">
        <v>141.37864685058599</v>
      </c>
      <c r="E79">
        <v>24241.879582405101</v>
      </c>
      <c r="F79">
        <v>77.913223266601605</v>
      </c>
      <c r="G79">
        <v>1.8145655393600499</v>
      </c>
    </row>
    <row r="80" spans="1:7" x14ac:dyDescent="0.25">
      <c r="A80" t="s">
        <v>85</v>
      </c>
      <c r="B80">
        <v>287.06201171875</v>
      </c>
      <c r="C80">
        <v>753.55898172637899</v>
      </c>
      <c r="D80">
        <v>142.536544799805</v>
      </c>
      <c r="E80">
        <v>24440.422654151898</v>
      </c>
      <c r="F80">
        <v>78.912513732910199</v>
      </c>
      <c r="G80">
        <v>1.8062603473663299</v>
      </c>
    </row>
    <row r="81" spans="1:7" x14ac:dyDescent="0.25">
      <c r="A81" t="s">
        <v>86</v>
      </c>
      <c r="B81">
        <v>290.66198730468801</v>
      </c>
      <c r="C81">
        <v>763.10980806871999</v>
      </c>
      <c r="D81">
        <v>146.40127563476599</v>
      </c>
      <c r="E81">
        <v>25103.099644184102</v>
      </c>
      <c r="F81">
        <v>79.912673950195298</v>
      </c>
      <c r="G81">
        <v>1.83201575279236</v>
      </c>
    </row>
    <row r="82" spans="1:7" x14ac:dyDescent="0.25">
      <c r="A82" t="s">
        <v>87</v>
      </c>
      <c r="B82">
        <v>294.26199340820301</v>
      </c>
      <c r="C82">
        <v>772.65568024728998</v>
      </c>
      <c r="D82">
        <v>147.92991638183599</v>
      </c>
      <c r="E82">
        <v>25365.212932228998</v>
      </c>
      <c r="F82">
        <v>80.912315368652301</v>
      </c>
      <c r="G82">
        <v>1.82827436923981</v>
      </c>
    </row>
    <row r="83" spans="1:7" x14ac:dyDescent="0.25">
      <c r="A83" t="s">
        <v>88</v>
      </c>
      <c r="B83">
        <v>297.86199951171898</v>
      </c>
      <c r="C83">
        <v>782.20257240075398</v>
      </c>
      <c r="D83">
        <v>151.28936767578099</v>
      </c>
      <c r="E83">
        <v>25941.2489831448</v>
      </c>
      <c r="F83">
        <v>81.912063598632798</v>
      </c>
      <c r="G83">
        <v>1.84697294235229</v>
      </c>
    </row>
    <row r="84" spans="1:7" x14ac:dyDescent="0.25">
      <c r="A84" t="s">
        <v>89</v>
      </c>
      <c r="B84">
        <v>301.46200561523398</v>
      </c>
      <c r="C84">
        <v>791.74888171142095</v>
      </c>
      <c r="D84">
        <v>154.148193359375</v>
      </c>
      <c r="E84">
        <v>26431.445032358199</v>
      </c>
      <c r="F84">
        <v>82.911750793457003</v>
      </c>
      <c r="G84">
        <v>1.8591839075088501</v>
      </c>
    </row>
    <row r="85" spans="1:7" x14ac:dyDescent="0.25">
      <c r="A85" t="s">
        <v>90</v>
      </c>
      <c r="B85">
        <v>305.06201171875</v>
      </c>
      <c r="C85">
        <v>801.28877975132605</v>
      </c>
      <c r="D85">
        <v>159.82939147949199</v>
      </c>
      <c r="E85">
        <v>27405.5879563093</v>
      </c>
      <c r="F85">
        <v>83.9107666015625</v>
      </c>
      <c r="G85">
        <v>1.9047542810440099</v>
      </c>
    </row>
    <row r="86" spans="1:7" x14ac:dyDescent="0.25">
      <c r="A86" t="s">
        <v>91</v>
      </c>
      <c r="B86">
        <v>308.66198730468801</v>
      </c>
      <c r="C86">
        <v>810.83625474758605</v>
      </c>
      <c r="D86">
        <v>159.80166625976599</v>
      </c>
      <c r="E86">
        <v>27400.834485888499</v>
      </c>
      <c r="F86">
        <v>84.910575866699205</v>
      </c>
      <c r="G86">
        <v>1.8819996118545499</v>
      </c>
    </row>
    <row r="87" spans="1:7" x14ac:dyDescent="0.25">
      <c r="A87" t="s">
        <v>92</v>
      </c>
      <c r="B87">
        <v>312.26199340820301</v>
      </c>
      <c r="C87">
        <v>820.38729965597599</v>
      </c>
      <c r="D87">
        <v>163.372970581055</v>
      </c>
      <c r="E87">
        <v>28013.197705149702</v>
      </c>
      <c r="F87">
        <v>85.910758972167997</v>
      </c>
      <c r="G87">
        <v>1.9016590118408201</v>
      </c>
    </row>
    <row r="88" spans="1:7" x14ac:dyDescent="0.25">
      <c r="A88" t="s">
        <v>93</v>
      </c>
      <c r="B88">
        <v>315.86199951171898</v>
      </c>
      <c r="C88">
        <v>829.94235160859296</v>
      </c>
      <c r="D88">
        <v>167.907638549805</v>
      </c>
      <c r="E88">
        <v>28790.7477468252</v>
      </c>
      <c r="F88">
        <v>86.911361694335895</v>
      </c>
      <c r="G88">
        <v>1.93194115161896</v>
      </c>
    </row>
    <row r="89" spans="1:7" x14ac:dyDescent="0.25">
      <c r="A89" t="s">
        <v>94</v>
      </c>
      <c r="B89">
        <v>319.46200561523398</v>
      </c>
      <c r="C89">
        <v>839.48050112010696</v>
      </c>
      <c r="D89">
        <v>169.96200561523401</v>
      </c>
      <c r="E89">
        <v>29143.0056095123</v>
      </c>
      <c r="F89">
        <v>87.910194396972699</v>
      </c>
      <c r="G89">
        <v>1.9333595037460301</v>
      </c>
    </row>
    <row r="90" spans="1:7" x14ac:dyDescent="0.25">
      <c r="A90" t="s">
        <v>95</v>
      </c>
      <c r="B90">
        <v>323.06100463867199</v>
      </c>
      <c r="C90">
        <v>849.02819468241603</v>
      </c>
      <c r="D90">
        <v>173.50094604492199</v>
      </c>
      <c r="E90">
        <v>29749.818146228801</v>
      </c>
      <c r="F90">
        <v>88.910026550292997</v>
      </c>
      <c r="G90">
        <v>1.95142161846161</v>
      </c>
    </row>
    <row r="91" spans="1:7" x14ac:dyDescent="0.25">
      <c r="A91" t="s">
        <v>96</v>
      </c>
      <c r="B91">
        <v>326.66101074218801</v>
      </c>
      <c r="C91">
        <v>858.58091526384703</v>
      </c>
      <c r="D91">
        <v>177.80270385742199</v>
      </c>
      <c r="E91">
        <v>30487.433075904799</v>
      </c>
      <c r="F91">
        <v>89.910385131835895</v>
      </c>
      <c r="G91">
        <v>1.97755467891693</v>
      </c>
    </row>
    <row r="92" spans="1:7" x14ac:dyDescent="0.25">
      <c r="A92" t="s">
        <v>97</v>
      </c>
      <c r="B92">
        <v>330.260986328125</v>
      </c>
      <c r="C92">
        <v>868.12919166895301</v>
      </c>
      <c r="D92">
        <v>183.99586486816401</v>
      </c>
      <c r="E92">
        <v>31549.360603094101</v>
      </c>
      <c r="F92">
        <v>90.9102783203125</v>
      </c>
      <c r="G92">
        <v>2.0239281654357901</v>
      </c>
    </row>
    <row r="93" spans="1:7" x14ac:dyDescent="0.25">
      <c r="A93" t="s">
        <v>98</v>
      </c>
      <c r="B93">
        <v>333.86099243164102</v>
      </c>
      <c r="C93">
        <v>877.67032824980004</v>
      </c>
      <c r="D93">
        <v>184.02041625976599</v>
      </c>
      <c r="E93">
        <v>31553.570181131399</v>
      </c>
      <c r="F93">
        <v>91.909423828125</v>
      </c>
      <c r="G93">
        <v>2.0021932125091602</v>
      </c>
    </row>
    <row r="94" spans="1:7" x14ac:dyDescent="0.25">
      <c r="A94" t="s">
        <v>99</v>
      </c>
      <c r="B94">
        <v>337.46099853515602</v>
      </c>
      <c r="C94">
        <v>887.21882322095405</v>
      </c>
      <c r="D94">
        <v>187.30038452148401</v>
      </c>
      <c r="E94">
        <v>32115.977257490202</v>
      </c>
      <c r="F94">
        <v>92.909339904785199</v>
      </c>
      <c r="G94">
        <v>2.0159478187561</v>
      </c>
    </row>
    <row r="95" spans="1:7" x14ac:dyDescent="0.25">
      <c r="A95" t="s">
        <v>100</v>
      </c>
      <c r="B95">
        <v>341.06100463867199</v>
      </c>
      <c r="C95">
        <v>896.76513253162204</v>
      </c>
      <c r="D95">
        <v>190.78073120117199</v>
      </c>
      <c r="E95">
        <v>32712.746411561999</v>
      </c>
      <c r="F95">
        <v>93.909027099609403</v>
      </c>
      <c r="G95">
        <v>2.0315482616424601</v>
      </c>
    </row>
    <row r="96" spans="1:7" x14ac:dyDescent="0.25">
      <c r="A96" t="s">
        <v>101</v>
      </c>
      <c r="B96">
        <v>344.66101074218801</v>
      </c>
      <c r="C96">
        <v>906.31901879864495</v>
      </c>
      <c r="D96">
        <v>193.07833862304699</v>
      </c>
      <c r="E96">
        <v>33106.7107617855</v>
      </c>
      <c r="F96">
        <v>94.909507751464801</v>
      </c>
      <c r="G96">
        <v>2.03434133529663</v>
      </c>
    </row>
    <row r="97" spans="1:7" x14ac:dyDescent="0.25">
      <c r="A97" t="s">
        <v>102</v>
      </c>
      <c r="B97">
        <v>348.260986328125</v>
      </c>
      <c r="C97">
        <v>915.84179583139803</v>
      </c>
      <c r="D97">
        <v>199.23773193359401</v>
      </c>
      <c r="E97">
        <v>34162.849187851003</v>
      </c>
      <c r="F97">
        <v>95.906730651855497</v>
      </c>
      <c r="G97">
        <v>2.0774114131927499</v>
      </c>
    </row>
    <row r="98" spans="1:7" x14ac:dyDescent="0.25">
      <c r="A98" t="s">
        <v>103</v>
      </c>
      <c r="B98">
        <v>351.86099243164102</v>
      </c>
      <c r="C98">
        <v>925.42001578518102</v>
      </c>
      <c r="D98">
        <v>200.41958618164099</v>
      </c>
      <c r="E98">
        <v>34365.497529506698</v>
      </c>
      <c r="F98">
        <v>96.909759521484403</v>
      </c>
      <c r="G98">
        <v>2.06810522079468</v>
      </c>
    </row>
    <row r="99" spans="1:7" x14ac:dyDescent="0.25">
      <c r="A99" t="s">
        <v>104</v>
      </c>
      <c r="B99">
        <v>355.46099853515602</v>
      </c>
      <c r="C99">
        <v>934.95277400082705</v>
      </c>
      <c r="D99">
        <v>202.529296875</v>
      </c>
      <c r="E99">
        <v>34727.245569229097</v>
      </c>
      <c r="F99">
        <v>97.908027648925795</v>
      </c>
      <c r="G99">
        <v>2.0685667991638201</v>
      </c>
    </row>
    <row r="100" spans="1:7" x14ac:dyDescent="0.25">
      <c r="A100" t="s">
        <v>105</v>
      </c>
      <c r="B100">
        <v>359.06100463867199</v>
      </c>
      <c r="C100">
        <v>944.505348871558</v>
      </c>
      <c r="D100">
        <v>205.47146606445301</v>
      </c>
      <c r="E100">
        <v>35231.731832027399</v>
      </c>
      <c r="F100">
        <v>98.908370971679702</v>
      </c>
      <c r="G100">
        <v>2.07739210128784</v>
      </c>
    </row>
    <row r="101" spans="1:7" x14ac:dyDescent="0.25">
      <c r="A101" t="s">
        <v>106</v>
      </c>
      <c r="B101">
        <v>362.66101074218801</v>
      </c>
      <c r="C101">
        <v>954.04590260960799</v>
      </c>
      <c r="D101">
        <v>210.84846496582</v>
      </c>
      <c r="E101">
        <v>36153.715103864699</v>
      </c>
      <c r="F101">
        <v>99.907455444335895</v>
      </c>
      <c r="G101">
        <v>2.1104376316070601</v>
      </c>
    </row>
    <row r="102" spans="1:7" x14ac:dyDescent="0.25">
      <c r="A102" t="s">
        <v>107</v>
      </c>
      <c r="B102">
        <v>363.80099487304699</v>
      </c>
      <c r="C102">
        <v>954.93830778660003</v>
      </c>
      <c r="D102">
        <v>209.32884216308599</v>
      </c>
      <c r="E102">
        <v>35893.149673938802</v>
      </c>
      <c r="F102">
        <v>100.00090789794901</v>
      </c>
      <c r="G102">
        <v>2.0932693481445299</v>
      </c>
    </row>
    <row r="103" spans="1:7" x14ac:dyDescent="0.25">
      <c r="A103" t="s">
        <v>108</v>
      </c>
      <c r="B103">
        <v>364.79098510742199</v>
      </c>
      <c r="C103">
        <v>954.92599523252102</v>
      </c>
      <c r="D103">
        <v>211.39767456054699</v>
      </c>
      <c r="E103">
        <v>36247.886717319503</v>
      </c>
      <c r="F103">
        <v>99.999618530273395</v>
      </c>
      <c r="G103">
        <v>2.11398482322693</v>
      </c>
    </row>
    <row r="104" spans="1:7" x14ac:dyDescent="0.25">
      <c r="A104" t="s">
        <v>109</v>
      </c>
      <c r="B104">
        <v>365.79098510742199</v>
      </c>
      <c r="C104">
        <v>954.92096821339999</v>
      </c>
      <c r="D104">
        <v>209.446533203125</v>
      </c>
      <c r="E104">
        <v>35913.329571485498</v>
      </c>
      <c r="F104">
        <v>99.999092102050795</v>
      </c>
      <c r="G104">
        <v>2.0944843292236301</v>
      </c>
    </row>
    <row r="105" spans="1:7" x14ac:dyDescent="0.25">
      <c r="A105" t="s">
        <v>110</v>
      </c>
      <c r="B105">
        <v>366.79098510742199</v>
      </c>
      <c r="C105">
        <v>954.923518150635</v>
      </c>
      <c r="D105">
        <v>210.110763549805</v>
      </c>
      <c r="E105">
        <v>36027.222871780403</v>
      </c>
      <c r="F105">
        <v>99.999359130859403</v>
      </c>
      <c r="G105">
        <v>2.1011211872100799</v>
      </c>
    </row>
    <row r="106" spans="1:7" x14ac:dyDescent="0.25">
      <c r="A106" t="s">
        <v>111</v>
      </c>
      <c r="B106">
        <v>367.79098510742199</v>
      </c>
      <c r="C106">
        <v>954.93502929586896</v>
      </c>
      <c r="D106">
        <v>211.33888244628901</v>
      </c>
      <c r="E106">
        <v>36237.806081771902</v>
      </c>
      <c r="F106">
        <v>100.000564575195</v>
      </c>
      <c r="G106">
        <v>2.1133768558502202</v>
      </c>
    </row>
    <row r="107" spans="1:7" x14ac:dyDescent="0.25">
      <c r="A107" t="s">
        <v>112</v>
      </c>
      <c r="B107">
        <v>368.79098510742199</v>
      </c>
      <c r="C107">
        <v>954.928399459057</v>
      </c>
      <c r="D107">
        <v>209.90629577636699</v>
      </c>
      <c r="E107">
        <v>35992.1641647816</v>
      </c>
      <c r="F107">
        <v>99.999870300292997</v>
      </c>
      <c r="G107">
        <v>2.0990657806396502</v>
      </c>
    </row>
    <row r="108" spans="1:7" x14ac:dyDescent="0.25">
      <c r="A108" t="s">
        <v>113</v>
      </c>
      <c r="B108">
        <v>369.79098510742199</v>
      </c>
      <c r="C108">
        <v>954.92949228930104</v>
      </c>
      <c r="D108">
        <v>210.3388671875</v>
      </c>
      <c r="E108">
        <v>36066.334694623903</v>
      </c>
      <c r="F108">
        <v>99.999984741210895</v>
      </c>
      <c r="G108">
        <v>2.1033890247345002</v>
      </c>
    </row>
    <row r="109" spans="1:7" x14ac:dyDescent="0.25">
      <c r="A109" t="s">
        <v>114</v>
      </c>
      <c r="B109">
        <v>370.79098510742199</v>
      </c>
      <c r="C109">
        <v>954.92329958458697</v>
      </c>
      <c r="D109">
        <v>212.45928955078099</v>
      </c>
      <c r="E109">
        <v>36429.919302463502</v>
      </c>
      <c r="F109">
        <v>99.999336242675795</v>
      </c>
      <c r="G109">
        <v>2.1246070861816402</v>
      </c>
    </row>
    <row r="110" spans="1:7" x14ac:dyDescent="0.25">
      <c r="A110" t="s">
        <v>115</v>
      </c>
      <c r="B110">
        <v>371.79098510742199</v>
      </c>
      <c r="C110">
        <v>954.93022084279698</v>
      </c>
      <c r="D110">
        <v>211.41293334960901</v>
      </c>
      <c r="E110">
        <v>36250.501871109002</v>
      </c>
      <c r="F110">
        <v>100.00006103515599</v>
      </c>
      <c r="G110">
        <v>2.1141281127929701</v>
      </c>
    </row>
    <row r="111" spans="1:7" x14ac:dyDescent="0.25">
      <c r="A111" t="s">
        <v>116</v>
      </c>
      <c r="B111">
        <v>372.79098510742199</v>
      </c>
      <c r="C111">
        <v>954.93466501912098</v>
      </c>
      <c r="D111">
        <v>211.22384643554699</v>
      </c>
      <c r="E111">
        <v>36218.080669641502</v>
      </c>
      <c r="F111">
        <v>100.000526428223</v>
      </c>
      <c r="G111">
        <v>2.1122274398803702</v>
      </c>
    </row>
    <row r="112" spans="1:7" x14ac:dyDescent="0.25">
      <c r="A112" t="s">
        <v>117</v>
      </c>
      <c r="B112">
        <v>373.79098510742199</v>
      </c>
      <c r="C112">
        <v>954.93153223908905</v>
      </c>
      <c r="D112">
        <v>207.98748779296901</v>
      </c>
      <c r="E112">
        <v>35663.150250911698</v>
      </c>
      <c r="F112">
        <v>100.000198364258</v>
      </c>
      <c r="G112">
        <v>2.0798707008361799</v>
      </c>
    </row>
    <row r="113" spans="1:7" x14ac:dyDescent="0.25">
      <c r="A113" t="s">
        <v>118</v>
      </c>
      <c r="B113">
        <v>374.79098510742199</v>
      </c>
      <c r="C113">
        <v>954.92956514465004</v>
      </c>
      <c r="D113">
        <v>208.90750122070301</v>
      </c>
      <c r="E113">
        <v>35820.901393890403</v>
      </c>
      <c r="F113">
        <v>99.999992370605497</v>
      </c>
      <c r="G113">
        <v>2.0890750885009801</v>
      </c>
    </row>
    <row r="114" spans="1:7" x14ac:dyDescent="0.25">
      <c r="A114" t="s">
        <v>119</v>
      </c>
      <c r="B114">
        <v>375.79098510742199</v>
      </c>
      <c r="C114">
        <v>954.91994823850598</v>
      </c>
      <c r="D114">
        <v>208.677658081055</v>
      </c>
      <c r="E114">
        <v>35781.491547823003</v>
      </c>
      <c r="F114">
        <v>99.998985290527301</v>
      </c>
      <c r="G114">
        <v>2.0867977142334002</v>
      </c>
    </row>
    <row r="115" spans="1:7" x14ac:dyDescent="0.25">
      <c r="A115" t="s">
        <v>120</v>
      </c>
      <c r="B115">
        <v>376.79098510742199</v>
      </c>
      <c r="C115">
        <v>954.92570381112296</v>
      </c>
      <c r="D115">
        <v>209.44638061523401</v>
      </c>
      <c r="E115">
        <v>35913.303494453401</v>
      </c>
      <c r="F115">
        <v>99.999588012695298</v>
      </c>
      <c r="G115">
        <v>2.09447240829468</v>
      </c>
    </row>
    <row r="116" spans="1:7" x14ac:dyDescent="0.25">
      <c r="A116" t="s">
        <v>121</v>
      </c>
      <c r="B116">
        <v>377.79098510742199</v>
      </c>
      <c r="C116">
        <v>954.93590356006405</v>
      </c>
      <c r="D116">
        <v>209.05064392089801</v>
      </c>
      <c r="E116">
        <v>35845.447331666903</v>
      </c>
      <c r="F116">
        <v>100.00065612793</v>
      </c>
      <c r="G116">
        <v>2.09049272537231</v>
      </c>
    </row>
    <row r="117" spans="1:7" x14ac:dyDescent="0.25">
      <c r="A117" t="s">
        <v>122</v>
      </c>
      <c r="B117">
        <v>378.79098510742199</v>
      </c>
      <c r="C117">
        <v>954.93634069216102</v>
      </c>
      <c r="D117">
        <v>208.99911499023401</v>
      </c>
      <c r="E117">
        <v>35836.610943079002</v>
      </c>
      <c r="F117">
        <v>100.000701904297</v>
      </c>
      <c r="G117">
        <v>2.08997654914856</v>
      </c>
    </row>
    <row r="118" spans="1:7" x14ac:dyDescent="0.25">
      <c r="A118" t="s">
        <v>123</v>
      </c>
      <c r="B118">
        <v>379.79098510742199</v>
      </c>
      <c r="C118">
        <v>954.92869088045495</v>
      </c>
      <c r="D118">
        <v>208.75494384765599</v>
      </c>
      <c r="E118">
        <v>35794.742405414603</v>
      </c>
      <c r="F118">
        <v>99.999900817871094</v>
      </c>
      <c r="G118">
        <v>2.0875515937805198</v>
      </c>
    </row>
    <row r="119" spans="1:7" x14ac:dyDescent="0.25">
      <c r="A119" t="s">
        <v>124</v>
      </c>
      <c r="B119">
        <v>380.79098510742199</v>
      </c>
      <c r="C119">
        <v>954.93298934608094</v>
      </c>
      <c r="D119">
        <v>208.83979797363301</v>
      </c>
      <c r="E119">
        <v>35809.293389320403</v>
      </c>
      <c r="F119">
        <v>100.000350952148</v>
      </c>
      <c r="G119">
        <v>2.08839058876038</v>
      </c>
    </row>
    <row r="120" spans="1:7" x14ac:dyDescent="0.25">
      <c r="A120" t="s">
        <v>125</v>
      </c>
      <c r="B120">
        <v>381.79098510742199</v>
      </c>
      <c r="C120">
        <v>954.92541238972399</v>
      </c>
      <c r="D120">
        <v>209.13368225097699</v>
      </c>
      <c r="E120">
        <v>35859.685391187697</v>
      </c>
      <c r="F120">
        <v>99.999557495117202</v>
      </c>
      <c r="G120">
        <v>2.0913460254669198</v>
      </c>
    </row>
    <row r="121" spans="1:7" x14ac:dyDescent="0.25">
      <c r="A121" t="s">
        <v>126</v>
      </c>
      <c r="B121">
        <v>382.79098510742199</v>
      </c>
      <c r="C121">
        <v>954.92417384878104</v>
      </c>
      <c r="D121">
        <v>208.62571716308599</v>
      </c>
      <c r="E121">
        <v>35772.584378719301</v>
      </c>
      <c r="F121">
        <v>99.999427795410199</v>
      </c>
      <c r="G121">
        <v>2.0862691402435298</v>
      </c>
    </row>
    <row r="122" spans="1:7" x14ac:dyDescent="0.25">
      <c r="A122" t="s">
        <v>127</v>
      </c>
      <c r="B122">
        <v>383.79098510742199</v>
      </c>
      <c r="C122">
        <v>954.93116796234096</v>
      </c>
      <c r="D122">
        <v>207.67085266113301</v>
      </c>
      <c r="E122">
        <v>35608.8578701019</v>
      </c>
      <c r="F122">
        <v>100.000160217285</v>
      </c>
      <c r="G122">
        <v>2.0767052173614502</v>
      </c>
    </row>
    <row r="123" spans="1:7" x14ac:dyDescent="0.25">
      <c r="A123" t="s">
        <v>128</v>
      </c>
      <c r="B123">
        <v>384.79098510742199</v>
      </c>
      <c r="C123">
        <v>954.93138652839002</v>
      </c>
      <c r="D123">
        <v>209.46778869628901</v>
      </c>
      <c r="E123">
        <v>35916.972905397401</v>
      </c>
      <c r="F123">
        <v>100.00018310546901</v>
      </c>
      <c r="G123">
        <v>2.0946741104125999</v>
      </c>
    </row>
    <row r="124" spans="1:7" x14ac:dyDescent="0.25">
      <c r="A124" t="s">
        <v>129</v>
      </c>
      <c r="B124">
        <v>385.79098510742199</v>
      </c>
      <c r="C124">
        <v>954.95914441657897</v>
      </c>
      <c r="D124">
        <v>213.86634826660199</v>
      </c>
      <c r="E124">
        <v>36671.184003353097</v>
      </c>
      <c r="F124">
        <v>100.003089904785</v>
      </c>
      <c r="G124">
        <v>2.1385974884033199</v>
      </c>
    </row>
    <row r="125" spans="1:7" x14ac:dyDescent="0.25">
      <c r="A125" t="s">
        <v>130</v>
      </c>
      <c r="B125">
        <v>386.79098510742199</v>
      </c>
      <c r="C125">
        <v>954.92978371069898</v>
      </c>
      <c r="D125">
        <v>204.96922302246099</v>
      </c>
      <c r="E125">
        <v>35145.614296197899</v>
      </c>
      <c r="F125">
        <v>100.00001525878901</v>
      </c>
      <c r="G125">
        <v>2.0496919155120898</v>
      </c>
    </row>
    <row r="126" spans="1:7" x14ac:dyDescent="0.25">
      <c r="A126" t="s">
        <v>131</v>
      </c>
      <c r="B126">
        <v>387.79098510742199</v>
      </c>
      <c r="C126">
        <v>954.92949228930104</v>
      </c>
      <c r="D126">
        <v>203.18745422363301</v>
      </c>
      <c r="E126">
        <v>34840.099513530702</v>
      </c>
      <c r="F126">
        <v>99.999984741210895</v>
      </c>
      <c r="G126">
        <v>2.0318748950958301</v>
      </c>
    </row>
    <row r="127" spans="1:7" x14ac:dyDescent="0.25">
      <c r="A127" t="s">
        <v>132</v>
      </c>
      <c r="B127">
        <v>388.79098510742199</v>
      </c>
      <c r="C127">
        <v>954.94085772383505</v>
      </c>
      <c r="D127">
        <v>203.76972961425801</v>
      </c>
      <c r="E127">
        <v>34939.941018819802</v>
      </c>
      <c r="F127">
        <v>100.001174926758</v>
      </c>
      <c r="G127">
        <v>2.0376734733581499</v>
      </c>
    </row>
    <row r="128" spans="1:7" x14ac:dyDescent="0.25">
      <c r="A128" t="s">
        <v>133</v>
      </c>
      <c r="B128">
        <v>389.79098510742199</v>
      </c>
      <c r="C128">
        <v>954.92905515720304</v>
      </c>
      <c r="D128">
        <v>202.41305541992199</v>
      </c>
      <c r="E128">
        <v>34707.315266132398</v>
      </c>
      <c r="F128">
        <v>99.999938964843807</v>
      </c>
      <c r="G128">
        <v>2.0241317749023402</v>
      </c>
    </row>
    <row r="129" spans="1:7" x14ac:dyDescent="0.25">
      <c r="A129" t="s">
        <v>134</v>
      </c>
      <c r="B129">
        <v>390.79098510742199</v>
      </c>
      <c r="C129">
        <v>954.92825374835797</v>
      </c>
      <c r="D129">
        <v>203.29617309570301</v>
      </c>
      <c r="E129">
        <v>34858.740866184198</v>
      </c>
      <c r="F129">
        <v>99.999855041503906</v>
      </c>
      <c r="G129">
        <v>2.0329647064209002</v>
      </c>
    </row>
    <row r="130" spans="1:7" x14ac:dyDescent="0.25">
      <c r="A130" t="s">
        <v>135</v>
      </c>
      <c r="B130">
        <v>391.79098510742199</v>
      </c>
      <c r="C130">
        <v>954.92869088045495</v>
      </c>
      <c r="D130">
        <v>203.49273681640599</v>
      </c>
      <c r="E130">
        <v>34892.443567514398</v>
      </c>
      <c r="F130">
        <v>99.999900817871094</v>
      </c>
      <c r="G130">
        <v>2.0349292755127002</v>
      </c>
    </row>
    <row r="131" spans="1:7" x14ac:dyDescent="0.25">
      <c r="A131" t="s">
        <v>136</v>
      </c>
      <c r="B131">
        <v>392.79098510742199</v>
      </c>
      <c r="C131">
        <v>954.93451930842195</v>
      </c>
      <c r="D131">
        <v>203.50704956054699</v>
      </c>
      <c r="E131">
        <v>34894.898533821099</v>
      </c>
      <c r="F131">
        <v>100.00051116943401</v>
      </c>
      <c r="G131">
        <v>2.0350601673126198</v>
      </c>
    </row>
    <row r="132" spans="1:7" x14ac:dyDescent="0.25">
      <c r="A132" t="s">
        <v>137</v>
      </c>
      <c r="B132">
        <v>396.46099853515602</v>
      </c>
      <c r="C132">
        <v>946.08579996997196</v>
      </c>
      <c r="D132">
        <v>199.87467956543</v>
      </c>
      <c r="E132">
        <v>34272.063523530996</v>
      </c>
      <c r="F132">
        <v>99.073875427246094</v>
      </c>
      <c r="G132">
        <v>2.0174307823181201</v>
      </c>
    </row>
    <row r="133" spans="1:7" x14ac:dyDescent="0.25">
      <c r="A133" t="s">
        <v>138</v>
      </c>
      <c r="B133">
        <v>400.06100463867199</v>
      </c>
      <c r="C133">
        <v>936.54174917514194</v>
      </c>
      <c r="D133">
        <v>196.10296630859401</v>
      </c>
      <c r="E133">
        <v>33625.3382265568</v>
      </c>
      <c r="F133">
        <v>98.074424743652301</v>
      </c>
      <c r="G133">
        <v>1.9995321035385101</v>
      </c>
    </row>
    <row r="134" spans="1:7" x14ac:dyDescent="0.25">
      <c r="A134" t="s">
        <v>139</v>
      </c>
      <c r="B134">
        <v>403.66101074218801</v>
      </c>
      <c r="C134">
        <v>926.99704268216499</v>
      </c>
      <c r="D134">
        <v>192.85157775878901</v>
      </c>
      <c r="E134">
        <v>33067.829906940497</v>
      </c>
      <c r="F134">
        <v>97.074905395507798</v>
      </c>
      <c r="G134">
        <v>1.98662650585175</v>
      </c>
    </row>
    <row r="135" spans="1:7" x14ac:dyDescent="0.25">
      <c r="A135" t="s">
        <v>140</v>
      </c>
      <c r="B135">
        <v>407.27099609375</v>
      </c>
      <c r="C135">
        <v>917.42304833865796</v>
      </c>
      <c r="D135">
        <v>186.21745300293</v>
      </c>
      <c r="E135">
        <v>31930.290162563299</v>
      </c>
      <c r="F135">
        <v>96.072319030761705</v>
      </c>
      <c r="G135">
        <v>1.93830502033234</v>
      </c>
    </row>
    <row r="136" spans="1:7" x14ac:dyDescent="0.25">
      <c r="A136" t="s">
        <v>141</v>
      </c>
      <c r="B136">
        <v>410.86099243164102</v>
      </c>
      <c r="C136">
        <v>907.89517143143405</v>
      </c>
      <c r="D136">
        <v>184.91394042968801</v>
      </c>
      <c r="E136">
        <v>31706.780195236199</v>
      </c>
      <c r="F136">
        <v>95.074562072753906</v>
      </c>
      <c r="G136">
        <v>1.9449360370636</v>
      </c>
    </row>
    <row r="137" spans="1:7" x14ac:dyDescent="0.25">
      <c r="A137" t="s">
        <v>142</v>
      </c>
      <c r="B137">
        <v>414.46099853515602</v>
      </c>
      <c r="C137">
        <v>898.353961995237</v>
      </c>
      <c r="D137">
        <v>182.19244384765599</v>
      </c>
      <c r="E137">
        <v>31240.1298433542</v>
      </c>
      <c r="F137">
        <v>94.075408935546903</v>
      </c>
      <c r="G137">
        <v>1.9366638660430899</v>
      </c>
    </row>
    <row r="138" spans="1:7" x14ac:dyDescent="0.25">
      <c r="A138" t="s">
        <v>143</v>
      </c>
      <c r="B138">
        <v>418.06100463867199</v>
      </c>
      <c r="C138">
        <v>888.806996986424</v>
      </c>
      <c r="D138">
        <v>177.33689880371099</v>
      </c>
      <c r="E138">
        <v>30407.560989260699</v>
      </c>
      <c r="F138">
        <v>93.075653076171903</v>
      </c>
      <c r="G138">
        <v>1.9052984714508101</v>
      </c>
    </row>
    <row r="139" spans="1:7" x14ac:dyDescent="0.25">
      <c r="A139" t="s">
        <v>144</v>
      </c>
      <c r="B139">
        <v>421.66101074218801</v>
      </c>
      <c r="C139">
        <v>879.26163479530101</v>
      </c>
      <c r="D139">
        <v>174.11250305175801</v>
      </c>
      <c r="E139">
        <v>29854.681342840198</v>
      </c>
      <c r="F139">
        <v>92.076065063476605</v>
      </c>
      <c r="G139">
        <v>1.8909637928009</v>
      </c>
    </row>
    <row r="140" spans="1:7" x14ac:dyDescent="0.25">
      <c r="A140" t="s">
        <v>145</v>
      </c>
      <c r="B140">
        <v>425.27099609375</v>
      </c>
      <c r="C140">
        <v>869.68195773452703</v>
      </c>
      <c r="D140">
        <v>170.26448059082</v>
      </c>
      <c r="E140">
        <v>29194.869101047501</v>
      </c>
      <c r="F140">
        <v>91.072883605957003</v>
      </c>
      <c r="G140">
        <v>1.86954092979431</v>
      </c>
    </row>
    <row r="141" spans="1:7" x14ac:dyDescent="0.25">
      <c r="A141" t="s">
        <v>146</v>
      </c>
      <c r="B141">
        <v>428.86099243164102</v>
      </c>
      <c r="C141">
        <v>860.166320526032</v>
      </c>
      <c r="D141">
        <v>167.327560424805</v>
      </c>
      <c r="E141">
        <v>28691.2824958563</v>
      </c>
      <c r="F141">
        <v>90.076408386230497</v>
      </c>
      <c r="G141">
        <v>1.8576179742813099</v>
      </c>
    </row>
    <row r="142" spans="1:7" x14ac:dyDescent="0.25">
      <c r="A142" t="s">
        <v>147</v>
      </c>
      <c r="B142">
        <v>432.46099853515602</v>
      </c>
      <c r="C142">
        <v>850.61709700138204</v>
      </c>
      <c r="D142">
        <v>165.85488891601599</v>
      </c>
      <c r="E142">
        <v>28438.767418265299</v>
      </c>
      <c r="F142">
        <v>89.076416015625</v>
      </c>
      <c r="G142">
        <v>1.86193943023682</v>
      </c>
    </row>
    <row r="143" spans="1:7" x14ac:dyDescent="0.25">
      <c r="A143" t="s">
        <v>148</v>
      </c>
      <c r="B143">
        <v>436.06100463867199</v>
      </c>
      <c r="C143">
        <v>841.06889345162597</v>
      </c>
      <c r="D143">
        <v>162.54542541503901</v>
      </c>
      <c r="E143">
        <v>27871.3013976812</v>
      </c>
      <c r="F143">
        <v>88.076530456542997</v>
      </c>
      <c r="G143">
        <v>1.84550213813782</v>
      </c>
    </row>
    <row r="144" spans="1:7" x14ac:dyDescent="0.25">
      <c r="A144" t="s">
        <v>149</v>
      </c>
      <c r="B144">
        <v>439.66101074218801</v>
      </c>
      <c r="C144">
        <v>831.52243843025894</v>
      </c>
      <c r="D144">
        <v>158.70248413085901</v>
      </c>
      <c r="E144">
        <v>27212.360873818401</v>
      </c>
      <c r="F144">
        <v>87.076828002929702</v>
      </c>
      <c r="G144">
        <v>1.8225569725036601</v>
      </c>
    </row>
    <row r="145" spans="1:7" x14ac:dyDescent="0.25">
      <c r="A145" t="s">
        <v>150</v>
      </c>
      <c r="B145">
        <v>443.260986328125</v>
      </c>
      <c r="C145">
        <v>821.981156138713</v>
      </c>
      <c r="D145">
        <v>158.12321472168</v>
      </c>
      <c r="E145">
        <v>27113.0353212357</v>
      </c>
      <c r="F145">
        <v>86.077667236328097</v>
      </c>
      <c r="G145">
        <v>1.8369830846786499</v>
      </c>
    </row>
    <row r="146" spans="1:7" x14ac:dyDescent="0.25">
      <c r="A146" t="s">
        <v>151</v>
      </c>
      <c r="B146">
        <v>446.86099243164102</v>
      </c>
      <c r="C146">
        <v>812.427925569835</v>
      </c>
      <c r="D146">
        <v>152.62727355957</v>
      </c>
      <c r="E146">
        <v>26170.6560850143</v>
      </c>
      <c r="F146">
        <v>85.077255249023395</v>
      </c>
      <c r="G146">
        <v>1.79398441314697</v>
      </c>
    </row>
    <row r="147" spans="1:7" x14ac:dyDescent="0.25">
      <c r="A147" t="s">
        <v>152</v>
      </c>
      <c r="B147">
        <v>450.46099853515602</v>
      </c>
      <c r="C147">
        <v>802.88161625916803</v>
      </c>
      <c r="D147">
        <v>148.92790222168</v>
      </c>
      <c r="E147">
        <v>25536.334142088901</v>
      </c>
      <c r="F147">
        <v>84.077568054199205</v>
      </c>
      <c r="G147">
        <v>1.7713155746460001</v>
      </c>
    </row>
    <row r="148" spans="1:7" x14ac:dyDescent="0.25">
      <c r="A148" t="s">
        <v>153</v>
      </c>
      <c r="B148">
        <v>454.06100463867199</v>
      </c>
      <c r="C148">
        <v>793.33683691084195</v>
      </c>
      <c r="D148">
        <v>146.48727416992199</v>
      </c>
      <c r="E148">
        <v>25117.8462058306</v>
      </c>
      <c r="F148">
        <v>83.078041076660199</v>
      </c>
      <c r="G148">
        <v>1.76324903964996</v>
      </c>
    </row>
    <row r="149" spans="1:7" x14ac:dyDescent="0.25">
      <c r="A149" t="s">
        <v>154</v>
      </c>
      <c r="B149">
        <v>457.66101074218801</v>
      </c>
      <c r="C149">
        <v>783.79380609090595</v>
      </c>
      <c r="D149">
        <v>146.32061767578099</v>
      </c>
      <c r="E149">
        <v>25089.269503951102</v>
      </c>
      <c r="F149">
        <v>82.078697204589801</v>
      </c>
      <c r="G149">
        <v>1.78268694877625</v>
      </c>
    </row>
    <row r="150" spans="1:7" x14ac:dyDescent="0.25">
      <c r="A150" t="s">
        <v>155</v>
      </c>
      <c r="B150">
        <v>461.260986328125</v>
      </c>
      <c r="C150">
        <v>774.23766130804495</v>
      </c>
      <c r="D150">
        <v>141.96217346191401</v>
      </c>
      <c r="E150">
        <v>24341.937154531501</v>
      </c>
      <c r="F150">
        <v>81.077980041503906</v>
      </c>
      <c r="G150">
        <v>1.7509337663650499</v>
      </c>
    </row>
    <row r="151" spans="1:7" x14ac:dyDescent="0.25">
      <c r="A151" t="s">
        <v>156</v>
      </c>
      <c r="B151">
        <v>464.86099243164102</v>
      </c>
      <c r="C151">
        <v>764.69346480251602</v>
      </c>
      <c r="D151">
        <v>140.9951171875</v>
      </c>
      <c r="E151">
        <v>24176.117032766299</v>
      </c>
      <c r="F151">
        <v>80.078514099121094</v>
      </c>
      <c r="G151">
        <v>1.7607109546661399</v>
      </c>
    </row>
    <row r="152" spans="1:7" x14ac:dyDescent="0.25">
      <c r="A152" t="s">
        <v>157</v>
      </c>
      <c r="B152">
        <v>468.46099853515602</v>
      </c>
      <c r="C152">
        <v>755.14147277458198</v>
      </c>
      <c r="D152">
        <v>136.35365295410199</v>
      </c>
      <c r="E152">
        <v>23380.2553266287</v>
      </c>
      <c r="F152">
        <v>79.078231811523395</v>
      </c>
      <c r="G152">
        <v>1.72428810596466</v>
      </c>
    </row>
    <row r="153" spans="1:7" x14ac:dyDescent="0.25">
      <c r="A153" t="s">
        <v>158</v>
      </c>
      <c r="B153">
        <v>472.06100463867199</v>
      </c>
      <c r="C153">
        <v>745.59924336349104</v>
      </c>
      <c r="D153">
        <v>132.41378784179699</v>
      </c>
      <c r="E153">
        <v>22704.6962827444</v>
      </c>
      <c r="F153">
        <v>78.078971862792997</v>
      </c>
      <c r="G153">
        <v>1.69589567184448</v>
      </c>
    </row>
    <row r="154" spans="1:7" x14ac:dyDescent="0.25">
      <c r="A154" t="s">
        <v>159</v>
      </c>
      <c r="B154">
        <v>475.66101074218801</v>
      </c>
      <c r="C154">
        <v>736.05519256866</v>
      </c>
      <c r="D154">
        <v>133.43394470214801</v>
      </c>
      <c r="E154">
        <v>22879.621013999</v>
      </c>
      <c r="F154">
        <v>77.079521179199205</v>
      </c>
      <c r="G154">
        <v>1.7311205863952599</v>
      </c>
    </row>
    <row r="155" spans="1:7" x14ac:dyDescent="0.25">
      <c r="A155" t="s">
        <v>160</v>
      </c>
      <c r="B155">
        <v>479.260986328125</v>
      </c>
      <c r="C155">
        <v>726.50618761005899</v>
      </c>
      <c r="D155">
        <v>127.664756774902</v>
      </c>
      <c r="E155">
        <v>21890.390664339098</v>
      </c>
      <c r="F155">
        <v>76.079551696777301</v>
      </c>
      <c r="G155">
        <v>1.6780430078506501</v>
      </c>
    </row>
    <row r="156" spans="1:7" x14ac:dyDescent="0.25">
      <c r="A156" t="s">
        <v>161</v>
      </c>
      <c r="B156">
        <v>482.86099243164102</v>
      </c>
      <c r="C156">
        <v>716.95754692820503</v>
      </c>
      <c r="D156">
        <v>125.580680847168</v>
      </c>
      <c r="E156">
        <v>21533.038467168801</v>
      </c>
      <c r="F156">
        <v>75.079620361328097</v>
      </c>
      <c r="G156">
        <v>1.6726334095001201</v>
      </c>
    </row>
    <row r="157" spans="1:7" x14ac:dyDescent="0.25">
      <c r="A157" t="s">
        <v>162</v>
      </c>
      <c r="B157">
        <v>486.46099853515602</v>
      </c>
      <c r="C157">
        <v>707.41553608316303</v>
      </c>
      <c r="D157">
        <v>122.78790283203099</v>
      </c>
      <c r="E157">
        <v>21054.167300462701</v>
      </c>
      <c r="F157">
        <v>74.080383300781307</v>
      </c>
      <c r="G157">
        <v>1.6574954986572299</v>
      </c>
    </row>
    <row r="158" spans="1:7" x14ac:dyDescent="0.25">
      <c r="A158" t="s">
        <v>163</v>
      </c>
      <c r="B158">
        <v>490.06100463867199</v>
      </c>
      <c r="C158">
        <v>697.86536543896796</v>
      </c>
      <c r="D158">
        <v>118.22638702392599</v>
      </c>
      <c r="E158">
        <v>20272.014662623402</v>
      </c>
      <c r="F158">
        <v>73.080291748046903</v>
      </c>
      <c r="G158">
        <v>1.617760181427</v>
      </c>
    </row>
    <row r="159" spans="1:7" x14ac:dyDescent="0.25">
      <c r="A159" t="s">
        <v>164</v>
      </c>
      <c r="B159">
        <v>493.66101074218801</v>
      </c>
      <c r="C159">
        <v>688.32124178878803</v>
      </c>
      <c r="D159">
        <v>116.448768615723</v>
      </c>
      <c r="E159">
        <v>19967.209547758099</v>
      </c>
      <c r="F159">
        <v>72.080833435058594</v>
      </c>
      <c r="G159">
        <v>1.6155302524566699</v>
      </c>
    </row>
    <row r="160" spans="1:7" x14ac:dyDescent="0.25">
      <c r="A160" t="s">
        <v>165</v>
      </c>
      <c r="B160">
        <v>497.260986328125</v>
      </c>
      <c r="C160">
        <v>678.77398535857606</v>
      </c>
      <c r="D160">
        <v>114.172737121582</v>
      </c>
      <c r="E160">
        <v>19576.944410800901</v>
      </c>
      <c r="F160">
        <v>71.081047058105497</v>
      </c>
      <c r="G160">
        <v>1.60623323917389</v>
      </c>
    </row>
    <row r="161" spans="1:7" x14ac:dyDescent="0.25">
      <c r="A161" t="s">
        <v>166</v>
      </c>
      <c r="B161">
        <v>500.86099243164102</v>
      </c>
      <c r="C161">
        <v>669.22651036231605</v>
      </c>
      <c r="D161">
        <v>110.91408538818401</v>
      </c>
      <c r="E161">
        <v>19018.189981579799</v>
      </c>
      <c r="F161">
        <v>70.081237792968807</v>
      </c>
      <c r="G161">
        <v>1.5826501846313501</v>
      </c>
    </row>
    <row r="162" spans="1:7" x14ac:dyDescent="0.25">
      <c r="A162" t="s">
        <v>167</v>
      </c>
      <c r="B162">
        <v>504.46099853515602</v>
      </c>
      <c r="C162">
        <v>659.67852537860801</v>
      </c>
      <c r="D162">
        <v>107.979194641113</v>
      </c>
      <c r="E162">
        <v>18514.9516910315</v>
      </c>
      <c r="F162">
        <v>69.081375122070298</v>
      </c>
      <c r="G162">
        <v>1.56307244300842</v>
      </c>
    </row>
    <row r="163" spans="1:7" x14ac:dyDescent="0.25">
      <c r="A163" t="s">
        <v>168</v>
      </c>
      <c r="B163">
        <v>508.06100463867199</v>
      </c>
      <c r="C163">
        <v>650.13425601772894</v>
      </c>
      <c r="D163">
        <v>106.104133605957</v>
      </c>
      <c r="E163">
        <v>18193.438649177599</v>
      </c>
      <c r="F163">
        <v>68.081901550292997</v>
      </c>
      <c r="G163">
        <v>1.55847787857056</v>
      </c>
    </row>
    <row r="164" spans="1:7" x14ac:dyDescent="0.25">
      <c r="A164" t="s">
        <v>169</v>
      </c>
      <c r="B164">
        <v>511.66101074218801</v>
      </c>
      <c r="C164">
        <v>640.58306539863997</v>
      </c>
      <c r="D164">
        <v>102.532592773438</v>
      </c>
      <c r="E164">
        <v>17581.034451723099</v>
      </c>
      <c r="F164">
        <v>67.081703186035199</v>
      </c>
      <c r="G164">
        <v>1.5284732580184901</v>
      </c>
    </row>
    <row r="165" spans="1:7" x14ac:dyDescent="0.25">
      <c r="A165" t="s">
        <v>170</v>
      </c>
      <c r="B165">
        <v>515.260986328125</v>
      </c>
      <c r="C165">
        <v>631.03690179867203</v>
      </c>
      <c r="D165">
        <v>100.03045654296901</v>
      </c>
      <c r="E165">
        <v>17151.998355984699</v>
      </c>
      <c r="F165">
        <v>66.08203125</v>
      </c>
      <c r="G165">
        <v>1.5137315988540601</v>
      </c>
    </row>
    <row r="166" spans="1:7" x14ac:dyDescent="0.25">
      <c r="A166" t="s">
        <v>171</v>
      </c>
      <c r="B166">
        <v>518.86102294921898</v>
      </c>
      <c r="C166">
        <v>621.488843959615</v>
      </c>
      <c r="D166">
        <v>97.087738037109403</v>
      </c>
      <c r="E166">
        <v>16647.4170982838</v>
      </c>
      <c r="F166">
        <v>65.082160949707003</v>
      </c>
      <c r="G166">
        <v>1.49177193641663</v>
      </c>
    </row>
    <row r="167" spans="1:7" x14ac:dyDescent="0.25">
      <c r="A167" t="s">
        <v>172</v>
      </c>
      <c r="B167">
        <v>522.469970703125</v>
      </c>
      <c r="C167">
        <v>611.91732669799296</v>
      </c>
      <c r="D167">
        <v>94.933288574218807</v>
      </c>
      <c r="E167">
        <v>16277.998685836799</v>
      </c>
      <c r="F167">
        <v>64.079833984375</v>
      </c>
      <c r="G167">
        <v>1.48148465156555</v>
      </c>
    </row>
    <row r="168" spans="1:7" x14ac:dyDescent="0.25">
      <c r="A168" t="s">
        <v>173</v>
      </c>
      <c r="B168">
        <v>526.07000732421898</v>
      </c>
      <c r="C168">
        <v>602.36988812940695</v>
      </c>
      <c r="D168">
        <v>92.645050048828097</v>
      </c>
      <c r="E168">
        <v>15885.639935731901</v>
      </c>
      <c r="F168">
        <v>63.080028533935497</v>
      </c>
      <c r="G168">
        <v>1.4686906337737999</v>
      </c>
    </row>
    <row r="169" spans="1:7" x14ac:dyDescent="0.25">
      <c r="A169" t="s">
        <v>174</v>
      </c>
      <c r="B169">
        <v>529.66998291015602</v>
      </c>
      <c r="C169">
        <v>592.82325096966701</v>
      </c>
      <c r="D169">
        <v>89.309020996093807</v>
      </c>
      <c r="E169">
        <v>15313.617885112801</v>
      </c>
      <c r="F169">
        <v>62.080307006835902</v>
      </c>
      <c r="G169">
        <v>1.43860471248627</v>
      </c>
    </row>
    <row r="170" spans="1:7" x14ac:dyDescent="0.25">
      <c r="A170" t="s">
        <v>175</v>
      </c>
      <c r="B170">
        <v>533.27001953125</v>
      </c>
      <c r="C170">
        <v>583.27595811178003</v>
      </c>
      <c r="D170">
        <v>86.585212707519503</v>
      </c>
      <c r="E170">
        <v>14846.572652459099</v>
      </c>
      <c r="F170">
        <v>61.080516815185497</v>
      </c>
      <c r="G170">
        <v>1.41755867004395</v>
      </c>
    </row>
    <row r="171" spans="1:7" x14ac:dyDescent="0.25">
      <c r="A171" t="s">
        <v>176</v>
      </c>
      <c r="B171">
        <v>536.86999511718795</v>
      </c>
      <c r="C171">
        <v>573.72662530410605</v>
      </c>
      <c r="D171">
        <v>84.782371520996094</v>
      </c>
      <c r="E171">
        <v>14537.4434068799</v>
      </c>
      <c r="F171">
        <v>60.080513000488303</v>
      </c>
      <c r="G171">
        <v>1.4111459255218499</v>
      </c>
    </row>
    <row r="172" spans="1:7" x14ac:dyDescent="0.25">
      <c r="A172" t="s">
        <v>177</v>
      </c>
      <c r="B172">
        <v>540.469970703125</v>
      </c>
      <c r="C172">
        <v>564.184468748364</v>
      </c>
      <c r="D172">
        <v>83.607040405273395</v>
      </c>
      <c r="E172">
        <v>14335.9126523137</v>
      </c>
      <c r="F172">
        <v>59.081260681152301</v>
      </c>
      <c r="G172">
        <v>1.4151194095611599</v>
      </c>
    </row>
    <row r="173" spans="1:7" x14ac:dyDescent="0.25">
      <c r="A173" t="s">
        <v>178</v>
      </c>
      <c r="B173">
        <v>544.07000732421898</v>
      </c>
      <c r="C173">
        <v>554.63582806651095</v>
      </c>
      <c r="D173">
        <v>79.767379760742202</v>
      </c>
      <c r="E173">
        <v>13677.5346472859</v>
      </c>
      <c r="F173">
        <v>58.081329345703097</v>
      </c>
      <c r="G173">
        <v>1.37337386608124</v>
      </c>
    </row>
    <row r="174" spans="1:7" x14ac:dyDescent="0.25">
      <c r="A174" t="s">
        <v>179</v>
      </c>
      <c r="B174">
        <v>547.66998291015602</v>
      </c>
      <c r="C174">
        <v>545.08842592559995</v>
      </c>
      <c r="D174">
        <v>77.335441589355497</v>
      </c>
      <c r="E174">
        <v>13260.5349645019</v>
      </c>
      <c r="F174">
        <v>57.081527709960902</v>
      </c>
      <c r="G174">
        <v>1.35482430458069</v>
      </c>
    </row>
    <row r="175" spans="1:7" x14ac:dyDescent="0.25">
      <c r="A175" t="s">
        <v>180</v>
      </c>
      <c r="B175">
        <v>551.27001953125</v>
      </c>
      <c r="C175">
        <v>535.54167948283498</v>
      </c>
      <c r="D175">
        <v>74.930023193359403</v>
      </c>
      <c r="E175">
        <v>12848.082929849599</v>
      </c>
      <c r="F175">
        <v>56.081794738769503</v>
      </c>
      <c r="G175">
        <v>1.3360846042633101</v>
      </c>
    </row>
    <row r="176" spans="1:7" x14ac:dyDescent="0.25">
      <c r="A176" t="s">
        <v>181</v>
      </c>
      <c r="B176">
        <v>554.86999511718795</v>
      </c>
      <c r="C176">
        <v>525.99260166888405</v>
      </c>
      <c r="D176">
        <v>72.918716430664105</v>
      </c>
      <c r="E176">
        <v>12503.2095238566</v>
      </c>
      <c r="F176">
        <v>55.081817626953097</v>
      </c>
      <c r="G176">
        <v>1.32382547855377</v>
      </c>
    </row>
    <row r="177" spans="1:7" x14ac:dyDescent="0.25">
      <c r="A177" t="s">
        <v>182</v>
      </c>
      <c r="B177">
        <v>558.469970703125</v>
      </c>
      <c r="C177">
        <v>516.44647449658999</v>
      </c>
      <c r="D177">
        <v>71.058174133300795</v>
      </c>
      <c r="E177">
        <v>12184.185907244701</v>
      </c>
      <c r="F177">
        <v>54.082149505615199</v>
      </c>
      <c r="G177">
        <v>1.31389331817627</v>
      </c>
    </row>
    <row r="178" spans="1:7" x14ac:dyDescent="0.25">
      <c r="A178" t="s">
        <v>183</v>
      </c>
      <c r="B178">
        <v>562.07000732421898</v>
      </c>
      <c r="C178">
        <v>506.89808880845999</v>
      </c>
      <c r="D178">
        <v>69.917884826660199</v>
      </c>
      <c r="E178">
        <v>11988.6631146073</v>
      </c>
      <c r="F178">
        <v>53.082244873046903</v>
      </c>
      <c r="G178">
        <v>1.3171614408493</v>
      </c>
    </row>
    <row r="179" spans="1:7" x14ac:dyDescent="0.25">
      <c r="A179" t="s">
        <v>184</v>
      </c>
      <c r="B179">
        <v>565.66998291015602</v>
      </c>
      <c r="C179">
        <v>497.35207091919102</v>
      </c>
      <c r="D179">
        <v>66.332145690917997</v>
      </c>
      <c r="E179">
        <v>11373.8244399428</v>
      </c>
      <c r="F179">
        <v>52.082588195800803</v>
      </c>
      <c r="G179">
        <v>1.2735954523086499</v>
      </c>
    </row>
    <row r="180" spans="1:7" x14ac:dyDescent="0.25">
      <c r="A180" t="s">
        <v>185</v>
      </c>
      <c r="B180">
        <v>569.27001953125</v>
      </c>
      <c r="C180">
        <v>487.80710943249102</v>
      </c>
      <c r="D180">
        <v>64.7060546875</v>
      </c>
      <c r="E180">
        <v>11095.0022935867</v>
      </c>
      <c r="F180">
        <v>51.083042144775398</v>
      </c>
      <c r="G180">
        <v>1.2666836977005</v>
      </c>
    </row>
    <row r="181" spans="1:7" x14ac:dyDescent="0.25">
      <c r="A181" t="s">
        <v>186</v>
      </c>
      <c r="B181">
        <v>572.86999511718795</v>
      </c>
      <c r="C181">
        <v>478.25828661226302</v>
      </c>
      <c r="D181">
        <v>62.879508972167997</v>
      </c>
      <c r="E181">
        <v>10781.808756291901</v>
      </c>
      <c r="F181">
        <v>50.083091735839801</v>
      </c>
      <c r="G181">
        <v>1.25550377368927</v>
      </c>
    </row>
    <row r="182" spans="1:7" x14ac:dyDescent="0.25">
      <c r="A182" t="s">
        <v>187</v>
      </c>
      <c r="B182">
        <v>576.469970703125</v>
      </c>
      <c r="C182">
        <v>468.70997377948299</v>
      </c>
      <c r="D182">
        <v>61.124431610107401</v>
      </c>
      <c r="E182">
        <v>10480.869561433799</v>
      </c>
      <c r="F182">
        <v>49.083194732666001</v>
      </c>
      <c r="G182">
        <v>1.24532306194305</v>
      </c>
    </row>
    <row r="183" spans="1:7" x14ac:dyDescent="0.25">
      <c r="A183" t="s">
        <v>188</v>
      </c>
      <c r="B183">
        <v>580.07000732421898</v>
      </c>
      <c r="C183">
        <v>459.16402874556297</v>
      </c>
      <c r="D183">
        <v>60.075618743896499</v>
      </c>
      <c r="E183">
        <v>10301.0321035981</v>
      </c>
      <c r="F183">
        <v>48.083545684814503</v>
      </c>
      <c r="G183">
        <v>1.24940073490143</v>
      </c>
    </row>
    <row r="184" spans="1:7" x14ac:dyDescent="0.25">
      <c r="A184" t="s">
        <v>189</v>
      </c>
      <c r="B184">
        <v>583.66998291015602</v>
      </c>
      <c r="C184">
        <v>449.61651732162801</v>
      </c>
      <c r="D184">
        <v>58.083763122558601</v>
      </c>
      <c r="E184">
        <v>9959.4928324222601</v>
      </c>
      <c r="F184">
        <v>47.083732604980497</v>
      </c>
      <c r="G184">
        <v>1.23362696170807</v>
      </c>
    </row>
    <row r="185" spans="1:7" x14ac:dyDescent="0.25">
      <c r="A185" t="s">
        <v>190</v>
      </c>
      <c r="B185">
        <v>587.27001953125</v>
      </c>
      <c r="C185">
        <v>440.07100941980599</v>
      </c>
      <c r="D185">
        <v>56.192474365234403</v>
      </c>
      <c r="E185">
        <v>9635.1979300379808</v>
      </c>
      <c r="F185">
        <v>46.084129333496101</v>
      </c>
      <c r="G185">
        <v>1.2193454504013099</v>
      </c>
    </row>
    <row r="186" spans="1:7" x14ac:dyDescent="0.25">
      <c r="A186" t="s">
        <v>191</v>
      </c>
      <c r="B186">
        <v>590.86999511718795</v>
      </c>
      <c r="C186">
        <v>430.52207731655398</v>
      </c>
      <c r="D186">
        <v>55.658779144287102</v>
      </c>
      <c r="E186">
        <v>9543.6861738562602</v>
      </c>
      <c r="F186">
        <v>45.0841674804688</v>
      </c>
      <c r="G186">
        <v>1.23455262184143</v>
      </c>
    </row>
    <row r="187" spans="1:7" x14ac:dyDescent="0.25">
      <c r="A187" t="s">
        <v>192</v>
      </c>
      <c r="B187">
        <v>594.469970703125</v>
      </c>
      <c r="C187">
        <v>420.977042974504</v>
      </c>
      <c r="D187">
        <v>54.797981262207003</v>
      </c>
      <c r="E187">
        <v>9396.0873782634699</v>
      </c>
      <c r="F187">
        <v>44.0846138000488</v>
      </c>
      <c r="G187">
        <v>1.2430182695388801</v>
      </c>
    </row>
    <row r="188" spans="1:7" x14ac:dyDescent="0.25">
      <c r="A188" t="s">
        <v>193</v>
      </c>
      <c r="B188">
        <v>598.07000732421898</v>
      </c>
      <c r="C188">
        <v>411.42971368894302</v>
      </c>
      <c r="D188">
        <v>52.979042053222699</v>
      </c>
      <c r="E188">
        <v>9084.1976925730705</v>
      </c>
      <c r="F188">
        <v>43.0848197937012</v>
      </c>
      <c r="G188">
        <v>1.2296452522277801</v>
      </c>
    </row>
    <row r="189" spans="1:7" x14ac:dyDescent="0.25">
      <c r="A189" t="s">
        <v>194</v>
      </c>
      <c r="B189">
        <v>601.66998291015602</v>
      </c>
      <c r="C189">
        <v>401.88322223990201</v>
      </c>
      <c r="D189">
        <v>52.246162414550803</v>
      </c>
      <c r="E189">
        <v>8958.5324749350493</v>
      </c>
      <c r="F189">
        <v>42.085113525390597</v>
      </c>
      <c r="G189">
        <v>1.2414404153823899</v>
      </c>
    </row>
    <row r="190" spans="1:7" x14ac:dyDescent="0.25">
      <c r="A190" t="s">
        <v>195</v>
      </c>
      <c r="B190">
        <v>605.27001953125</v>
      </c>
      <c r="C190">
        <v>392.33549224991799</v>
      </c>
      <c r="D190">
        <v>50.989803314208999</v>
      </c>
      <c r="E190">
        <v>8743.1073188781702</v>
      </c>
      <c r="F190">
        <v>41.085277557372997</v>
      </c>
      <c r="G190">
        <v>1.24107241630554</v>
      </c>
    </row>
    <row r="191" spans="1:7" x14ac:dyDescent="0.25">
      <c r="A191" t="s">
        <v>196</v>
      </c>
      <c r="B191">
        <v>608.86999511718795</v>
      </c>
      <c r="C191">
        <v>382.78943793297401</v>
      </c>
      <c r="D191">
        <v>50.366767883300803</v>
      </c>
      <c r="E191">
        <v>8636.2771689891797</v>
      </c>
      <c r="F191">
        <v>40.085617065429702</v>
      </c>
      <c r="G191">
        <v>1.25647974014282</v>
      </c>
    </row>
    <row r="192" spans="1:7" x14ac:dyDescent="0.25">
      <c r="A192" t="s">
        <v>197</v>
      </c>
      <c r="B192">
        <v>612.469970703125</v>
      </c>
      <c r="C192">
        <v>373.24119795554299</v>
      </c>
      <c r="D192">
        <v>50.011985778808601</v>
      </c>
      <c r="E192">
        <v>8575.4431784153003</v>
      </c>
      <c r="F192">
        <v>39.085727691650398</v>
      </c>
      <c r="G192">
        <v>1.27954602241516</v>
      </c>
    </row>
    <row r="193" spans="1:7" x14ac:dyDescent="0.25">
      <c r="A193" t="s">
        <v>198</v>
      </c>
      <c r="B193">
        <v>616.07000732421898</v>
      </c>
      <c r="C193">
        <v>363.69452436812799</v>
      </c>
      <c r="D193">
        <v>47.621219635009801</v>
      </c>
      <c r="E193">
        <v>8165.5038520693797</v>
      </c>
      <c r="F193">
        <v>38.086002349853501</v>
      </c>
      <c r="G193">
        <v>1.25036013126373</v>
      </c>
    </row>
    <row r="194" spans="1:7" x14ac:dyDescent="0.25">
      <c r="A194" t="s">
        <v>199</v>
      </c>
      <c r="B194">
        <v>619.66998291015602</v>
      </c>
      <c r="C194">
        <v>354.14865218955799</v>
      </c>
      <c r="D194">
        <v>46.580631256103501</v>
      </c>
      <c r="E194">
        <v>7987.0764166116696</v>
      </c>
      <c r="F194">
        <v>37.086360931396499</v>
      </c>
      <c r="G194">
        <v>1.25600433349609</v>
      </c>
    </row>
    <row r="195" spans="1:7" x14ac:dyDescent="0.25">
      <c r="A195" t="s">
        <v>200</v>
      </c>
      <c r="B195">
        <v>623.27001953125</v>
      </c>
      <c r="C195">
        <v>344.60095862724899</v>
      </c>
      <c r="D195">
        <v>45.5569877624512</v>
      </c>
      <c r="E195">
        <v>7811.5547075867698</v>
      </c>
      <c r="F195">
        <v>36.0865287780762</v>
      </c>
      <c r="G195">
        <v>1.2624374628067001</v>
      </c>
    </row>
    <row r="196" spans="1:7" x14ac:dyDescent="0.25">
      <c r="A196" t="s">
        <v>201</v>
      </c>
      <c r="B196">
        <v>626.86999511718795</v>
      </c>
      <c r="C196">
        <v>335.05362934168699</v>
      </c>
      <c r="D196">
        <v>45.0060005187988</v>
      </c>
      <c r="E196">
        <v>7717.07855165005</v>
      </c>
      <c r="F196">
        <v>35.086734771728501</v>
      </c>
      <c r="G196">
        <v>1.2827069759368901</v>
      </c>
    </row>
    <row r="197" spans="1:7" x14ac:dyDescent="0.25">
      <c r="A197" t="s">
        <v>202</v>
      </c>
      <c r="B197">
        <v>630.469970703125</v>
      </c>
      <c r="C197">
        <v>325.50608149007701</v>
      </c>
      <c r="D197">
        <v>44.103904724121101</v>
      </c>
      <c r="E197">
        <v>7562.39797919989</v>
      </c>
      <c r="F197">
        <v>34.086917877197301</v>
      </c>
      <c r="G197">
        <v>1.2938660383224501</v>
      </c>
    </row>
    <row r="198" spans="1:7" x14ac:dyDescent="0.25">
      <c r="A198" t="s">
        <v>203</v>
      </c>
      <c r="B198">
        <v>634.07000732421898</v>
      </c>
      <c r="C198">
        <v>315.96050073290598</v>
      </c>
      <c r="D198">
        <v>43.265983581542997</v>
      </c>
      <c r="E198">
        <v>7418.72144863009</v>
      </c>
      <c r="F198">
        <v>33.087306976318402</v>
      </c>
      <c r="G198">
        <v>1.3076308965682999</v>
      </c>
    </row>
    <row r="199" spans="1:7" x14ac:dyDescent="0.25">
      <c r="A199" t="s">
        <v>204</v>
      </c>
      <c r="B199">
        <v>637.66998291015602</v>
      </c>
      <c r="C199">
        <v>306.41280717059601</v>
      </c>
      <c r="D199">
        <v>42.826438903808601</v>
      </c>
      <c r="E199">
        <v>7343.3537036180496</v>
      </c>
      <c r="F199">
        <v>32.087474822997997</v>
      </c>
      <c r="G199">
        <v>1.33467781543732</v>
      </c>
    </row>
    <row r="200" spans="1:7" x14ac:dyDescent="0.25">
      <c r="A200" t="s">
        <v>205</v>
      </c>
      <c r="B200">
        <v>641.27001953125</v>
      </c>
      <c r="C200">
        <v>296.86680749516501</v>
      </c>
      <c r="D200">
        <v>41.300041198730497</v>
      </c>
      <c r="E200">
        <v>7081.62598311901</v>
      </c>
      <c r="F200">
        <v>31.0878200531006</v>
      </c>
      <c r="G200">
        <v>1.32849586009979</v>
      </c>
    </row>
    <row r="201" spans="1:7" x14ac:dyDescent="0.25">
      <c r="A201" t="s">
        <v>206</v>
      </c>
      <c r="B201">
        <v>644.86999511718795</v>
      </c>
      <c r="C201">
        <v>287.31915036052999</v>
      </c>
      <c r="D201">
        <v>41.0874214172363</v>
      </c>
      <c r="E201">
        <v>7045.1679639518297</v>
      </c>
      <c r="F201">
        <v>30.0879917144775</v>
      </c>
      <c r="G201">
        <v>1.3655754327773999</v>
      </c>
    </row>
    <row r="202" spans="1:7" x14ac:dyDescent="0.25">
      <c r="A202" t="s">
        <v>207</v>
      </c>
      <c r="B202">
        <v>648.469970703125</v>
      </c>
      <c r="C202">
        <v>277.77185750264402</v>
      </c>
      <c r="D202">
        <v>40.727077484130902</v>
      </c>
      <c r="E202">
        <v>6983.3812303841096</v>
      </c>
      <c r="F202">
        <v>29.088201522827099</v>
      </c>
      <c r="G202">
        <v>1.40012359619141</v>
      </c>
    </row>
    <row r="203" spans="1:7" x14ac:dyDescent="0.25">
      <c r="A203" t="s">
        <v>208</v>
      </c>
      <c r="B203">
        <v>652.07000732421898</v>
      </c>
      <c r="C203">
        <v>268.22480142464298</v>
      </c>
      <c r="D203">
        <v>39.782630920410199</v>
      </c>
      <c r="E203">
        <v>6821.4386701583899</v>
      </c>
      <c r="F203">
        <v>28.088436126708999</v>
      </c>
      <c r="G203">
        <v>1.4163348674774201</v>
      </c>
    </row>
    <row r="204" spans="1:7" x14ac:dyDescent="0.25">
      <c r="A204" t="s">
        <v>209</v>
      </c>
      <c r="B204">
        <v>655.66998291015602</v>
      </c>
      <c r="C204">
        <v>258.67752678059401</v>
      </c>
      <c r="D204">
        <v>38.620128631591797</v>
      </c>
      <c r="E204">
        <v>6622.1072338521499</v>
      </c>
      <c r="F204">
        <v>27.088647842407202</v>
      </c>
      <c r="G204">
        <v>1.4256942272186299</v>
      </c>
    </row>
    <row r="205" spans="1:7" x14ac:dyDescent="0.25">
      <c r="A205" t="s">
        <v>210</v>
      </c>
      <c r="B205">
        <v>659.27001953125</v>
      </c>
      <c r="C205">
        <v>249.12965107991101</v>
      </c>
      <c r="D205">
        <v>38.012516021728501</v>
      </c>
      <c r="E205">
        <v>6517.92110875249</v>
      </c>
      <c r="F205">
        <v>26.0887966156006</v>
      </c>
      <c r="G205">
        <v>1.45704364776611</v>
      </c>
    </row>
    <row r="206" spans="1:7" x14ac:dyDescent="0.25">
      <c r="A206" t="s">
        <v>211</v>
      </c>
      <c r="B206">
        <v>662.86999511718795</v>
      </c>
      <c r="C206">
        <v>239.58417960576401</v>
      </c>
      <c r="D206">
        <v>37.345615386962898</v>
      </c>
      <c r="E206">
        <v>6403.5691320896103</v>
      </c>
      <c r="F206">
        <v>25.089197158813501</v>
      </c>
      <c r="G206">
        <v>1.48851370811462</v>
      </c>
    </row>
    <row r="207" spans="1:7" x14ac:dyDescent="0.25">
      <c r="A207" t="s">
        <v>212</v>
      </c>
      <c r="B207">
        <v>666.469970703125</v>
      </c>
      <c r="C207">
        <v>230.03794315044601</v>
      </c>
      <c r="D207">
        <v>36.578598022460902</v>
      </c>
      <c r="E207">
        <v>6272.0505520701399</v>
      </c>
      <c r="F207">
        <v>24.0895175933838</v>
      </c>
      <c r="G207">
        <v>1.51844465732574</v>
      </c>
    </row>
    <row r="208" spans="1:7" x14ac:dyDescent="0.25">
      <c r="A208" t="s">
        <v>213</v>
      </c>
      <c r="B208">
        <v>670.07000732421898</v>
      </c>
      <c r="C208">
        <v>220.491087424657</v>
      </c>
      <c r="D208">
        <v>35.700878143310497</v>
      </c>
      <c r="E208">
        <v>6121.5497553348496</v>
      </c>
      <c r="F208">
        <v>23.0897731781006</v>
      </c>
      <c r="G208">
        <v>1.54617702960968</v>
      </c>
    </row>
    <row r="209" spans="1:7" x14ac:dyDescent="0.25">
      <c r="A209" t="s">
        <v>214</v>
      </c>
      <c r="B209">
        <v>673.66998291015602</v>
      </c>
      <c r="C209">
        <v>210.94251959815301</v>
      </c>
      <c r="D209">
        <v>34.974075317382798</v>
      </c>
      <c r="E209">
        <v>5996.9262219965503</v>
      </c>
      <c r="F209">
        <v>22.089849472045898</v>
      </c>
      <c r="G209">
        <v>1.5832645893096899</v>
      </c>
    </row>
    <row r="210" spans="1:7" x14ac:dyDescent="0.25">
      <c r="A210" t="s">
        <v>215</v>
      </c>
      <c r="B210">
        <v>677.27001953125</v>
      </c>
      <c r="C210">
        <v>201.39531780945299</v>
      </c>
      <c r="D210">
        <v>34.235549926757798</v>
      </c>
      <c r="E210">
        <v>5870.29289454222</v>
      </c>
      <c r="F210">
        <v>21.0900688171387</v>
      </c>
      <c r="G210">
        <v>1.62330198287964</v>
      </c>
    </row>
    <row r="211" spans="1:7" x14ac:dyDescent="0.25">
      <c r="A211" t="s">
        <v>216</v>
      </c>
      <c r="B211">
        <v>680.86999511718795</v>
      </c>
      <c r="C211">
        <v>191.84897207111101</v>
      </c>
      <c r="D211">
        <v>33.503337860107401</v>
      </c>
      <c r="E211">
        <v>5744.7426952421702</v>
      </c>
      <c r="F211">
        <v>20.090377807617202</v>
      </c>
      <c r="G211">
        <v>1.6676310300827</v>
      </c>
    </row>
    <row r="212" spans="1:7" x14ac:dyDescent="0.25">
      <c r="A212" t="s">
        <v>217</v>
      </c>
      <c r="B212">
        <v>684.469970703125</v>
      </c>
      <c r="C212">
        <v>182.29914748982699</v>
      </c>
      <c r="D212">
        <v>32.665992736816399</v>
      </c>
      <c r="E212">
        <v>5601.1644192040003</v>
      </c>
      <c r="F212">
        <v>19.0903224945068</v>
      </c>
      <c r="G212">
        <v>1.7111283540725699</v>
      </c>
    </row>
    <row r="213" spans="1:7" x14ac:dyDescent="0.25">
      <c r="A213" t="s">
        <v>218</v>
      </c>
      <c r="B213">
        <v>688.07000732421898</v>
      </c>
      <c r="C213">
        <v>172.75566132395599</v>
      </c>
      <c r="D213">
        <v>31.5846557617188</v>
      </c>
      <c r="E213">
        <v>5415.7502017915203</v>
      </c>
      <c r="F213">
        <v>18.0909309387207</v>
      </c>
      <c r="G213">
        <v>1.74588334560394</v>
      </c>
    </row>
    <row r="214" spans="1:7" x14ac:dyDescent="0.25">
      <c r="A214" t="s">
        <v>219</v>
      </c>
      <c r="B214">
        <v>691.66998291015602</v>
      </c>
      <c r="C214">
        <v>163.209333799451</v>
      </c>
      <c r="D214">
        <v>30.706947326660199</v>
      </c>
      <c r="E214">
        <v>5265.2517333626702</v>
      </c>
      <c r="F214">
        <v>17.091241836547901</v>
      </c>
      <c r="G214">
        <v>1.79664814472198</v>
      </c>
    </row>
    <row r="215" spans="1:7" x14ac:dyDescent="0.25">
      <c r="A215" t="s">
        <v>220</v>
      </c>
      <c r="B215">
        <v>695.27001953125</v>
      </c>
      <c r="C215">
        <v>153.66109382202001</v>
      </c>
      <c r="D215">
        <v>29.426977157592798</v>
      </c>
      <c r="E215">
        <v>5045.7781180739403</v>
      </c>
      <c r="F215">
        <v>16.091352462768601</v>
      </c>
      <c r="G215">
        <v>1.8287447690963701</v>
      </c>
    </row>
    <row r="216" spans="1:7" x14ac:dyDescent="0.25">
      <c r="A216" t="s">
        <v>221</v>
      </c>
      <c r="B216">
        <v>698.86999511718795</v>
      </c>
      <c r="C216">
        <v>144.11087764323099</v>
      </c>
      <c r="D216">
        <v>28.418342590331999</v>
      </c>
      <c r="E216">
        <v>4872.8296533227003</v>
      </c>
      <c r="F216">
        <v>15.091256141662599</v>
      </c>
      <c r="G216">
        <v>1.88309991359711</v>
      </c>
    </row>
    <row r="217" spans="1:7" x14ac:dyDescent="0.25">
      <c r="A217" t="s">
        <v>222</v>
      </c>
      <c r="B217">
        <v>702.469970703125</v>
      </c>
      <c r="C217">
        <v>134.56145376636999</v>
      </c>
      <c r="D217">
        <v>27.355045318603501</v>
      </c>
      <c r="E217">
        <v>4690.5083581805202</v>
      </c>
      <c r="F217">
        <v>14.0912427902222</v>
      </c>
      <c r="G217">
        <v>1.94127976894379</v>
      </c>
    </row>
    <row r="218" spans="1:7" x14ac:dyDescent="0.25">
      <c r="A218" t="s">
        <v>223</v>
      </c>
      <c r="B218">
        <v>706.07000732421898</v>
      </c>
      <c r="C218">
        <v>125.010181185012</v>
      </c>
      <c r="D218">
        <v>26.565710067748999</v>
      </c>
      <c r="E218">
        <v>4555.1629737019502</v>
      </c>
      <c r="F218">
        <v>13.091035842895501</v>
      </c>
      <c r="G218">
        <v>2.0293054580688499</v>
      </c>
    </row>
    <row r="219" spans="1:7" x14ac:dyDescent="0.25">
      <c r="A219" t="s">
        <v>224</v>
      </c>
      <c r="B219">
        <v>709.66998291015602</v>
      </c>
      <c r="C219">
        <v>115.46159514467099</v>
      </c>
      <c r="D219">
        <v>25.206272125244102</v>
      </c>
      <c r="E219">
        <v>4322.0631778240204</v>
      </c>
      <c r="F219">
        <v>12.0911102294922</v>
      </c>
      <c r="G219">
        <v>2.08469462394714</v>
      </c>
    </row>
    <row r="220" spans="1:7" x14ac:dyDescent="0.25">
      <c r="A220" t="s">
        <v>225</v>
      </c>
      <c r="B220">
        <v>713.27001953125</v>
      </c>
      <c r="C220">
        <v>105.911069330647</v>
      </c>
      <c r="D220">
        <v>23.9947204589844</v>
      </c>
      <c r="E220">
        <v>4114.3209673464298</v>
      </c>
      <c r="F220">
        <v>11.090981483459499</v>
      </c>
      <c r="G220">
        <v>2.1634442806243901</v>
      </c>
    </row>
    <row r="221" spans="1:7" x14ac:dyDescent="0.25">
      <c r="A221" t="s">
        <v>226</v>
      </c>
      <c r="B221">
        <v>716.86999511718795</v>
      </c>
      <c r="C221">
        <v>96.360853151858095</v>
      </c>
      <c r="D221">
        <v>22.819604873657202</v>
      </c>
      <c r="E221">
        <v>3912.8265343606499</v>
      </c>
      <c r="F221">
        <v>10.0908851623535</v>
      </c>
      <c r="G221">
        <v>2.2614076137542698</v>
      </c>
    </row>
    <row r="222" spans="1:7" x14ac:dyDescent="0.25">
      <c r="A222" t="s">
        <v>227</v>
      </c>
      <c r="B222">
        <v>720.468994140625</v>
      </c>
      <c r="C222">
        <v>86.810482155451894</v>
      </c>
      <c r="D222">
        <v>21.868436813354499</v>
      </c>
      <c r="E222">
        <v>3749.73192811012</v>
      </c>
      <c r="F222">
        <v>9.0907726287841797</v>
      </c>
      <c r="G222">
        <v>2.4055640697479199</v>
      </c>
    </row>
    <row r="223" spans="1:7" x14ac:dyDescent="0.25">
      <c r="A223" t="s">
        <v>228</v>
      </c>
      <c r="B223">
        <v>724.06896972656295</v>
      </c>
      <c r="C223">
        <v>77.259801523809898</v>
      </c>
      <c r="D223">
        <v>20.832107543945298</v>
      </c>
      <c r="E223">
        <v>3572.0348823815598</v>
      </c>
      <c r="F223">
        <v>8.0906276702880895</v>
      </c>
      <c r="G223">
        <v>2.5748443603515598</v>
      </c>
    </row>
    <row r="224" spans="1:7" x14ac:dyDescent="0.25">
      <c r="A224" t="s">
        <v>229</v>
      </c>
      <c r="B224">
        <v>727.66900634765602</v>
      </c>
      <c r="C224">
        <v>67.712080640744503</v>
      </c>
      <c r="D224">
        <v>19.775964736938501</v>
      </c>
      <c r="E224">
        <v>3390.9403719008001</v>
      </c>
      <c r="F224">
        <v>7.0907926559448198</v>
      </c>
      <c r="G224">
        <v>2.7889637947082502</v>
      </c>
    </row>
    <row r="225" spans="1:7" x14ac:dyDescent="0.25">
      <c r="A225" t="s">
        <v>230</v>
      </c>
      <c r="B225">
        <v>731.26898193359398</v>
      </c>
      <c r="C225">
        <v>58.162857116094102</v>
      </c>
      <c r="D225">
        <v>18.617557525634801</v>
      </c>
      <c r="E225">
        <v>3192.3109199851801</v>
      </c>
      <c r="F225">
        <v>6.0908002853393599</v>
      </c>
      <c r="G225">
        <v>3.05666851997375</v>
      </c>
    </row>
    <row r="226" spans="1:7" x14ac:dyDescent="0.25">
      <c r="A226" t="s">
        <v>231</v>
      </c>
      <c r="B226">
        <v>734.86901855468795</v>
      </c>
      <c r="C226">
        <v>48.614239201537004</v>
      </c>
      <c r="D226">
        <v>17.258590698242202</v>
      </c>
      <c r="E226">
        <v>2959.29191634059</v>
      </c>
      <c r="F226">
        <v>5.0908713340759304</v>
      </c>
      <c r="G226">
        <v>3.3901054859161399</v>
      </c>
    </row>
    <row r="227" spans="1:7" x14ac:dyDescent="0.25">
      <c r="A227" t="s">
        <v>232</v>
      </c>
      <c r="B227">
        <v>738.468994140625</v>
      </c>
      <c r="C227">
        <v>39.064828985053303</v>
      </c>
      <c r="D227">
        <v>15.893308639526399</v>
      </c>
      <c r="E227">
        <v>2725.1900173723702</v>
      </c>
      <c r="F227">
        <v>4.09085941314697</v>
      </c>
      <c r="G227">
        <v>3.8850781917571999</v>
      </c>
    </row>
    <row r="228" spans="1:7" x14ac:dyDescent="0.25">
      <c r="A228" t="s">
        <v>233</v>
      </c>
      <c r="B228">
        <v>742.06896972656295</v>
      </c>
      <c r="C228">
        <v>29.515894605071502</v>
      </c>
      <c r="D228">
        <v>14.206082344055201</v>
      </c>
      <c r="E228">
        <v>2435.8851369470399</v>
      </c>
      <c r="F228">
        <v>3.0908973217010498</v>
      </c>
      <c r="G228">
        <v>4.5961031913757298</v>
      </c>
    </row>
    <row r="229" spans="1:7" x14ac:dyDescent="0.25">
      <c r="A229" t="s">
        <v>234</v>
      </c>
      <c r="B229">
        <v>745.66900634765602</v>
      </c>
      <c r="C229">
        <v>19.966816791120301</v>
      </c>
      <c r="D229">
        <v>12.352954864501999</v>
      </c>
      <c r="E229">
        <v>2118.1334741413598</v>
      </c>
      <c r="F229">
        <v>2.09092020988464</v>
      </c>
      <c r="G229">
        <v>5.9079036712646502</v>
      </c>
    </row>
    <row r="230" spans="1:7" x14ac:dyDescent="0.25">
      <c r="A230" t="s">
        <v>235</v>
      </c>
      <c r="B230">
        <v>749.26898193359398</v>
      </c>
      <c r="C230">
        <v>10.4170445746183</v>
      </c>
      <c r="D230">
        <v>9.3632688522338903</v>
      </c>
      <c r="E230">
        <v>1605.4988373071001</v>
      </c>
      <c r="F230">
        <v>1.09087038040161</v>
      </c>
      <c r="G230">
        <v>8.5833005905151403</v>
      </c>
    </row>
    <row r="231" spans="1:7" x14ac:dyDescent="0.25">
      <c r="A231" t="s">
        <v>236</v>
      </c>
      <c r="B231">
        <v>752.86901855468795</v>
      </c>
      <c r="C231">
        <v>0.870321610628357</v>
      </c>
      <c r="D231">
        <v>4.2641477584838903</v>
      </c>
      <c r="E231">
        <v>731.16389103233803</v>
      </c>
      <c r="F231">
        <v>9.1139867901802105E-2</v>
      </c>
      <c r="G231">
        <v>46.786853790283203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topLeftCell="A222"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6.3340001106262198</v>
      </c>
      <c r="C2">
        <v>8.8318043753341993</v>
      </c>
      <c r="D2">
        <v>3.6705839633941699</v>
      </c>
      <c r="E2">
        <v>629.38680639490497</v>
      </c>
      <c r="F2">
        <v>0.92486441135406505</v>
      </c>
      <c r="G2">
        <v>3.9687805175781299</v>
      </c>
    </row>
    <row r="3" spans="1:7" x14ac:dyDescent="0.25">
      <c r="A3" t="s">
        <v>8</v>
      </c>
      <c r="B3">
        <v>9.9340000152587908</v>
      </c>
      <c r="C3">
        <v>18.380665899966399</v>
      </c>
      <c r="D3">
        <v>4.5090165138244602</v>
      </c>
      <c r="E3">
        <v>773.15099770203199</v>
      </c>
      <c r="F3">
        <v>1.9248188734054601</v>
      </c>
      <c r="G3">
        <v>2.3425667285919198</v>
      </c>
    </row>
    <row r="4" spans="1:7" x14ac:dyDescent="0.25">
      <c r="A4" t="s">
        <v>9</v>
      </c>
      <c r="B4">
        <v>13.5340003967285</v>
      </c>
      <c r="C4">
        <v>27.9307443366095</v>
      </c>
      <c r="D4">
        <v>5.8589987754821804</v>
      </c>
      <c r="E4">
        <v>1004.6294191852199</v>
      </c>
      <c r="F4">
        <v>2.9249007701873802</v>
      </c>
      <c r="G4">
        <v>2.0031445026397701</v>
      </c>
    </row>
    <row r="5" spans="1:7" x14ac:dyDescent="0.25">
      <c r="A5" t="s">
        <v>10</v>
      </c>
      <c r="B5">
        <v>17.1340007781982</v>
      </c>
      <c r="C5">
        <v>37.479150515306898</v>
      </c>
      <c r="D5">
        <v>6.3447365760803196</v>
      </c>
      <c r="E5">
        <v>1087.91782986373</v>
      </c>
      <c r="F5">
        <v>3.9248075485229501</v>
      </c>
      <c r="G5">
        <v>1.6165726184845</v>
      </c>
    </row>
    <row r="6" spans="1:7" x14ac:dyDescent="0.25">
      <c r="A6" t="s">
        <v>11</v>
      </c>
      <c r="B6">
        <v>20.7439994812012</v>
      </c>
      <c r="C6">
        <v>47.0557357771835</v>
      </c>
      <c r="D6">
        <v>6.3853940963745099</v>
      </c>
      <c r="E6">
        <v>1094.8892449960099</v>
      </c>
      <c r="F6">
        <v>4.9276652336120597</v>
      </c>
      <c r="G6">
        <v>1.29582548141479</v>
      </c>
    </row>
    <row r="7" spans="1:7" x14ac:dyDescent="0.25">
      <c r="A7" t="s">
        <v>12</v>
      </c>
      <c r="B7">
        <v>24.343999862670898</v>
      </c>
      <c r="C7">
        <v>56.604075930720299</v>
      </c>
      <c r="D7">
        <v>6.6238827705383301</v>
      </c>
      <c r="E7">
        <v>1135.78233867884</v>
      </c>
      <c r="F7">
        <v>5.9275650978088397</v>
      </c>
      <c r="G7">
        <v>1.11747109889984</v>
      </c>
    </row>
    <row r="8" spans="1:7" x14ac:dyDescent="0.25">
      <c r="A8" t="s">
        <v>13</v>
      </c>
      <c r="B8">
        <v>27.9440002441406</v>
      </c>
      <c r="C8">
        <v>66.153518021419401</v>
      </c>
      <c r="D8">
        <v>7.6519799232482901</v>
      </c>
      <c r="E8">
        <v>1312.06784863025</v>
      </c>
      <c r="F8">
        <v>6.9275803565979004</v>
      </c>
      <c r="G8">
        <v>1.1045675277710001</v>
      </c>
    </row>
    <row r="9" spans="1:7" x14ac:dyDescent="0.25">
      <c r="A9" t="s">
        <v>14</v>
      </c>
      <c r="B9">
        <v>31.544000625610401</v>
      </c>
      <c r="C9">
        <v>75.701275332159597</v>
      </c>
      <c r="D9">
        <v>7.83103370666504</v>
      </c>
      <c r="E9">
        <v>1342.76982862502</v>
      </c>
      <c r="F9">
        <v>7.9274191856384304</v>
      </c>
      <c r="G9">
        <v>0.98784148693084695</v>
      </c>
    </row>
    <row r="10" spans="1:7" x14ac:dyDescent="0.25">
      <c r="A10" t="s">
        <v>15</v>
      </c>
      <c r="B10">
        <v>35.144001007080099</v>
      </c>
      <c r="C10">
        <v>85.251641775106506</v>
      </c>
      <c r="D10">
        <v>7.75783014297485</v>
      </c>
      <c r="E10">
        <v>1330.2178122103201</v>
      </c>
      <c r="F10">
        <v>8.9275312423706108</v>
      </c>
      <c r="G10">
        <v>0.86897820234298695</v>
      </c>
    </row>
    <row r="11" spans="1:7" x14ac:dyDescent="0.25">
      <c r="A11" t="s">
        <v>16</v>
      </c>
      <c r="B11">
        <v>38.734001159667997</v>
      </c>
      <c r="C11">
        <v>94.775265751298704</v>
      </c>
      <c r="D11">
        <v>7.9867415428161603</v>
      </c>
      <c r="E11">
        <v>1369.4687513634599</v>
      </c>
      <c r="F11">
        <v>9.9248428344726598</v>
      </c>
      <c r="G11">
        <v>0.80472218990325906</v>
      </c>
    </row>
    <row r="12" spans="1:7" x14ac:dyDescent="0.25">
      <c r="A12" t="s">
        <v>17</v>
      </c>
      <c r="B12">
        <v>42.333999633789098</v>
      </c>
      <c r="C12">
        <v>104.32525425711999</v>
      </c>
      <c r="D12">
        <v>8.3910903930664098</v>
      </c>
      <c r="E12">
        <v>1438.8015260919899</v>
      </c>
      <c r="F12">
        <v>10.9249153137207</v>
      </c>
      <c r="G12">
        <v>0.76806914806366</v>
      </c>
    </row>
    <row r="13" spans="1:7" x14ac:dyDescent="0.25">
      <c r="A13" t="s">
        <v>18</v>
      </c>
      <c r="B13">
        <v>45.933998107910199</v>
      </c>
      <c r="C13">
        <v>113.87622631016001</v>
      </c>
      <c r="D13">
        <v>8.7977676391601598</v>
      </c>
      <c r="E13">
        <v>1508.5334889590699</v>
      </c>
      <c r="F13">
        <v>11.925090789794901</v>
      </c>
      <c r="G13">
        <v>0.73775267601013195</v>
      </c>
    </row>
    <row r="14" spans="1:7" x14ac:dyDescent="0.25">
      <c r="A14" t="s">
        <v>19</v>
      </c>
      <c r="B14">
        <v>49.534000396728501</v>
      </c>
      <c r="C14">
        <v>123.426123746794</v>
      </c>
      <c r="D14">
        <v>9.2972383499145508</v>
      </c>
      <c r="E14">
        <v>1594.1766323521699</v>
      </c>
      <c r="F14">
        <v>12.925153732299799</v>
      </c>
      <c r="G14">
        <v>0.71931356191635099</v>
      </c>
    </row>
    <row r="15" spans="1:7" x14ac:dyDescent="0.25">
      <c r="A15" t="s">
        <v>20</v>
      </c>
      <c r="B15">
        <v>53.133998870849602</v>
      </c>
      <c r="C15">
        <v>132.975274416095</v>
      </c>
      <c r="D15">
        <v>10.0370626449585</v>
      </c>
      <c r="E15">
        <v>1721.03266231716</v>
      </c>
      <c r="F15">
        <v>13.9251384735107</v>
      </c>
      <c r="G15">
        <v>0.72078728675842296</v>
      </c>
    </row>
    <row r="16" spans="1:7" x14ac:dyDescent="0.25">
      <c r="A16" t="s">
        <v>21</v>
      </c>
      <c r="B16">
        <v>56.734001159667997</v>
      </c>
      <c r="C16">
        <v>142.52596415465601</v>
      </c>
      <c r="D16">
        <v>9.9553785324096697</v>
      </c>
      <c r="E16">
        <v>1707.0265021175101</v>
      </c>
      <c r="F16">
        <v>14.9252843856812</v>
      </c>
      <c r="G16">
        <v>0.667014300823212</v>
      </c>
    </row>
    <row r="17" spans="1:7" x14ac:dyDescent="0.25">
      <c r="A17" t="s">
        <v>22</v>
      </c>
      <c r="B17">
        <v>60.333999633789098</v>
      </c>
      <c r="C17">
        <v>152.077145666826</v>
      </c>
      <c r="D17">
        <v>10.5538673400879</v>
      </c>
      <c r="E17">
        <v>1809.64800529182</v>
      </c>
      <c r="F17">
        <v>15.9254817962646</v>
      </c>
      <c r="G17">
        <v>0.662703156471252</v>
      </c>
    </row>
    <row r="18" spans="1:7" x14ac:dyDescent="0.25">
      <c r="A18" t="s">
        <v>23</v>
      </c>
      <c r="B18">
        <v>63.933998107910199</v>
      </c>
      <c r="C18">
        <v>161.62363711586701</v>
      </c>
      <c r="D18">
        <v>11.114474296569799</v>
      </c>
      <c r="E18">
        <v>1905.77411558479</v>
      </c>
      <c r="F18">
        <v>16.925188064575199</v>
      </c>
      <c r="G18">
        <v>0.65668249130249001</v>
      </c>
    </row>
    <row r="19" spans="1:7" x14ac:dyDescent="0.25">
      <c r="A19" t="s">
        <v>24</v>
      </c>
      <c r="B19">
        <v>67.533996582031307</v>
      </c>
      <c r="C19">
        <v>171.17005570955899</v>
      </c>
      <c r="D19">
        <v>11.591007232666</v>
      </c>
      <c r="E19">
        <v>1987.48405091465</v>
      </c>
      <c r="F19">
        <v>17.9248867034912</v>
      </c>
      <c r="G19">
        <v>0.64664328098297097</v>
      </c>
    </row>
    <row r="20" spans="1:7" x14ac:dyDescent="0.25">
      <c r="A20" t="s">
        <v>25</v>
      </c>
      <c r="B20">
        <v>71.134002685546903</v>
      </c>
      <c r="C20">
        <v>180.71807712094099</v>
      </c>
      <c r="D20">
        <v>12.546312332153301</v>
      </c>
      <c r="E20">
        <v>2151.2880921363799</v>
      </c>
      <c r="F20">
        <v>18.9247531890869</v>
      </c>
      <c r="G20">
        <v>0.66295778751373302</v>
      </c>
    </row>
    <row r="21" spans="1:7" x14ac:dyDescent="0.25">
      <c r="A21" t="s">
        <v>26</v>
      </c>
      <c r="B21">
        <v>74.734001159667997</v>
      </c>
      <c r="C21">
        <v>190.264277148584</v>
      </c>
      <c r="D21">
        <v>12.7309713363647</v>
      </c>
      <c r="E21">
        <v>2182.9511970281601</v>
      </c>
      <c r="F21">
        <v>19.9244289398193</v>
      </c>
      <c r="G21">
        <v>0.63896292448043801</v>
      </c>
    </row>
    <row r="22" spans="1:7" x14ac:dyDescent="0.25">
      <c r="A22" t="s">
        <v>27</v>
      </c>
      <c r="B22">
        <v>78.333999633789105</v>
      </c>
      <c r="C22">
        <v>199.81224391845399</v>
      </c>
      <c r="D22">
        <v>13.379956245422401</v>
      </c>
      <c r="E22">
        <v>2294.2312061786702</v>
      </c>
      <c r="F22">
        <v>20.924289703369102</v>
      </c>
      <c r="G22">
        <v>0.63944613933563199</v>
      </c>
    </row>
    <row r="23" spans="1:7" x14ac:dyDescent="0.25">
      <c r="A23" t="s">
        <v>28</v>
      </c>
      <c r="B23">
        <v>81.933998107910199</v>
      </c>
      <c r="C23">
        <v>209.35797038632501</v>
      </c>
      <c r="D23">
        <v>14.2792778015137</v>
      </c>
      <c r="E23">
        <v>2448.4358727931999</v>
      </c>
      <c r="F23">
        <v>21.923915863037099</v>
      </c>
      <c r="G23">
        <v>0.65131056308746305</v>
      </c>
    </row>
    <row r="24" spans="1:7" x14ac:dyDescent="0.25">
      <c r="A24" t="s">
        <v>29</v>
      </c>
      <c r="B24">
        <v>85.533996582031307</v>
      </c>
      <c r="C24">
        <v>218.90661106817899</v>
      </c>
      <c r="D24">
        <v>15.866868019104</v>
      </c>
      <c r="E24">
        <v>2720.6563390791398</v>
      </c>
      <c r="F24">
        <v>22.9238471984863</v>
      </c>
      <c r="G24">
        <v>0.69215553998947099</v>
      </c>
    </row>
    <row r="25" spans="1:7" x14ac:dyDescent="0.25">
      <c r="A25" t="s">
        <v>30</v>
      </c>
      <c r="B25">
        <v>89.134002685546903</v>
      </c>
      <c r="C25">
        <v>228.452301108374</v>
      </c>
      <c r="D25">
        <v>17.5189094543457</v>
      </c>
      <c r="E25">
        <v>3003.9283446967602</v>
      </c>
      <c r="F25">
        <v>23.923469543456999</v>
      </c>
      <c r="G25">
        <v>0.73228967189788796</v>
      </c>
    </row>
    <row r="26" spans="1:7" x14ac:dyDescent="0.25">
      <c r="A26" t="s">
        <v>31</v>
      </c>
      <c r="B26">
        <v>92.734001159667997</v>
      </c>
      <c r="C26">
        <v>237.99857399136701</v>
      </c>
      <c r="D26">
        <v>17.714321136474599</v>
      </c>
      <c r="E26">
        <v>3037.4350026249899</v>
      </c>
      <c r="F26">
        <v>24.923152923583999</v>
      </c>
      <c r="G26">
        <v>0.71075761318206798</v>
      </c>
    </row>
    <row r="27" spans="1:7" x14ac:dyDescent="0.25">
      <c r="A27" t="s">
        <v>32</v>
      </c>
      <c r="B27">
        <v>96.333999633789105</v>
      </c>
      <c r="C27">
        <v>247.54546614483101</v>
      </c>
      <c r="D27">
        <v>18.372493743896499</v>
      </c>
      <c r="E27">
        <v>3150.2905767410998</v>
      </c>
      <c r="F27">
        <v>25.922901153564499</v>
      </c>
      <c r="G27">
        <v>0.70873600244522095</v>
      </c>
    </row>
    <row r="28" spans="1:7" x14ac:dyDescent="0.25">
      <c r="A28" t="s">
        <v>33</v>
      </c>
      <c r="B28">
        <v>99.933998107910199</v>
      </c>
      <c r="C28">
        <v>257.09279543039202</v>
      </c>
      <c r="D28">
        <v>19.504350662231399</v>
      </c>
      <c r="E28">
        <v>3344.3672582507102</v>
      </c>
      <c r="F28">
        <v>26.922695159912099</v>
      </c>
      <c r="G28">
        <v>0.72445756196975697</v>
      </c>
    </row>
    <row r="29" spans="1:7" x14ac:dyDescent="0.25">
      <c r="A29" t="s">
        <v>34</v>
      </c>
      <c r="B29">
        <v>103.542999267578</v>
      </c>
      <c r="C29">
        <v>266.66719047832203</v>
      </c>
      <c r="D29">
        <v>20.845680236816399</v>
      </c>
      <c r="E29">
        <v>3574.3620246648802</v>
      </c>
      <c r="F29">
        <v>27.9253234863281</v>
      </c>
      <c r="G29">
        <v>0.746479451656342</v>
      </c>
    </row>
    <row r="30" spans="1:7" x14ac:dyDescent="0.25">
      <c r="A30" t="s">
        <v>35</v>
      </c>
      <c r="B30">
        <v>107.14299774169901</v>
      </c>
      <c r="C30">
        <v>276.21386406573703</v>
      </c>
      <c r="D30">
        <v>21.638463973998999</v>
      </c>
      <c r="E30">
        <v>3710.2990318089701</v>
      </c>
      <c r="F30">
        <v>28.925048828125</v>
      </c>
      <c r="G30">
        <v>0.74808740615844704</v>
      </c>
    </row>
    <row r="31" spans="1:7" x14ac:dyDescent="0.25">
      <c r="A31" t="s">
        <v>36</v>
      </c>
      <c r="B31">
        <v>110.74299621582</v>
      </c>
      <c r="C31">
        <v>285.76068336385202</v>
      </c>
      <c r="D31">
        <v>22.675531387329102</v>
      </c>
      <c r="E31">
        <v>3888.1227374076798</v>
      </c>
      <c r="F31">
        <v>29.924789428710898</v>
      </c>
      <c r="G31">
        <v>0.75775074958801303</v>
      </c>
    </row>
    <row r="32" spans="1:7" x14ac:dyDescent="0.25">
      <c r="A32" t="s">
        <v>37</v>
      </c>
      <c r="B32">
        <v>114.34300231933599</v>
      </c>
      <c r="C32">
        <v>295.30597269962499</v>
      </c>
      <c r="D32">
        <v>24.456422805786101</v>
      </c>
      <c r="E32">
        <v>4193.4880428016204</v>
      </c>
      <c r="F32">
        <v>30.924369812011701</v>
      </c>
      <c r="G32">
        <v>0.790846288204193</v>
      </c>
    </row>
    <row r="33" spans="1:7" x14ac:dyDescent="0.25">
      <c r="A33" t="s">
        <v>38</v>
      </c>
      <c r="B33">
        <v>117.943000793457</v>
      </c>
      <c r="C33">
        <v>304.85353876507202</v>
      </c>
      <c r="D33">
        <v>25.627611160278299</v>
      </c>
      <c r="E33">
        <v>4394.3091295659497</v>
      </c>
      <c r="F33">
        <v>31.924188613891602</v>
      </c>
      <c r="G33">
        <v>0.80276465415954601</v>
      </c>
    </row>
    <row r="34" spans="1:7" x14ac:dyDescent="0.25">
      <c r="A34" t="s">
        <v>39</v>
      </c>
      <c r="B34">
        <v>121.542999267578</v>
      </c>
      <c r="C34">
        <v>314.40219766076302</v>
      </c>
      <c r="D34">
        <v>28.138721466064499</v>
      </c>
      <c r="E34">
        <v>4824.8837701976299</v>
      </c>
      <c r="F34">
        <v>32.924121856689503</v>
      </c>
      <c r="G34">
        <v>0.85465365648269698</v>
      </c>
    </row>
    <row r="35" spans="1:7" x14ac:dyDescent="0.25">
      <c r="A35" t="s">
        <v>40</v>
      </c>
      <c r="B35">
        <v>125.14299774169901</v>
      </c>
      <c r="C35">
        <v>323.94934480795098</v>
      </c>
      <c r="D35">
        <v>27.891687393188501</v>
      </c>
      <c r="E35">
        <v>4782.5253568589696</v>
      </c>
      <c r="F35">
        <v>33.923896789550803</v>
      </c>
      <c r="G35">
        <v>0.82218408584594704</v>
      </c>
    </row>
    <row r="36" spans="1:7" x14ac:dyDescent="0.25">
      <c r="A36" t="s">
        <v>41</v>
      </c>
      <c r="B36">
        <v>128.74299621582</v>
      </c>
      <c r="C36">
        <v>333.49630981676398</v>
      </c>
      <c r="D36">
        <v>28.003391265869102</v>
      </c>
      <c r="E36">
        <v>4801.6789369285098</v>
      </c>
      <c r="F36">
        <v>34.923652648925803</v>
      </c>
      <c r="G36">
        <v>0.80184602737426802</v>
      </c>
    </row>
    <row r="37" spans="1:7" x14ac:dyDescent="0.25">
      <c r="A37" t="s">
        <v>42</v>
      </c>
      <c r="B37">
        <v>132.34300231933599</v>
      </c>
      <c r="C37">
        <v>343.04254627208201</v>
      </c>
      <c r="D37">
        <v>29.642213821411101</v>
      </c>
      <c r="E37">
        <v>5082.6841033995197</v>
      </c>
      <c r="F37">
        <v>35.923332214355497</v>
      </c>
      <c r="G37">
        <v>0.82515209913253795</v>
      </c>
    </row>
    <row r="38" spans="1:7" x14ac:dyDescent="0.25">
      <c r="A38" t="s">
        <v>43</v>
      </c>
      <c r="B38">
        <v>135.94299316406301</v>
      </c>
      <c r="C38">
        <v>352.59129623695998</v>
      </c>
      <c r="D38">
        <v>30.9012241363525</v>
      </c>
      <c r="E38">
        <v>5298.5637448728103</v>
      </c>
      <c r="F38">
        <v>36.923274993896499</v>
      </c>
      <c r="G38">
        <v>0.83690369129180897</v>
      </c>
    </row>
    <row r="39" spans="1:7" x14ac:dyDescent="0.25">
      <c r="A39" t="s">
        <v>44</v>
      </c>
      <c r="B39">
        <v>139.54299926757801</v>
      </c>
      <c r="C39">
        <v>362.13713198785501</v>
      </c>
      <c r="D39">
        <v>31.9303302764893</v>
      </c>
      <c r="E39">
        <v>5475.0223644077796</v>
      </c>
      <c r="F39">
        <v>37.9229125976563</v>
      </c>
      <c r="G39">
        <v>0.841979920864105</v>
      </c>
    </row>
    <row r="40" spans="1:7" x14ac:dyDescent="0.25">
      <c r="A40" t="s">
        <v>45</v>
      </c>
      <c r="B40">
        <v>143.14300537109401</v>
      </c>
      <c r="C40">
        <v>371.68504411621302</v>
      </c>
      <c r="D40">
        <v>32.291793823242202</v>
      </c>
      <c r="E40">
        <v>5537.0014160871497</v>
      </c>
      <c r="F40">
        <v>38.922767639160199</v>
      </c>
      <c r="G40">
        <v>0.82963764667510997</v>
      </c>
    </row>
    <row r="41" spans="1:7" x14ac:dyDescent="0.25">
      <c r="A41" t="s">
        <v>46</v>
      </c>
      <c r="B41">
        <v>146.74299621582</v>
      </c>
      <c r="C41">
        <v>381.228949200344</v>
      </c>
      <c r="D41">
        <v>33.579238891601598</v>
      </c>
      <c r="E41">
        <v>5757.7569968998396</v>
      </c>
      <c r="F41">
        <v>39.922203063964801</v>
      </c>
      <c r="G41">
        <v>0.84111690521240201</v>
      </c>
    </row>
    <row r="42" spans="1:7" x14ac:dyDescent="0.25">
      <c r="A42" t="s">
        <v>47</v>
      </c>
      <c r="B42">
        <v>150.34300231933599</v>
      </c>
      <c r="C42">
        <v>390.776278485906</v>
      </c>
      <c r="D42">
        <v>34.614513397216797</v>
      </c>
      <c r="E42">
        <v>5935.2731332182902</v>
      </c>
      <c r="F42">
        <v>40.9219970703125</v>
      </c>
      <c r="G42">
        <v>0.84586566686630205</v>
      </c>
    </row>
    <row r="43" spans="1:7" x14ac:dyDescent="0.25">
      <c r="A43" t="s">
        <v>48</v>
      </c>
      <c r="B43">
        <v>153.94299316406301</v>
      </c>
      <c r="C43">
        <v>400.32269707959699</v>
      </c>
      <c r="D43">
        <v>36.009181976318402</v>
      </c>
      <c r="E43">
        <v>6174.4139529764698</v>
      </c>
      <c r="F43">
        <v>41.921695709228501</v>
      </c>
      <c r="G43">
        <v>0.85896289348602295</v>
      </c>
    </row>
    <row r="44" spans="1:7" x14ac:dyDescent="0.25">
      <c r="A44" t="s">
        <v>49</v>
      </c>
      <c r="B44">
        <v>157.54299926757801</v>
      </c>
      <c r="C44">
        <v>409.87137418912602</v>
      </c>
      <c r="D44">
        <v>37.2065620422363</v>
      </c>
      <c r="E44">
        <v>6379.7258771956003</v>
      </c>
      <c r="F44">
        <v>42.921630859375</v>
      </c>
      <c r="G44">
        <v>0.86684876680374101</v>
      </c>
    </row>
    <row r="45" spans="1:7" x14ac:dyDescent="0.25">
      <c r="A45" t="s">
        <v>50</v>
      </c>
      <c r="B45">
        <v>161.14300537109401</v>
      </c>
      <c r="C45">
        <v>419.41812063189099</v>
      </c>
      <c r="D45">
        <v>38.859031677246101</v>
      </c>
      <c r="E45">
        <v>6663.0709916353198</v>
      </c>
      <c r="F45">
        <v>43.921363830566399</v>
      </c>
      <c r="G45">
        <v>0.88474100828170799</v>
      </c>
    </row>
    <row r="46" spans="1:7" x14ac:dyDescent="0.25">
      <c r="A46" t="s">
        <v>51</v>
      </c>
      <c r="B46">
        <v>164.74299621582</v>
      </c>
      <c r="C46">
        <v>428.96974838307699</v>
      </c>
      <c r="D46">
        <v>40.971549987792997</v>
      </c>
      <c r="E46">
        <v>7025.3000594675505</v>
      </c>
      <c r="F46">
        <v>44.921607971191399</v>
      </c>
      <c r="G46">
        <v>0.912067770957947</v>
      </c>
    </row>
    <row r="47" spans="1:7" x14ac:dyDescent="0.25">
      <c r="A47" t="s">
        <v>52</v>
      </c>
      <c r="B47">
        <v>168.34300231933599</v>
      </c>
      <c r="C47">
        <v>438.51044783182698</v>
      </c>
      <c r="D47">
        <v>42.2581596374512</v>
      </c>
      <c r="E47">
        <v>7245.9122166037596</v>
      </c>
      <c r="F47">
        <v>45.920707702636697</v>
      </c>
      <c r="G47">
        <v>0.92024189233779896</v>
      </c>
    </row>
    <row r="48" spans="1:7" x14ac:dyDescent="0.25">
      <c r="A48" t="s">
        <v>53</v>
      </c>
      <c r="B48">
        <v>171.94299316406301</v>
      </c>
      <c r="C48">
        <v>448.06043633764801</v>
      </c>
      <c r="D48">
        <v>43.315395355224602</v>
      </c>
      <c r="E48">
        <v>7427.1941557526598</v>
      </c>
      <c r="F48">
        <v>46.920780181884801</v>
      </c>
      <c r="G48">
        <v>0.92316019535064697</v>
      </c>
    </row>
    <row r="49" spans="1:7" x14ac:dyDescent="0.25">
      <c r="A49" t="s">
        <v>54</v>
      </c>
      <c r="B49">
        <v>175.54299926757801</v>
      </c>
      <c r="C49">
        <v>457.60616280551898</v>
      </c>
      <c r="D49">
        <v>44.214630126953097</v>
      </c>
      <c r="E49">
        <v>7581.3839212060002</v>
      </c>
      <c r="F49">
        <v>47.920406341552699</v>
      </c>
      <c r="G49">
        <v>0.92266809940338101</v>
      </c>
    </row>
    <row r="50" spans="1:7" x14ac:dyDescent="0.25">
      <c r="A50" t="s">
        <v>55</v>
      </c>
      <c r="B50">
        <v>179.14300537109401</v>
      </c>
      <c r="C50">
        <v>467.15283639293398</v>
      </c>
      <c r="D50">
        <v>46.295906066894503</v>
      </c>
      <c r="E50">
        <v>7938.2555559277498</v>
      </c>
      <c r="F50">
        <v>48.920131683349602</v>
      </c>
      <c r="G50">
        <v>0.94635695219039895</v>
      </c>
    </row>
    <row r="51" spans="1:7" x14ac:dyDescent="0.25">
      <c r="A51" t="s">
        <v>56</v>
      </c>
      <c r="B51">
        <v>182.74299621582</v>
      </c>
      <c r="C51">
        <v>476.69972854639798</v>
      </c>
      <c r="D51">
        <v>47.029708862304702</v>
      </c>
      <c r="E51">
        <v>8064.0790984034502</v>
      </c>
      <c r="F51">
        <v>49.919879913330099</v>
      </c>
      <c r="G51">
        <v>0.94210380315780595</v>
      </c>
    </row>
    <row r="52" spans="1:7" x14ac:dyDescent="0.25">
      <c r="A52" t="s">
        <v>57</v>
      </c>
      <c r="B52">
        <v>186.34300231933599</v>
      </c>
      <c r="C52">
        <v>486.246292850788</v>
      </c>
      <c r="D52">
        <v>49.4478759765625</v>
      </c>
      <c r="E52">
        <v>8478.7169471383095</v>
      </c>
      <c r="F52">
        <v>50.919593811035199</v>
      </c>
      <c r="G52">
        <v>0.97109723091125499</v>
      </c>
    </row>
    <row r="53" spans="1:7" x14ac:dyDescent="0.25">
      <c r="A53" t="s">
        <v>58</v>
      </c>
      <c r="B53">
        <v>189.94299316406301</v>
      </c>
      <c r="C53">
        <v>495.79475139426802</v>
      </c>
      <c r="D53">
        <v>49.453483581542997</v>
      </c>
      <c r="E53">
        <v>8479.6780720353108</v>
      </c>
      <c r="F53">
        <v>51.919506072997997</v>
      </c>
      <c r="G53">
        <v>0.95250296592712402</v>
      </c>
    </row>
    <row r="54" spans="1:7" x14ac:dyDescent="0.25">
      <c r="A54" t="s">
        <v>59</v>
      </c>
      <c r="B54">
        <v>193.54299926757801</v>
      </c>
      <c r="C54">
        <v>505.341315698659</v>
      </c>
      <c r="D54">
        <v>51.190254211425803</v>
      </c>
      <c r="E54">
        <v>8777.4787098169309</v>
      </c>
      <c r="F54">
        <v>52.919219970703097</v>
      </c>
      <c r="G54">
        <v>0.96732819080352805</v>
      </c>
    </row>
    <row r="55" spans="1:7" x14ac:dyDescent="0.25">
      <c r="A55" t="s">
        <v>60</v>
      </c>
      <c r="B55">
        <v>197.14300537109401</v>
      </c>
      <c r="C55">
        <v>514.88518435511503</v>
      </c>
      <c r="D55">
        <v>51.48291015625</v>
      </c>
      <c r="E55">
        <v>8827.6593014597893</v>
      </c>
      <c r="F55">
        <v>53.918651580810497</v>
      </c>
      <c r="G55">
        <v>0.954825639724731</v>
      </c>
    </row>
    <row r="56" spans="1:7" x14ac:dyDescent="0.25">
      <c r="A56" t="s">
        <v>61</v>
      </c>
      <c r="B56">
        <v>200.74299621582</v>
      </c>
      <c r="C56">
        <v>524.43743137677302</v>
      </c>
      <c r="D56">
        <v>52.225261688232401</v>
      </c>
      <c r="E56">
        <v>8954.9487456679308</v>
      </c>
      <c r="F56">
        <v>54.918960571289098</v>
      </c>
      <c r="G56">
        <v>0.95095139741897605</v>
      </c>
    </row>
    <row r="57" spans="1:7" x14ac:dyDescent="0.25">
      <c r="A57" t="s">
        <v>62</v>
      </c>
      <c r="B57">
        <v>204.34300231933599</v>
      </c>
      <c r="C57">
        <v>533.98468780698499</v>
      </c>
      <c r="D57">
        <v>53.8769340515137</v>
      </c>
      <c r="E57">
        <v>9238.1574213504791</v>
      </c>
      <c r="F57">
        <v>55.918746948242202</v>
      </c>
      <c r="G57">
        <v>0.96348607540130604</v>
      </c>
    </row>
    <row r="58" spans="1:7" x14ac:dyDescent="0.25">
      <c r="A58" t="s">
        <v>63</v>
      </c>
      <c r="B58">
        <v>207.94299316406301</v>
      </c>
      <c r="C58">
        <v>543.52669865202699</v>
      </c>
      <c r="D58">
        <v>55.291057586669901</v>
      </c>
      <c r="E58">
        <v>9480.6337729096394</v>
      </c>
      <c r="F58">
        <v>56.917984008789098</v>
      </c>
      <c r="G58">
        <v>0.97141629457473799</v>
      </c>
    </row>
    <row r="59" spans="1:7" x14ac:dyDescent="0.25">
      <c r="A59" t="s">
        <v>64</v>
      </c>
      <c r="B59">
        <v>211.54299926757801</v>
      </c>
      <c r="C59">
        <v>553.07730642831996</v>
      </c>
      <c r="D59">
        <v>61.257366180419901</v>
      </c>
      <c r="E59">
        <v>10503.6636814475</v>
      </c>
      <c r="F59">
        <v>57.918121337890597</v>
      </c>
      <c r="G59">
        <v>1.0576546192169201</v>
      </c>
    </row>
    <row r="60" spans="1:7" x14ac:dyDescent="0.25">
      <c r="A60" t="s">
        <v>65</v>
      </c>
      <c r="B60">
        <v>215.14300537109401</v>
      </c>
      <c r="C60">
        <v>562.62230434269497</v>
      </c>
      <c r="D60">
        <v>60.186355590820298</v>
      </c>
      <c r="E60">
        <v>10320.0199082494</v>
      </c>
      <c r="F60">
        <v>58.917671203613303</v>
      </c>
      <c r="G60">
        <v>1.02153313159943</v>
      </c>
    </row>
    <row r="61" spans="1:7" x14ac:dyDescent="0.25">
      <c r="A61" t="s">
        <v>66</v>
      </c>
      <c r="B61">
        <v>218.74299621582</v>
      </c>
      <c r="C61">
        <v>572.17418708760499</v>
      </c>
      <c r="D61">
        <v>61.2208251953125</v>
      </c>
      <c r="E61">
        <v>10497.3977431655</v>
      </c>
      <c r="F61">
        <v>59.917942047119098</v>
      </c>
      <c r="G61">
        <v>1.0217444896698</v>
      </c>
    </row>
    <row r="62" spans="1:7" x14ac:dyDescent="0.25">
      <c r="A62" t="s">
        <v>67</v>
      </c>
      <c r="B62">
        <v>222.34300231933599</v>
      </c>
      <c r="C62">
        <v>581.71740004591504</v>
      </c>
      <c r="D62">
        <v>61.401847839355497</v>
      </c>
      <c r="E62">
        <v>10528.4377932549</v>
      </c>
      <c r="F62">
        <v>60.917304992675803</v>
      </c>
      <c r="G62">
        <v>1.0079541206359901</v>
      </c>
    </row>
    <row r="63" spans="1:7" x14ac:dyDescent="0.25">
      <c r="A63" t="s">
        <v>68</v>
      </c>
      <c r="B63">
        <v>225.94299316406301</v>
      </c>
      <c r="C63">
        <v>591.26301723076097</v>
      </c>
      <c r="D63">
        <v>61.955886840820298</v>
      </c>
      <c r="E63">
        <v>10623.437352478501</v>
      </c>
      <c r="F63">
        <v>61.916919708252003</v>
      </c>
      <c r="G63">
        <v>1.0006293058395399</v>
      </c>
    </row>
    <row r="64" spans="1:7" x14ac:dyDescent="0.25">
      <c r="A64" t="s">
        <v>69</v>
      </c>
      <c r="B64">
        <v>229.54299926757801</v>
      </c>
      <c r="C64">
        <v>600.811002214469</v>
      </c>
      <c r="D64">
        <v>62.338874816894503</v>
      </c>
      <c r="E64">
        <v>10689.1077011824</v>
      </c>
      <c r="F64">
        <v>62.916782379150398</v>
      </c>
      <c r="G64">
        <v>0.99081474542617798</v>
      </c>
    </row>
    <row r="65" spans="1:7" x14ac:dyDescent="0.25">
      <c r="A65" t="s">
        <v>70</v>
      </c>
      <c r="B65">
        <v>233.14300537109401</v>
      </c>
      <c r="C65">
        <v>610.35840435538</v>
      </c>
      <c r="D65">
        <v>63.801773071289098</v>
      </c>
      <c r="E65">
        <v>10939.9473294616</v>
      </c>
      <c r="F65">
        <v>63.916584014892599</v>
      </c>
      <c r="G65">
        <v>0.99820375442504905</v>
      </c>
    </row>
    <row r="66" spans="1:7" x14ac:dyDescent="0.25">
      <c r="A66" t="s">
        <v>71</v>
      </c>
      <c r="B66">
        <v>236.74299621582</v>
      </c>
      <c r="C66">
        <v>619.90387582952701</v>
      </c>
      <c r="D66">
        <v>66.657806396484403</v>
      </c>
      <c r="E66">
        <v>11429.665610194201</v>
      </c>
      <c r="F66">
        <v>64.916183471679702</v>
      </c>
      <c r="G66">
        <v>1.02682876586914</v>
      </c>
    </row>
    <row r="67" spans="1:7" x14ac:dyDescent="0.25">
      <c r="A67" t="s">
        <v>72</v>
      </c>
      <c r="B67">
        <v>240.34300231933599</v>
      </c>
      <c r="C67">
        <v>629.44792662435702</v>
      </c>
      <c r="D67">
        <v>61.9088134765625</v>
      </c>
      <c r="E67">
        <v>10615.365579724299</v>
      </c>
      <c r="F67">
        <v>65.915634155273395</v>
      </c>
      <c r="G67">
        <v>0.93921291828155495</v>
      </c>
    </row>
    <row r="68" spans="1:7" x14ac:dyDescent="0.25">
      <c r="A68" t="s">
        <v>73</v>
      </c>
      <c r="B68">
        <v>243.94299316406301</v>
      </c>
      <c r="C68">
        <v>638.99795155785296</v>
      </c>
      <c r="D68">
        <v>63.021450042724602</v>
      </c>
      <c r="E68">
        <v>10806.1470091343</v>
      </c>
      <c r="F68">
        <v>66.915710449218807</v>
      </c>
      <c r="G68">
        <v>0.94180351495742798</v>
      </c>
    </row>
    <row r="69" spans="1:7" x14ac:dyDescent="0.25">
      <c r="A69" t="s">
        <v>74</v>
      </c>
      <c r="B69">
        <v>247.54299926757801</v>
      </c>
      <c r="C69">
        <v>648.542148063382</v>
      </c>
      <c r="D69">
        <v>62.734169006347699</v>
      </c>
      <c r="E69">
        <v>10756.8874955177</v>
      </c>
      <c r="F69">
        <v>67.915176391601605</v>
      </c>
      <c r="G69">
        <v>0.92371356487274203</v>
      </c>
    </row>
    <row r="70" spans="1:7" x14ac:dyDescent="0.25">
      <c r="A70" t="s">
        <v>75</v>
      </c>
      <c r="B70">
        <v>251.14300537109401</v>
      </c>
      <c r="C70">
        <v>658.08969591499203</v>
      </c>
      <c r="D70">
        <v>67.907768249511705</v>
      </c>
      <c r="E70">
        <v>11643.993668258199</v>
      </c>
      <c r="F70">
        <v>68.914993286132798</v>
      </c>
      <c r="G70">
        <v>0.98538452386856101</v>
      </c>
    </row>
    <row r="71" spans="1:7" x14ac:dyDescent="0.25">
      <c r="A71" t="s">
        <v>76</v>
      </c>
      <c r="B71">
        <v>254.74299621582</v>
      </c>
      <c r="C71">
        <v>667.63870087359396</v>
      </c>
      <c r="D71">
        <v>68.820213317871094</v>
      </c>
      <c r="E71">
        <v>11800.447478890401</v>
      </c>
      <c r="F71">
        <v>69.914962768554702</v>
      </c>
      <c r="G71">
        <v>0.984341681003571</v>
      </c>
    </row>
    <row r="72" spans="1:7" x14ac:dyDescent="0.25">
      <c r="A72" t="s">
        <v>77</v>
      </c>
      <c r="B72">
        <v>258.34298706054699</v>
      </c>
      <c r="C72">
        <v>677.18996434803296</v>
      </c>
      <c r="D72">
        <v>73.537651062011705</v>
      </c>
      <c r="E72">
        <v>12609.336525201799</v>
      </c>
      <c r="F72">
        <v>70.915168762207003</v>
      </c>
      <c r="G72">
        <v>1.036980509758</v>
      </c>
    </row>
    <row r="73" spans="1:7" x14ac:dyDescent="0.25">
      <c r="A73" t="s">
        <v>78</v>
      </c>
      <c r="B73">
        <v>261.94299316406301</v>
      </c>
      <c r="C73">
        <v>686.73722077824402</v>
      </c>
      <c r="D73">
        <v>72.933746337890597</v>
      </c>
      <c r="E73">
        <v>12505.786493420601</v>
      </c>
      <c r="F73">
        <v>71.914955139160199</v>
      </c>
      <c r="G73">
        <v>1.01416659355164</v>
      </c>
    </row>
    <row r="74" spans="1:7" x14ac:dyDescent="0.25">
      <c r="A74" t="s">
        <v>79</v>
      </c>
      <c r="B74">
        <v>265.54299926757801</v>
      </c>
      <c r="C74">
        <v>696.280105887481</v>
      </c>
      <c r="D74">
        <v>76.960655212402301</v>
      </c>
      <c r="E74">
        <v>13196.2709128857</v>
      </c>
      <c r="F74">
        <v>72.914283752441406</v>
      </c>
      <c r="G74">
        <v>1.0554949045181301</v>
      </c>
    </row>
    <row r="75" spans="1:7" x14ac:dyDescent="0.25">
      <c r="A75" t="s">
        <v>80</v>
      </c>
      <c r="B75">
        <v>269.14300537109398</v>
      </c>
      <c r="C75">
        <v>705.82641519814899</v>
      </c>
      <c r="D75">
        <v>74.656936645507798</v>
      </c>
      <c r="E75">
        <v>12801.2578934431</v>
      </c>
      <c r="F75">
        <v>73.913970947265597</v>
      </c>
      <c r="G75">
        <v>1.0100517272949201</v>
      </c>
    </row>
    <row r="76" spans="1:7" x14ac:dyDescent="0.25">
      <c r="A76" t="s">
        <v>81</v>
      </c>
      <c r="B76">
        <v>272.74301147460898</v>
      </c>
      <c r="C76">
        <v>715.37476445860398</v>
      </c>
      <c r="D76">
        <v>77.206375122070298</v>
      </c>
      <c r="E76">
        <v>13238.404877483799</v>
      </c>
      <c r="F76">
        <v>74.913871765136705</v>
      </c>
      <c r="G76">
        <v>1.03060185909271</v>
      </c>
    </row>
    <row r="77" spans="1:7" x14ac:dyDescent="0.25">
      <c r="A77" t="s">
        <v>82</v>
      </c>
      <c r="B77">
        <v>276.34298706054699</v>
      </c>
      <c r="C77">
        <v>724.92427940465302</v>
      </c>
      <c r="D77">
        <v>77.414199829101605</v>
      </c>
      <c r="E77">
        <v>13274.0391418338</v>
      </c>
      <c r="F77">
        <v>75.913894653320298</v>
      </c>
      <c r="G77">
        <v>1.01976323127747</v>
      </c>
    </row>
    <row r="78" spans="1:7" x14ac:dyDescent="0.25">
      <c r="A78" t="s">
        <v>83</v>
      </c>
      <c r="B78">
        <v>279.94299316406301</v>
      </c>
      <c r="C78">
        <v>734.45798473984303</v>
      </c>
      <c r="D78">
        <v>79.673805236816406</v>
      </c>
      <c r="E78">
        <v>13661.488890647899</v>
      </c>
      <c r="F78">
        <v>76.912261962890597</v>
      </c>
      <c r="G78">
        <v>1.03590512275696</v>
      </c>
    </row>
    <row r="79" spans="1:7" x14ac:dyDescent="0.25">
      <c r="A79" t="s">
        <v>84</v>
      </c>
      <c r="B79">
        <v>283.54299926757801</v>
      </c>
      <c r="C79">
        <v>744.02207075580804</v>
      </c>
      <c r="D79">
        <v>79.0653076171875</v>
      </c>
      <c r="E79">
        <v>13557.1518912911</v>
      </c>
      <c r="F79">
        <v>77.913810729980497</v>
      </c>
      <c r="G79">
        <v>1.0147790908813501</v>
      </c>
    </row>
    <row r="80" spans="1:7" x14ac:dyDescent="0.25">
      <c r="A80" t="s">
        <v>85</v>
      </c>
      <c r="B80">
        <v>287.14300537109398</v>
      </c>
      <c r="C80">
        <v>753.55461040540399</v>
      </c>
      <c r="D80">
        <v>78.919883728027301</v>
      </c>
      <c r="E80">
        <v>13532.215729355799</v>
      </c>
      <c r="F80">
        <v>78.912055969238295</v>
      </c>
      <c r="G80">
        <v>1.00009918212891</v>
      </c>
    </row>
    <row r="81" spans="1:7" x14ac:dyDescent="0.25">
      <c r="A81" t="s">
        <v>86</v>
      </c>
      <c r="B81">
        <v>290.74301147460898</v>
      </c>
      <c r="C81">
        <v>763.11417938969498</v>
      </c>
      <c r="D81">
        <v>79.603546142578097</v>
      </c>
      <c r="E81">
        <v>13649.442233145201</v>
      </c>
      <c r="F81">
        <v>79.913131713867202</v>
      </c>
      <c r="G81">
        <v>0.99612599611282304</v>
      </c>
    </row>
    <row r="82" spans="1:7" x14ac:dyDescent="0.25">
      <c r="A82" t="s">
        <v>87</v>
      </c>
      <c r="B82">
        <v>294.34298706054699</v>
      </c>
      <c r="C82">
        <v>772.65298459935605</v>
      </c>
      <c r="D82">
        <v>80.777633666992202</v>
      </c>
      <c r="E82">
        <v>13850.759714841801</v>
      </c>
      <c r="F82">
        <v>80.912033081054702</v>
      </c>
      <c r="G82">
        <v>0.99833893775939897</v>
      </c>
    </row>
    <row r="83" spans="1:7" x14ac:dyDescent="0.25">
      <c r="A83" t="s">
        <v>88</v>
      </c>
      <c r="B83">
        <v>297.94299316406301</v>
      </c>
      <c r="C83">
        <v>782.20592374683497</v>
      </c>
      <c r="D83">
        <v>81.750083923339801</v>
      </c>
      <c r="E83">
        <v>14017.5046399236</v>
      </c>
      <c r="F83">
        <v>81.912414550781307</v>
      </c>
      <c r="G83">
        <v>0.99801826477050803</v>
      </c>
    </row>
    <row r="84" spans="1:7" x14ac:dyDescent="0.25">
      <c r="A84" t="s">
        <v>89</v>
      </c>
      <c r="B84">
        <v>301.5419921875</v>
      </c>
      <c r="C84">
        <v>791.75332588774597</v>
      </c>
      <c r="D84">
        <v>83.919502258300795</v>
      </c>
      <c r="E84">
        <v>14389.488846063599</v>
      </c>
      <c r="F84">
        <v>82.912216186523395</v>
      </c>
      <c r="G84">
        <v>1.0121488571167001</v>
      </c>
    </row>
    <row r="85" spans="1:7" x14ac:dyDescent="0.25">
      <c r="A85" t="s">
        <v>90</v>
      </c>
      <c r="B85">
        <v>305.14199829101602</v>
      </c>
      <c r="C85">
        <v>801.27209587627203</v>
      </c>
      <c r="D85">
        <v>80.298294067382798</v>
      </c>
      <c r="E85">
        <v>13768.569566309499</v>
      </c>
      <c r="F85">
        <v>83.909019470214801</v>
      </c>
      <c r="G85">
        <v>0.95696854591369596</v>
      </c>
    </row>
    <row r="86" spans="1:7" x14ac:dyDescent="0.25">
      <c r="A86" t="s">
        <v>91</v>
      </c>
      <c r="B86">
        <v>308.74200439453102</v>
      </c>
      <c r="C86">
        <v>810.83778470992695</v>
      </c>
      <c r="D86">
        <v>85.062126159667997</v>
      </c>
      <c r="E86">
        <v>14585.412107407999</v>
      </c>
      <c r="F86">
        <v>84.910736083984403</v>
      </c>
      <c r="G86">
        <v>1.0017828941345199</v>
      </c>
    </row>
    <row r="87" spans="1:7" x14ac:dyDescent="0.25">
      <c r="A87" t="s">
        <v>92</v>
      </c>
      <c r="B87">
        <v>312.34201049804699</v>
      </c>
      <c r="C87">
        <v>820.38423973129397</v>
      </c>
      <c r="D87">
        <v>84.713424682617202</v>
      </c>
      <c r="E87">
        <v>14525.6211981177</v>
      </c>
      <c r="F87">
        <v>85.910438537597699</v>
      </c>
      <c r="G87">
        <v>0.98606669902801503</v>
      </c>
    </row>
    <row r="88" spans="1:7" x14ac:dyDescent="0.25">
      <c r="A88" t="s">
        <v>93</v>
      </c>
      <c r="B88">
        <v>315.94198608398398</v>
      </c>
      <c r="C88">
        <v>829.93659603597598</v>
      </c>
      <c r="D88">
        <v>86.177505493164105</v>
      </c>
      <c r="E88">
        <v>14776.663854718199</v>
      </c>
      <c r="F88">
        <v>86.910758972167997</v>
      </c>
      <c r="G88">
        <v>0.99156314134597801</v>
      </c>
    </row>
    <row r="89" spans="1:7" x14ac:dyDescent="0.25">
      <c r="A89" t="s">
        <v>94</v>
      </c>
      <c r="B89">
        <v>319.5419921875</v>
      </c>
      <c r="C89">
        <v>839.47408984934395</v>
      </c>
      <c r="D89">
        <v>86.214515686035199</v>
      </c>
      <c r="E89">
        <v>14783.0108180642</v>
      </c>
      <c r="F89">
        <v>87.909523010253906</v>
      </c>
      <c r="G89">
        <v>0.98071873188018799</v>
      </c>
    </row>
    <row r="90" spans="1:7" x14ac:dyDescent="0.25">
      <c r="A90" t="s">
        <v>95</v>
      </c>
      <c r="B90">
        <v>323.14199829101602</v>
      </c>
      <c r="C90">
        <v>849.048084192852</v>
      </c>
      <c r="D90">
        <v>85.688858032226605</v>
      </c>
      <c r="E90">
        <v>14692.876487970399</v>
      </c>
      <c r="F90">
        <v>88.912109375</v>
      </c>
      <c r="G90">
        <v>0.963747918605804</v>
      </c>
    </row>
    <row r="91" spans="1:7" x14ac:dyDescent="0.25">
      <c r="A91" t="s">
        <v>96</v>
      </c>
      <c r="B91">
        <v>326.74200439453102</v>
      </c>
      <c r="C91">
        <v>858.58841936485305</v>
      </c>
      <c r="D91">
        <v>84.642898559570298</v>
      </c>
      <c r="E91">
        <v>14513.5289058089</v>
      </c>
      <c r="F91">
        <v>89.911170959472699</v>
      </c>
      <c r="G91">
        <v>0.94140583276748702</v>
      </c>
    </row>
    <row r="92" spans="1:7" x14ac:dyDescent="0.25">
      <c r="A92" t="s">
        <v>97</v>
      </c>
      <c r="B92">
        <v>330.34201049804699</v>
      </c>
      <c r="C92">
        <v>868.12066759305196</v>
      </c>
      <c r="D92">
        <v>84.832160949707003</v>
      </c>
      <c r="E92">
        <v>14545.9808409214</v>
      </c>
      <c r="F92">
        <v>90.909385681152301</v>
      </c>
      <c r="G92">
        <v>0.93315076828002896</v>
      </c>
    </row>
    <row r="93" spans="1:7" x14ac:dyDescent="0.25">
      <c r="A93" t="s">
        <v>98</v>
      </c>
      <c r="B93">
        <v>333.94198608398398</v>
      </c>
      <c r="C93">
        <v>877.66347984693903</v>
      </c>
      <c r="D93">
        <v>87.848190307617202</v>
      </c>
      <c r="E93">
        <v>15063.1330907345</v>
      </c>
      <c r="F93">
        <v>91.908706665039105</v>
      </c>
      <c r="G93">
        <v>0.95582008361816395</v>
      </c>
    </row>
    <row r="94" spans="1:7" x14ac:dyDescent="0.25">
      <c r="A94" t="s">
        <v>99</v>
      </c>
      <c r="B94">
        <v>337.5419921875</v>
      </c>
      <c r="C94">
        <v>887.211683396696</v>
      </c>
      <c r="D94">
        <v>91.193107604980497</v>
      </c>
      <c r="E94">
        <v>15636.6787850857</v>
      </c>
      <c r="F94">
        <v>92.908592224121094</v>
      </c>
      <c r="G94">
        <v>0.98153579235076904</v>
      </c>
    </row>
    <row r="95" spans="1:7" x14ac:dyDescent="0.25">
      <c r="A95" t="s">
        <v>100</v>
      </c>
      <c r="B95">
        <v>341.14199829101602</v>
      </c>
      <c r="C95">
        <v>896.77606083405897</v>
      </c>
      <c r="D95">
        <v>84.765945434570298</v>
      </c>
      <c r="E95">
        <v>14534.627087414299</v>
      </c>
      <c r="F95">
        <v>93.910171508789105</v>
      </c>
      <c r="G95">
        <v>0.90262794494628895</v>
      </c>
    </row>
    <row r="96" spans="1:7" x14ac:dyDescent="0.25">
      <c r="A96" t="s">
        <v>101</v>
      </c>
      <c r="B96">
        <v>344.74200439453102</v>
      </c>
      <c r="C96">
        <v>906.29810931331599</v>
      </c>
      <c r="D96">
        <v>86.828826904296903</v>
      </c>
      <c r="E96">
        <v>14888.3443325758</v>
      </c>
      <c r="F96">
        <v>94.907318115234403</v>
      </c>
      <c r="G96">
        <v>0.91488021612167403</v>
      </c>
    </row>
    <row r="97" spans="1:7" x14ac:dyDescent="0.25">
      <c r="A97" t="s">
        <v>102</v>
      </c>
      <c r="B97">
        <v>348.34201049804699</v>
      </c>
      <c r="C97">
        <v>915.859791102744</v>
      </c>
      <c r="D97">
        <v>90.793243408203097</v>
      </c>
      <c r="E97">
        <v>15568.114817142499</v>
      </c>
      <c r="F97">
        <v>95.908615112304702</v>
      </c>
      <c r="G97">
        <v>0.94666409492492698</v>
      </c>
    </row>
    <row r="98" spans="1:7" x14ac:dyDescent="0.25">
      <c r="A98" t="s">
        <v>103</v>
      </c>
      <c r="B98">
        <v>351.94198608398398</v>
      </c>
      <c r="C98">
        <v>925.41280310557295</v>
      </c>
      <c r="D98">
        <v>92.989181518554702</v>
      </c>
      <c r="E98">
        <v>15944.646671414401</v>
      </c>
      <c r="F98">
        <v>96.909004211425795</v>
      </c>
      <c r="G98">
        <v>0.95955151319503795</v>
      </c>
    </row>
    <row r="99" spans="1:7" x14ac:dyDescent="0.25">
      <c r="A99" t="s">
        <v>104</v>
      </c>
      <c r="B99">
        <v>355.5419921875</v>
      </c>
      <c r="C99">
        <v>934.94541561051903</v>
      </c>
      <c r="D99">
        <v>92.142707824707003</v>
      </c>
      <c r="E99">
        <v>15799.503773450901</v>
      </c>
      <c r="F99">
        <v>97.907257080078097</v>
      </c>
      <c r="G99">
        <v>0.94112235307693504</v>
      </c>
    </row>
    <row r="100" spans="1:7" x14ac:dyDescent="0.25">
      <c r="A100" t="s">
        <v>105</v>
      </c>
      <c r="B100">
        <v>359.14199829101602</v>
      </c>
      <c r="C100">
        <v>944.50411033061505</v>
      </c>
      <c r="D100">
        <v>93.499458312988295</v>
      </c>
      <c r="E100">
        <v>16032.142564654399</v>
      </c>
      <c r="F100">
        <v>98.908241271972699</v>
      </c>
      <c r="G100">
        <v>0.94531512260437001</v>
      </c>
    </row>
    <row r="101" spans="1:7" x14ac:dyDescent="0.25">
      <c r="A101" t="s">
        <v>106</v>
      </c>
      <c r="B101">
        <v>362.74200439453102</v>
      </c>
      <c r="C101">
        <v>954.043425527723</v>
      </c>
      <c r="D101">
        <v>94.549880981445298</v>
      </c>
      <c r="E101">
        <v>16212.2566252947</v>
      </c>
      <c r="F101">
        <v>99.907196044921903</v>
      </c>
      <c r="G101">
        <v>0.94637709856033303</v>
      </c>
    </row>
    <row r="102" spans="1:7" x14ac:dyDescent="0.25">
      <c r="A102" t="s">
        <v>107</v>
      </c>
      <c r="B102">
        <v>363.82199096679699</v>
      </c>
      <c r="C102">
        <v>954.94610330900503</v>
      </c>
      <c r="D102">
        <v>89.079032897949205</v>
      </c>
      <c r="E102">
        <v>15274.182893335799</v>
      </c>
      <c r="F102">
        <v>100.00172424316401</v>
      </c>
      <c r="G102">
        <v>0.89077496528625499</v>
      </c>
    </row>
    <row r="103" spans="1:7" x14ac:dyDescent="0.25">
      <c r="A103" t="s">
        <v>108</v>
      </c>
      <c r="B103">
        <v>364.81201171875</v>
      </c>
      <c r="C103">
        <v>954.9469775732</v>
      </c>
      <c r="D103">
        <v>88.889190673828097</v>
      </c>
      <c r="E103">
        <v>15241.630375385301</v>
      </c>
      <c r="F103">
        <v>100.001815795898</v>
      </c>
      <c r="G103">
        <v>0.88887578248977706</v>
      </c>
    </row>
    <row r="104" spans="1:7" x14ac:dyDescent="0.25">
      <c r="A104" t="s">
        <v>109</v>
      </c>
      <c r="B104">
        <v>365.81201171875</v>
      </c>
      <c r="C104">
        <v>954.92490240227698</v>
      </c>
      <c r="D104">
        <v>90.955650329589801</v>
      </c>
      <c r="E104">
        <v>15595.9622934461</v>
      </c>
      <c r="F104">
        <v>99.999504089355497</v>
      </c>
      <c r="G104">
        <v>0.90956103801727295</v>
      </c>
    </row>
    <row r="105" spans="1:7" x14ac:dyDescent="0.25">
      <c r="A105" t="s">
        <v>110</v>
      </c>
      <c r="B105">
        <v>366.81201171875</v>
      </c>
      <c r="C105">
        <v>954.92366386133403</v>
      </c>
      <c r="D105">
        <v>96.110748291015597</v>
      </c>
      <c r="E105">
        <v>16479.894518852201</v>
      </c>
      <c r="F105">
        <v>99.999374389648395</v>
      </c>
      <c r="G105">
        <v>0.96111351251602195</v>
      </c>
    </row>
    <row r="106" spans="1:7" x14ac:dyDescent="0.25">
      <c r="A106" t="s">
        <v>111</v>
      </c>
      <c r="B106">
        <v>367.81201171875</v>
      </c>
      <c r="C106">
        <v>954.94960036578505</v>
      </c>
      <c r="D106">
        <v>92.913055419921903</v>
      </c>
      <c r="E106">
        <v>15931.593254208599</v>
      </c>
      <c r="F106">
        <v>100.002090454102</v>
      </c>
      <c r="G106">
        <v>0.92911112308502197</v>
      </c>
    </row>
    <row r="107" spans="1:7" x14ac:dyDescent="0.25">
      <c r="A107" t="s">
        <v>112</v>
      </c>
      <c r="B107">
        <v>368.81201171875</v>
      </c>
      <c r="C107">
        <v>954.93014798744696</v>
      </c>
      <c r="D107">
        <v>95.785972595214801</v>
      </c>
      <c r="E107">
        <v>16424.207016825701</v>
      </c>
      <c r="F107">
        <v>100.000053405762</v>
      </c>
      <c r="G107">
        <v>0.95785921812057495</v>
      </c>
    </row>
    <row r="108" spans="1:7" x14ac:dyDescent="0.25">
      <c r="A108" t="s">
        <v>113</v>
      </c>
      <c r="B108">
        <v>369.81201171875</v>
      </c>
      <c r="C108">
        <v>954.92635950926899</v>
      </c>
      <c r="D108">
        <v>91.642601013183594</v>
      </c>
      <c r="E108">
        <v>15713.7513160706</v>
      </c>
      <c r="F108">
        <v>99.999656677246094</v>
      </c>
      <c r="G108">
        <v>0.91642916202545199</v>
      </c>
    </row>
    <row r="109" spans="1:7" x14ac:dyDescent="0.25">
      <c r="A109" t="s">
        <v>114</v>
      </c>
      <c r="B109">
        <v>370.81201171875</v>
      </c>
      <c r="C109">
        <v>954.92140534549799</v>
      </c>
      <c r="D109">
        <v>94.249412536621094</v>
      </c>
      <c r="E109">
        <v>16160.735860467001</v>
      </c>
      <c r="F109">
        <v>99.999137878417997</v>
      </c>
      <c r="G109">
        <v>0.94250226020812999</v>
      </c>
    </row>
    <row r="110" spans="1:7" x14ac:dyDescent="0.25">
      <c r="A110" t="s">
        <v>115</v>
      </c>
      <c r="B110">
        <v>371.81201171875</v>
      </c>
      <c r="C110">
        <v>954.937142101007</v>
      </c>
      <c r="D110">
        <v>92.465110778808594</v>
      </c>
      <c r="E110">
        <v>15854.785218834901</v>
      </c>
      <c r="F110">
        <v>100.000785827637</v>
      </c>
      <c r="G110">
        <v>0.924643814563751</v>
      </c>
    </row>
    <row r="111" spans="1:7" x14ac:dyDescent="0.25">
      <c r="A111" t="s">
        <v>116</v>
      </c>
      <c r="B111">
        <v>372.81201171875</v>
      </c>
      <c r="C111">
        <v>954.91790828871797</v>
      </c>
      <c r="D111">
        <v>91.102294921875</v>
      </c>
      <c r="E111">
        <v>15621.1070716381</v>
      </c>
      <c r="F111">
        <v>99.998771667480497</v>
      </c>
      <c r="G111">
        <v>0.91103416681289695</v>
      </c>
    </row>
    <row r="112" spans="1:7" x14ac:dyDescent="0.25">
      <c r="A112" t="s">
        <v>117</v>
      </c>
      <c r="B112">
        <v>373.81201171875</v>
      </c>
      <c r="C112">
        <v>954.91499407473498</v>
      </c>
      <c r="D112">
        <v>93.101264953613295</v>
      </c>
      <c r="E112">
        <v>15963.8654440641</v>
      </c>
      <c r="F112">
        <v>99.998466491699205</v>
      </c>
      <c r="G112">
        <v>0.93102693557739302</v>
      </c>
    </row>
    <row r="113" spans="1:7" x14ac:dyDescent="0.25">
      <c r="A113" t="s">
        <v>118</v>
      </c>
      <c r="B113">
        <v>374.81201171875</v>
      </c>
      <c r="C113">
        <v>954.91084131980904</v>
      </c>
      <c r="D113">
        <v>92.591575622558594</v>
      </c>
      <c r="E113">
        <v>15876.4701336622</v>
      </c>
      <c r="F113">
        <v>99.998031616210895</v>
      </c>
      <c r="G113">
        <v>0.92593395709991499</v>
      </c>
    </row>
    <row r="114" spans="1:7" x14ac:dyDescent="0.25">
      <c r="A114" t="s">
        <v>119</v>
      </c>
      <c r="B114">
        <v>375.81201171875</v>
      </c>
      <c r="C114">
        <v>954.92104106875001</v>
      </c>
      <c r="D114">
        <v>93.176948547363295</v>
      </c>
      <c r="E114">
        <v>15976.8424928188</v>
      </c>
      <c r="F114">
        <v>99.999099731445298</v>
      </c>
      <c r="G114">
        <v>0.93177789449691795</v>
      </c>
    </row>
    <row r="115" spans="1:7" x14ac:dyDescent="0.25">
      <c r="A115" t="s">
        <v>120</v>
      </c>
      <c r="B115">
        <v>376.81201171875</v>
      </c>
      <c r="C115">
        <v>954.93641354751105</v>
      </c>
      <c r="D115">
        <v>93.868927001953097</v>
      </c>
      <c r="E115">
        <v>16095.494851470001</v>
      </c>
      <c r="F115">
        <v>100.00070953369099</v>
      </c>
      <c r="G115">
        <v>0.93868261575698897</v>
      </c>
    </row>
    <row r="116" spans="1:7" x14ac:dyDescent="0.25">
      <c r="A116" t="s">
        <v>121</v>
      </c>
      <c r="B116">
        <v>377.81201171875</v>
      </c>
      <c r="C116">
        <v>954.92359100598503</v>
      </c>
      <c r="D116">
        <v>95.835769653320298</v>
      </c>
      <c r="E116">
        <v>16432.745382189802</v>
      </c>
      <c r="F116">
        <v>99.999366760253906</v>
      </c>
      <c r="G116">
        <v>0.95836377143859897</v>
      </c>
    </row>
    <row r="117" spans="1:7" x14ac:dyDescent="0.25">
      <c r="A117" t="s">
        <v>122</v>
      </c>
      <c r="B117">
        <v>378.81201171875</v>
      </c>
      <c r="C117">
        <v>954.93925490614401</v>
      </c>
      <c r="D117">
        <v>92.053054809570298</v>
      </c>
      <c r="E117">
        <v>15784.131363034199</v>
      </c>
      <c r="F117">
        <v>100.001007080078</v>
      </c>
      <c r="G117">
        <v>0.920521259307861</v>
      </c>
    </row>
    <row r="118" spans="1:7" x14ac:dyDescent="0.25">
      <c r="A118" t="s">
        <v>123</v>
      </c>
      <c r="B118">
        <v>379.81201171875</v>
      </c>
      <c r="C118">
        <v>954.93736066705503</v>
      </c>
      <c r="D118">
        <v>91.870071411132798</v>
      </c>
      <c r="E118">
        <v>15752.7551054955</v>
      </c>
      <c r="F118">
        <v>100.00080871582</v>
      </c>
      <c r="G118">
        <v>0.91869330406188998</v>
      </c>
    </row>
    <row r="119" spans="1:7" x14ac:dyDescent="0.25">
      <c r="A119" t="s">
        <v>124</v>
      </c>
      <c r="B119">
        <v>380.81201171875</v>
      </c>
      <c r="C119">
        <v>954.92854516975603</v>
      </c>
      <c r="D119">
        <v>94.071083068847699</v>
      </c>
      <c r="E119">
        <v>16130.1586776972</v>
      </c>
      <c r="F119">
        <v>99.999885559082003</v>
      </c>
      <c r="G119">
        <v>0.94071191549301103</v>
      </c>
    </row>
    <row r="120" spans="1:7" x14ac:dyDescent="0.25">
      <c r="A120" t="s">
        <v>125</v>
      </c>
      <c r="B120">
        <v>381.81201171875</v>
      </c>
      <c r="C120">
        <v>954.93014798744696</v>
      </c>
      <c r="D120">
        <v>96.154037475585895</v>
      </c>
      <c r="E120">
        <v>16487.317159771901</v>
      </c>
      <c r="F120">
        <v>100.000053405762</v>
      </c>
      <c r="G120">
        <v>0.96153986454009999</v>
      </c>
    </row>
    <row r="121" spans="1:7" x14ac:dyDescent="0.25">
      <c r="A121" t="s">
        <v>126</v>
      </c>
      <c r="B121">
        <v>382.81201171875</v>
      </c>
      <c r="C121">
        <v>954.94501047876099</v>
      </c>
      <c r="D121">
        <v>94.748229980468807</v>
      </c>
      <c r="E121">
        <v>16246.266663074501</v>
      </c>
      <c r="F121">
        <v>100.00160980224599</v>
      </c>
      <c r="G121">
        <v>0.94746702909469604</v>
      </c>
    </row>
    <row r="122" spans="1:7" x14ac:dyDescent="0.25">
      <c r="A122" t="s">
        <v>127</v>
      </c>
      <c r="B122">
        <v>383.81201171875</v>
      </c>
      <c r="C122">
        <v>954.93247935863303</v>
      </c>
      <c r="D122">
        <v>91.7982177734375</v>
      </c>
      <c r="E122">
        <v>15740.435570478399</v>
      </c>
      <c r="F122">
        <v>100.000297546387</v>
      </c>
      <c r="G122">
        <v>0.91797941923141502</v>
      </c>
    </row>
    <row r="123" spans="1:7" x14ac:dyDescent="0.25">
      <c r="A123" t="s">
        <v>128</v>
      </c>
      <c r="B123">
        <v>384.81201171875</v>
      </c>
      <c r="C123">
        <v>954.93940061684395</v>
      </c>
      <c r="D123">
        <v>92.763694763183594</v>
      </c>
      <c r="E123">
        <v>15905.983746051799</v>
      </c>
      <c r="F123">
        <v>100.001022338867</v>
      </c>
      <c r="G123">
        <v>0.92762744426727295</v>
      </c>
    </row>
    <row r="124" spans="1:7" x14ac:dyDescent="0.25">
      <c r="A124" t="s">
        <v>129</v>
      </c>
      <c r="B124">
        <v>385.81201171875</v>
      </c>
      <c r="C124">
        <v>954.880824915782</v>
      </c>
      <c r="D124">
        <v>94.430953979492202</v>
      </c>
      <c r="E124">
        <v>16191.864386200899</v>
      </c>
      <c r="F124">
        <v>99.994888305664105</v>
      </c>
      <c r="G124">
        <v>0.94435781240463301</v>
      </c>
    </row>
    <row r="125" spans="1:7" x14ac:dyDescent="0.25">
      <c r="A125" t="s">
        <v>130</v>
      </c>
      <c r="B125">
        <v>386.81201171875</v>
      </c>
      <c r="C125">
        <v>954.93051226419504</v>
      </c>
      <c r="D125">
        <v>89.341827392578097</v>
      </c>
      <c r="E125">
        <v>15319.244004786</v>
      </c>
      <c r="F125">
        <v>100.00009155273401</v>
      </c>
      <c r="G125">
        <v>0.89341747760772705</v>
      </c>
    </row>
    <row r="126" spans="1:7" x14ac:dyDescent="0.25">
      <c r="A126" t="s">
        <v>131</v>
      </c>
      <c r="B126">
        <v>387.81201171875</v>
      </c>
      <c r="C126">
        <v>954.91681545847405</v>
      </c>
      <c r="D126">
        <v>91.111068725585895</v>
      </c>
      <c r="E126">
        <v>15622.6111575961</v>
      </c>
      <c r="F126">
        <v>99.9986572265625</v>
      </c>
      <c r="G126">
        <v>0.91112291812896695</v>
      </c>
    </row>
    <row r="127" spans="1:7" x14ac:dyDescent="0.25">
      <c r="A127" t="s">
        <v>132</v>
      </c>
      <c r="B127">
        <v>388.81201171875</v>
      </c>
      <c r="C127">
        <v>954.92206104364402</v>
      </c>
      <c r="D127">
        <v>92.904869079589801</v>
      </c>
      <c r="E127">
        <v>15930.190682411199</v>
      </c>
      <c r="F127">
        <v>99.999206542968807</v>
      </c>
      <c r="G127">
        <v>0.92905604839324996</v>
      </c>
    </row>
    <row r="128" spans="1:7" x14ac:dyDescent="0.25">
      <c r="A128" t="s">
        <v>133</v>
      </c>
      <c r="B128">
        <v>389.81201171875</v>
      </c>
      <c r="C128">
        <v>954.92941943395101</v>
      </c>
      <c r="D128">
        <v>94.955123901367202</v>
      </c>
      <c r="E128">
        <v>16281.742602586701</v>
      </c>
      <c r="F128">
        <v>99.999977111816406</v>
      </c>
      <c r="G128">
        <v>0.94955146312713601</v>
      </c>
    </row>
    <row r="129" spans="1:7" x14ac:dyDescent="0.25">
      <c r="A129" t="s">
        <v>134</v>
      </c>
      <c r="B129">
        <v>390.81201171875</v>
      </c>
      <c r="C129">
        <v>954.94763327134604</v>
      </c>
      <c r="D129">
        <v>93.020729064941406</v>
      </c>
      <c r="E129">
        <v>15950.0557929277</v>
      </c>
      <c r="F129">
        <v>100.00188446044901</v>
      </c>
      <c r="G129">
        <v>0.93018978834152199</v>
      </c>
    </row>
    <row r="130" spans="1:7" x14ac:dyDescent="0.25">
      <c r="A130" t="s">
        <v>135</v>
      </c>
      <c r="B130">
        <v>391.81201171875</v>
      </c>
      <c r="C130">
        <v>954.93583070471402</v>
      </c>
      <c r="D130">
        <v>90.449913024902301</v>
      </c>
      <c r="E130">
        <v>15509.2449858785</v>
      </c>
      <c r="F130">
        <v>100.000648498535</v>
      </c>
      <c r="G130">
        <v>0.90449327230453502</v>
      </c>
    </row>
    <row r="131" spans="1:7" x14ac:dyDescent="0.25">
      <c r="A131" t="s">
        <v>136</v>
      </c>
      <c r="B131">
        <v>392.81201171875</v>
      </c>
      <c r="C131">
        <v>954.91564977288101</v>
      </c>
      <c r="D131">
        <v>94.371002197265597</v>
      </c>
      <c r="E131">
        <v>16181.584447622299</v>
      </c>
      <c r="F131">
        <v>99.99853515625</v>
      </c>
      <c r="G131">
        <v>0.94372385740280196</v>
      </c>
    </row>
    <row r="132" spans="1:7" x14ac:dyDescent="0.25">
      <c r="A132" t="s">
        <v>137</v>
      </c>
      <c r="B132">
        <v>396.50201416015602</v>
      </c>
      <c r="C132">
        <v>946.10692802134997</v>
      </c>
      <c r="D132">
        <v>96.043708801269503</v>
      </c>
      <c r="E132">
        <v>16468.400135636301</v>
      </c>
      <c r="F132">
        <v>99.076087951660199</v>
      </c>
      <c r="G132">
        <v>0.96939343214035001</v>
      </c>
    </row>
    <row r="133" spans="1:7" x14ac:dyDescent="0.25">
      <c r="A133" t="s">
        <v>138</v>
      </c>
      <c r="B133">
        <v>400.11199951171898</v>
      </c>
      <c r="C133">
        <v>936.541020621646</v>
      </c>
      <c r="D133">
        <v>90.527992248535199</v>
      </c>
      <c r="E133">
        <v>15522.6327478886</v>
      </c>
      <c r="F133">
        <v>98.074348449707003</v>
      </c>
      <c r="G133">
        <v>0.92305475473403897</v>
      </c>
    </row>
    <row r="134" spans="1:7" x14ac:dyDescent="0.25">
      <c r="A134" t="s">
        <v>139</v>
      </c>
      <c r="B134">
        <v>403.71200561523398</v>
      </c>
      <c r="C134">
        <v>926.98356444249305</v>
      </c>
      <c r="D134">
        <v>93.123573303222699</v>
      </c>
      <c r="E134">
        <v>15967.691317200701</v>
      </c>
      <c r="F134">
        <v>97.073493957519503</v>
      </c>
      <c r="G134">
        <v>0.95930999517440796</v>
      </c>
    </row>
    <row r="135" spans="1:7" x14ac:dyDescent="0.25">
      <c r="A135" t="s">
        <v>140</v>
      </c>
      <c r="B135">
        <v>407.31201171875</v>
      </c>
      <c r="C135">
        <v>917.42217407446299</v>
      </c>
      <c r="D135">
        <v>90.399101257324205</v>
      </c>
      <c r="E135">
        <v>15500.5315318704</v>
      </c>
      <c r="F135">
        <v>96.072227478027301</v>
      </c>
      <c r="G135">
        <v>0.94094938039779696</v>
      </c>
    </row>
    <row r="136" spans="1:7" x14ac:dyDescent="0.25">
      <c r="A136" t="s">
        <v>141</v>
      </c>
      <c r="B136">
        <v>410.90200805664102</v>
      </c>
      <c r="C136">
        <v>907.91542521861697</v>
      </c>
      <c r="D136">
        <v>91.560539245605497</v>
      </c>
      <c r="E136">
        <v>15699.680894613301</v>
      </c>
      <c r="F136">
        <v>95.076683044433594</v>
      </c>
      <c r="G136">
        <v>0.96301782131195102</v>
      </c>
    </row>
    <row r="137" spans="1:7" x14ac:dyDescent="0.25">
      <c r="A137" t="s">
        <v>142</v>
      </c>
      <c r="B137">
        <v>414.50201416015602</v>
      </c>
      <c r="C137">
        <v>898.36969875074601</v>
      </c>
      <c r="D137">
        <v>87.390670776367202</v>
      </c>
      <c r="E137">
        <v>14984.6831336617</v>
      </c>
      <c r="F137">
        <v>94.077056884765597</v>
      </c>
      <c r="G137">
        <v>0.92892646789550803</v>
      </c>
    </row>
    <row r="138" spans="1:7" x14ac:dyDescent="0.25">
      <c r="A138" t="s">
        <v>143</v>
      </c>
      <c r="B138">
        <v>418.11199951171898</v>
      </c>
      <c r="C138">
        <v>888.81690531396703</v>
      </c>
      <c r="D138">
        <v>85.405448913574205</v>
      </c>
      <c r="E138">
        <v>14644.2810073495</v>
      </c>
      <c r="F138">
        <v>93.076690673828097</v>
      </c>
      <c r="G138">
        <v>0.91758149862289395</v>
      </c>
    </row>
    <row r="139" spans="1:7" x14ac:dyDescent="0.25">
      <c r="A139" t="s">
        <v>144</v>
      </c>
      <c r="B139">
        <v>421.71200561523398</v>
      </c>
      <c r="C139">
        <v>879.26054196505697</v>
      </c>
      <c r="D139">
        <v>90.305732727050795</v>
      </c>
      <c r="E139">
        <v>15484.5220968127</v>
      </c>
      <c r="F139">
        <v>92.075950622558594</v>
      </c>
      <c r="G139">
        <v>0.98077440261840798</v>
      </c>
    </row>
    <row r="140" spans="1:7" x14ac:dyDescent="0.25">
      <c r="A140" t="s">
        <v>145</v>
      </c>
      <c r="B140">
        <v>425.31201171875</v>
      </c>
      <c r="C140">
        <v>869.71503406323598</v>
      </c>
      <c r="D140">
        <v>87.895622253417997</v>
      </c>
      <c r="E140">
        <v>15071.265399456001</v>
      </c>
      <c r="F140">
        <v>91.076347351074205</v>
      </c>
      <c r="G140">
        <v>0.96507626771926902</v>
      </c>
    </row>
    <row r="141" spans="1:7" x14ac:dyDescent="0.25">
      <c r="A141" t="s">
        <v>146</v>
      </c>
      <c r="B141">
        <v>428.90200805664102</v>
      </c>
      <c r="C141">
        <v>860.185481482971</v>
      </c>
      <c r="D141">
        <v>87.744621276855497</v>
      </c>
      <c r="E141">
        <v>15045.373700559099</v>
      </c>
      <c r="F141">
        <v>90.078414916992202</v>
      </c>
      <c r="G141">
        <v>0.97409152984619096</v>
      </c>
    </row>
    <row r="142" spans="1:7" x14ac:dyDescent="0.25">
      <c r="A142" t="s">
        <v>147</v>
      </c>
      <c r="B142">
        <v>432.50201416015602</v>
      </c>
      <c r="C142">
        <v>850.64594771981501</v>
      </c>
      <c r="D142">
        <v>85.735237121582003</v>
      </c>
      <c r="E142">
        <v>14700.829051434999</v>
      </c>
      <c r="F142">
        <v>89.079437255859403</v>
      </c>
      <c r="G142">
        <v>0.96245825290679898</v>
      </c>
    </row>
    <row r="143" spans="1:7" x14ac:dyDescent="0.25">
      <c r="A143" t="s">
        <v>148</v>
      </c>
      <c r="B143">
        <v>436.11199951171898</v>
      </c>
      <c r="C143">
        <v>841.05942225618003</v>
      </c>
      <c r="D143">
        <v>87.752357482910199</v>
      </c>
      <c r="E143">
        <v>15046.699903905401</v>
      </c>
      <c r="F143">
        <v>88.075538635253906</v>
      </c>
      <c r="G143">
        <v>0.99633061885833696</v>
      </c>
    </row>
    <row r="144" spans="1:7" x14ac:dyDescent="0.25">
      <c r="A144" t="s">
        <v>149</v>
      </c>
      <c r="B144">
        <v>439.71200561523398</v>
      </c>
      <c r="C144">
        <v>831.49162061738696</v>
      </c>
      <c r="D144">
        <v>81.723121643066406</v>
      </c>
      <c r="E144">
        <v>14012.880623340599</v>
      </c>
      <c r="F144">
        <v>87.073600769042997</v>
      </c>
      <c r="G144">
        <v>0.93855220079421997</v>
      </c>
    </row>
    <row r="145" spans="1:7" x14ac:dyDescent="0.25">
      <c r="A145" t="s">
        <v>150</v>
      </c>
      <c r="B145">
        <v>443.302001953125</v>
      </c>
      <c r="C145">
        <v>821.99354154814102</v>
      </c>
      <c r="D145">
        <v>85.074981689453097</v>
      </c>
      <c r="E145">
        <v>14587.6174792647</v>
      </c>
      <c r="F145">
        <v>86.078964233398395</v>
      </c>
      <c r="G145">
        <v>0.98833650350570701</v>
      </c>
    </row>
    <row r="146" spans="1:7" x14ac:dyDescent="0.25">
      <c r="A146" t="s">
        <v>151</v>
      </c>
      <c r="B146">
        <v>446.90200805664102</v>
      </c>
      <c r="C146">
        <v>812.45276924404197</v>
      </c>
      <c r="D146">
        <v>84.734107971191406</v>
      </c>
      <c r="E146">
        <v>14529.1686058044</v>
      </c>
      <c r="F146">
        <v>85.079856872558594</v>
      </c>
      <c r="G146">
        <v>0.99593615531921398</v>
      </c>
    </row>
    <row r="147" spans="1:7" x14ac:dyDescent="0.25">
      <c r="A147" t="s">
        <v>152</v>
      </c>
      <c r="B147">
        <v>450.50201416015602</v>
      </c>
      <c r="C147">
        <v>802.90420141753805</v>
      </c>
      <c r="D147">
        <v>85.982597351074205</v>
      </c>
      <c r="E147">
        <v>14743.244275450699</v>
      </c>
      <c r="F147">
        <v>84.079933166503906</v>
      </c>
      <c r="G147">
        <v>1.0226292610168499</v>
      </c>
    </row>
    <row r="148" spans="1:7" x14ac:dyDescent="0.25">
      <c r="A148" t="s">
        <v>153</v>
      </c>
      <c r="B148">
        <v>454.11199951171898</v>
      </c>
      <c r="C148">
        <v>793.33800259643499</v>
      </c>
      <c r="D148">
        <v>85.322967529296903</v>
      </c>
      <c r="E148">
        <v>14630.138874054001</v>
      </c>
      <c r="F148">
        <v>83.078163146972699</v>
      </c>
      <c r="G148">
        <v>1.0270203351974501</v>
      </c>
    </row>
    <row r="149" spans="1:7" x14ac:dyDescent="0.25">
      <c r="A149" t="s">
        <v>154</v>
      </c>
      <c r="B149">
        <v>457.70199584960898</v>
      </c>
      <c r="C149">
        <v>783.80480724869199</v>
      </c>
      <c r="D149">
        <v>82.222473144531307</v>
      </c>
      <c r="E149">
        <v>14098.503626883001</v>
      </c>
      <c r="F149">
        <v>82.079849243164105</v>
      </c>
      <c r="G149">
        <v>1.00173759460449</v>
      </c>
    </row>
    <row r="150" spans="1:7" x14ac:dyDescent="0.25">
      <c r="A150" t="s">
        <v>155</v>
      </c>
      <c r="B150">
        <v>461.302001953125</v>
      </c>
      <c r="C150">
        <v>774.24742392488895</v>
      </c>
      <c r="D150">
        <v>79.606109619140597</v>
      </c>
      <c r="E150">
        <v>13649.881817400499</v>
      </c>
      <c r="F150">
        <v>81.079002380371094</v>
      </c>
      <c r="G150">
        <v>0.98183387517929099</v>
      </c>
    </row>
    <row r="151" spans="1:7" x14ac:dyDescent="0.25">
      <c r="A151" t="s">
        <v>156</v>
      </c>
      <c r="B151">
        <v>464.90200805664102</v>
      </c>
      <c r="C151">
        <v>764.717944199974</v>
      </c>
      <c r="D151">
        <v>73.603111267089801</v>
      </c>
      <c r="E151">
        <v>12620.5608248711</v>
      </c>
      <c r="F151">
        <v>80.081077575683594</v>
      </c>
      <c r="G151">
        <v>0.91910737752914395</v>
      </c>
    </row>
    <row r="152" spans="1:7" x14ac:dyDescent="0.25">
      <c r="A152" t="s">
        <v>157</v>
      </c>
      <c r="B152">
        <v>468.50201416015602</v>
      </c>
      <c r="C152">
        <v>755.16318366875601</v>
      </c>
      <c r="D152">
        <v>77.0926513671875</v>
      </c>
      <c r="E152">
        <v>13218.9048454165</v>
      </c>
      <c r="F152">
        <v>79.080505371093807</v>
      </c>
      <c r="G152">
        <v>0.97486293315887496</v>
      </c>
    </row>
    <row r="153" spans="1:7" x14ac:dyDescent="0.25">
      <c r="A153" t="s">
        <v>158</v>
      </c>
      <c r="B153">
        <v>472.10198974609398</v>
      </c>
      <c r="C153">
        <v>745.62277564140504</v>
      </c>
      <c r="D153">
        <v>79.407775878906307</v>
      </c>
      <c r="E153">
        <v>13615.8736422658</v>
      </c>
      <c r="F153">
        <v>78.081436157226605</v>
      </c>
      <c r="G153">
        <v>1.0169866085052499</v>
      </c>
    </row>
    <row r="154" spans="1:7" x14ac:dyDescent="0.25">
      <c r="A154" t="s">
        <v>159</v>
      </c>
      <c r="B154">
        <v>475.70199584960898</v>
      </c>
      <c r="C154">
        <v>736.06619372644695</v>
      </c>
      <c r="D154">
        <v>77.718894958496094</v>
      </c>
      <c r="E154">
        <v>13326.2854069471</v>
      </c>
      <c r="F154">
        <v>77.080673217773395</v>
      </c>
      <c r="G154">
        <v>1.0082799196243299</v>
      </c>
    </row>
    <row r="155" spans="1:7" x14ac:dyDescent="0.25">
      <c r="A155" t="s">
        <v>160</v>
      </c>
      <c r="B155">
        <v>479.302001953125</v>
      </c>
      <c r="C155">
        <v>726.52097724602299</v>
      </c>
      <c r="D155">
        <v>78.979316711425795</v>
      </c>
      <c r="E155">
        <v>13542.4071922898</v>
      </c>
      <c r="F155">
        <v>76.081100463867202</v>
      </c>
      <c r="G155">
        <v>1.0380938053131099</v>
      </c>
    </row>
    <row r="156" spans="1:7" x14ac:dyDescent="0.25">
      <c r="A156" t="s">
        <v>161</v>
      </c>
      <c r="B156">
        <v>482.90200805664102</v>
      </c>
      <c r="C156">
        <v>716.96905807343796</v>
      </c>
      <c r="D156">
        <v>77.2806396484375</v>
      </c>
      <c r="E156">
        <v>13251.1388510466</v>
      </c>
      <c r="F156">
        <v>75.080825805664105</v>
      </c>
      <c r="G156">
        <v>1.0292992591857899</v>
      </c>
    </row>
    <row r="157" spans="1:7" x14ac:dyDescent="0.25">
      <c r="A157" t="s">
        <v>162</v>
      </c>
      <c r="B157">
        <v>486.50201416015602</v>
      </c>
      <c r="C157">
        <v>707.42784863724205</v>
      </c>
      <c r="D157">
        <v>74.388351440429702</v>
      </c>
      <c r="E157">
        <v>12755.2049234509</v>
      </c>
      <c r="F157">
        <v>74.081672668457003</v>
      </c>
      <c r="G157">
        <v>1.00413978099823</v>
      </c>
    </row>
    <row r="158" spans="1:7" x14ac:dyDescent="0.25">
      <c r="A158" t="s">
        <v>163</v>
      </c>
      <c r="B158">
        <v>490.10198974609398</v>
      </c>
      <c r="C158">
        <v>697.87826083584298</v>
      </c>
      <c r="D158">
        <v>74.092674255371094</v>
      </c>
      <c r="E158">
        <v>12704.5046538115</v>
      </c>
      <c r="F158">
        <v>73.081642150878906</v>
      </c>
      <c r="G158">
        <v>1.0138342380523699</v>
      </c>
    </row>
    <row r="159" spans="1:7" x14ac:dyDescent="0.25">
      <c r="A159" t="s">
        <v>164</v>
      </c>
      <c r="B159">
        <v>493.70199584960898</v>
      </c>
      <c r="C159">
        <v>688.32845446839599</v>
      </c>
      <c r="D159">
        <v>71.242645263671903</v>
      </c>
      <c r="E159">
        <v>12215.817347168901</v>
      </c>
      <c r="F159">
        <v>72.081588745117202</v>
      </c>
      <c r="G159">
        <v>0.98836117982864402</v>
      </c>
    </row>
    <row r="160" spans="1:7" x14ac:dyDescent="0.25">
      <c r="A160" t="s">
        <v>165</v>
      </c>
      <c r="B160">
        <v>497.302001953125</v>
      </c>
      <c r="C160">
        <v>678.78753645359802</v>
      </c>
      <c r="D160">
        <v>71.813690185546903</v>
      </c>
      <c r="E160">
        <v>12313.732877373701</v>
      </c>
      <c r="F160">
        <v>71.082466125488295</v>
      </c>
      <c r="G160">
        <v>1.01028692722321</v>
      </c>
    </row>
    <row r="161" spans="1:7" x14ac:dyDescent="0.25">
      <c r="A161" t="s">
        <v>166</v>
      </c>
      <c r="B161">
        <v>500.90200805664102</v>
      </c>
      <c r="C161">
        <v>669.236564400558</v>
      </c>
      <c r="D161">
        <v>70.495361328125</v>
      </c>
      <c r="E161">
        <v>12087.682262062999</v>
      </c>
      <c r="F161">
        <v>70.082290649414105</v>
      </c>
      <c r="G161">
        <v>1.0058940649032599</v>
      </c>
    </row>
    <row r="162" spans="1:7" x14ac:dyDescent="0.25">
      <c r="A162" t="s">
        <v>167</v>
      </c>
      <c r="B162">
        <v>504.510986328125</v>
      </c>
      <c r="C162">
        <v>659.66424573009101</v>
      </c>
      <c r="D162">
        <v>67.981468200683594</v>
      </c>
      <c r="E162">
        <v>11656.6307842731</v>
      </c>
      <c r="F162">
        <v>69.079879760742202</v>
      </c>
      <c r="G162">
        <v>0.98409938812255904</v>
      </c>
    </row>
    <row r="163" spans="1:7" x14ac:dyDescent="0.25">
      <c r="A163" t="s">
        <v>168</v>
      </c>
      <c r="B163">
        <v>508.11099243164102</v>
      </c>
      <c r="C163">
        <v>650.11735357662701</v>
      </c>
      <c r="D163">
        <v>67.505210876464801</v>
      </c>
      <c r="E163">
        <v>11574.967764318</v>
      </c>
      <c r="F163">
        <v>68.080131530761705</v>
      </c>
      <c r="G163">
        <v>0.99155521392822299</v>
      </c>
    </row>
    <row r="164" spans="1:7" x14ac:dyDescent="0.25">
      <c r="A164" t="s">
        <v>169</v>
      </c>
      <c r="B164">
        <v>511.71099853515602</v>
      </c>
      <c r="C164">
        <v>640.56966001431704</v>
      </c>
      <c r="D164">
        <v>65.126007080078097</v>
      </c>
      <c r="E164">
        <v>11167.0102924109</v>
      </c>
      <c r="F164">
        <v>67.080299377441406</v>
      </c>
      <c r="G164">
        <v>0.97086638212204002</v>
      </c>
    </row>
    <row r="165" spans="1:7" x14ac:dyDescent="0.25">
      <c r="A165" t="s">
        <v>170</v>
      </c>
      <c r="B165">
        <v>515.31097412109398</v>
      </c>
      <c r="C165">
        <v>631.02932484231599</v>
      </c>
      <c r="D165">
        <v>68.390968322753906</v>
      </c>
      <c r="E165">
        <v>11726.8459871411</v>
      </c>
      <c r="F165">
        <v>66.081237792968807</v>
      </c>
      <c r="G165">
        <v>1.0349528789520299</v>
      </c>
    </row>
    <row r="166" spans="1:7" x14ac:dyDescent="0.25">
      <c r="A166" t="s">
        <v>171</v>
      </c>
      <c r="B166">
        <v>518.91101074218795</v>
      </c>
      <c r="C166">
        <v>621.47609427343798</v>
      </c>
      <c r="D166">
        <v>62.936527252197301</v>
      </c>
      <c r="E166">
        <v>10791.5857806802</v>
      </c>
      <c r="F166">
        <v>65.080825805664105</v>
      </c>
      <c r="G166">
        <v>0.96705174446106001</v>
      </c>
    </row>
    <row r="167" spans="1:7" x14ac:dyDescent="0.25">
      <c r="A167" t="s">
        <v>172</v>
      </c>
      <c r="B167">
        <v>522.510986328125</v>
      </c>
      <c r="C167">
        <v>611.93095064836405</v>
      </c>
      <c r="D167">
        <v>61.267322540283203</v>
      </c>
      <c r="E167">
        <v>10505.3707957268</v>
      </c>
      <c r="F167">
        <v>64.081260681152301</v>
      </c>
      <c r="G167">
        <v>0.956087946891785</v>
      </c>
    </row>
    <row r="168" spans="1:7" x14ac:dyDescent="0.25">
      <c r="A168" t="s">
        <v>173</v>
      </c>
      <c r="B168">
        <v>526.11102294921898</v>
      </c>
      <c r="C168">
        <v>602.38267424325898</v>
      </c>
      <c r="D168">
        <v>61.404781341552699</v>
      </c>
      <c r="E168">
        <v>10528.940707445099</v>
      </c>
      <c r="F168">
        <v>63.081367492675803</v>
      </c>
      <c r="G168">
        <v>0.97342187166214</v>
      </c>
    </row>
    <row r="169" spans="1:7" x14ac:dyDescent="0.25">
      <c r="A169" t="s">
        <v>174</v>
      </c>
      <c r="B169">
        <v>529.71099853515602</v>
      </c>
      <c r="C169">
        <v>592.83753061818402</v>
      </c>
      <c r="D169">
        <v>58.819972991943402</v>
      </c>
      <c r="E169">
        <v>10085.728950798501</v>
      </c>
      <c r="F169">
        <v>62.081802368164098</v>
      </c>
      <c r="G169">
        <v>0.94745916128158603</v>
      </c>
    </row>
    <row r="170" spans="1:7" x14ac:dyDescent="0.25">
      <c r="A170" t="s">
        <v>175</v>
      </c>
      <c r="B170">
        <v>533.31097412109398</v>
      </c>
      <c r="C170">
        <v>583.29428123219998</v>
      </c>
      <c r="D170">
        <v>55.423877716064503</v>
      </c>
      <c r="E170">
        <v>9503.40833514929</v>
      </c>
      <c r="F170">
        <v>61.082435607910199</v>
      </c>
      <c r="G170">
        <v>0.90736192464828502</v>
      </c>
    </row>
    <row r="171" spans="1:7" x14ac:dyDescent="0.25">
      <c r="A171" t="s">
        <v>176</v>
      </c>
      <c r="B171">
        <v>536.91101074218795</v>
      </c>
      <c r="C171">
        <v>573.73864643678598</v>
      </c>
      <c r="D171">
        <v>55.193244934082003</v>
      </c>
      <c r="E171">
        <v>9463.8625159859694</v>
      </c>
      <c r="F171">
        <v>60.081771850585902</v>
      </c>
      <c r="G171">
        <v>0.91863542795181297</v>
      </c>
    </row>
    <row r="172" spans="1:7" x14ac:dyDescent="0.25">
      <c r="A172" t="s">
        <v>177</v>
      </c>
      <c r="B172">
        <v>540.510986328125</v>
      </c>
      <c r="C172">
        <v>564.19004218260704</v>
      </c>
      <c r="D172">
        <v>51.662933349609403</v>
      </c>
      <c r="E172">
        <v>8858.5279881954193</v>
      </c>
      <c r="F172">
        <v>59.081844329833999</v>
      </c>
      <c r="G172">
        <v>0.87442994117736805</v>
      </c>
    </row>
    <row r="173" spans="1:7" x14ac:dyDescent="0.25">
      <c r="A173" t="s">
        <v>178</v>
      </c>
      <c r="B173">
        <v>544.11102294921898</v>
      </c>
      <c r="C173">
        <v>554.64806776523994</v>
      </c>
      <c r="D173">
        <v>49.110874176025398</v>
      </c>
      <c r="E173">
        <v>8420.9321066737193</v>
      </c>
      <c r="F173">
        <v>58.082611083984403</v>
      </c>
      <c r="G173">
        <v>0.84553486108779896</v>
      </c>
    </row>
    <row r="174" spans="1:7" x14ac:dyDescent="0.25">
      <c r="A174" t="s">
        <v>179</v>
      </c>
      <c r="B174">
        <v>547.71099853515602</v>
      </c>
      <c r="C174">
        <v>545.10030134758097</v>
      </c>
      <c r="D174">
        <v>49.403202056884801</v>
      </c>
      <c r="E174">
        <v>8471.0568189621008</v>
      </c>
      <c r="F174">
        <v>57.082771301269503</v>
      </c>
      <c r="G174">
        <v>0.86546605825424205</v>
      </c>
    </row>
    <row r="175" spans="1:7" x14ac:dyDescent="0.25">
      <c r="A175" t="s">
        <v>180</v>
      </c>
      <c r="B175">
        <v>551.31097412109398</v>
      </c>
      <c r="C175">
        <v>535.55526700553105</v>
      </c>
      <c r="D175">
        <v>49.679500579833999</v>
      </c>
      <c r="E175">
        <v>8518.4331983327902</v>
      </c>
      <c r="F175">
        <v>56.083217620849602</v>
      </c>
      <c r="G175">
        <v>0.88581758737564098</v>
      </c>
    </row>
    <row r="176" spans="1:7" x14ac:dyDescent="0.25">
      <c r="A176" t="s">
        <v>181</v>
      </c>
      <c r="B176">
        <v>554.91101074218795</v>
      </c>
      <c r="C176">
        <v>526.00338426062103</v>
      </c>
      <c r="D176">
        <v>47.414875030517599</v>
      </c>
      <c r="E176">
        <v>8130.1229074597404</v>
      </c>
      <c r="F176">
        <v>55.0829467773438</v>
      </c>
      <c r="G176">
        <v>0.86079043149948098</v>
      </c>
    </row>
    <row r="177" spans="1:7" x14ac:dyDescent="0.25">
      <c r="A177" t="s">
        <v>182</v>
      </c>
      <c r="B177">
        <v>558.510986328125</v>
      </c>
      <c r="C177">
        <v>516.45885990601903</v>
      </c>
      <c r="D177">
        <v>46.341732025146499</v>
      </c>
      <c r="E177">
        <v>7946.1131244897797</v>
      </c>
      <c r="F177">
        <v>54.083446502685497</v>
      </c>
      <c r="G177">
        <v>0.85685610771179199</v>
      </c>
    </row>
    <row r="178" spans="1:7" x14ac:dyDescent="0.25">
      <c r="A178" t="s">
        <v>183</v>
      </c>
      <c r="B178">
        <v>562.11102294921898</v>
      </c>
      <c r="C178">
        <v>506.909891375092</v>
      </c>
      <c r="D178">
        <v>45.095924377441399</v>
      </c>
      <c r="E178">
        <v>7732.4975281953803</v>
      </c>
      <c r="F178">
        <v>53.083480834960902</v>
      </c>
      <c r="G178">
        <v>0.84952837228775002</v>
      </c>
    </row>
    <row r="179" spans="1:7" x14ac:dyDescent="0.25">
      <c r="A179" t="s">
        <v>184</v>
      </c>
      <c r="B179">
        <v>565.71099853515602</v>
      </c>
      <c r="C179">
        <v>497.36376420279902</v>
      </c>
      <c r="D179">
        <v>42.926811218261697</v>
      </c>
      <c r="E179">
        <v>7360.56454479694</v>
      </c>
      <c r="F179">
        <v>52.083812713622997</v>
      </c>
      <c r="G179">
        <v>0.82418721914291404</v>
      </c>
    </row>
    <row r="180" spans="1:7" x14ac:dyDescent="0.25">
      <c r="A180" t="s">
        <v>185</v>
      </c>
      <c r="B180">
        <v>569.31097412109398</v>
      </c>
      <c r="C180">
        <v>487.81515994862002</v>
      </c>
      <c r="D180">
        <v>41.050308227539098</v>
      </c>
      <c r="E180">
        <v>7038.8047024607704</v>
      </c>
      <c r="F180">
        <v>51.083885192871101</v>
      </c>
      <c r="G180">
        <v>0.80358624458312999</v>
      </c>
    </row>
    <row r="181" spans="1:7" x14ac:dyDescent="0.25">
      <c r="A181" t="s">
        <v>186</v>
      </c>
      <c r="B181">
        <v>572.91101074218795</v>
      </c>
      <c r="C181">
        <v>478.27070844936702</v>
      </c>
      <c r="D181">
        <v>39.3217582702637</v>
      </c>
      <c r="E181">
        <v>6742.41408705711</v>
      </c>
      <c r="F181">
        <v>50.084392547607401</v>
      </c>
      <c r="G181">
        <v>0.78510999679565396</v>
      </c>
    </row>
    <row r="182" spans="1:7" x14ac:dyDescent="0.25">
      <c r="A182" t="s">
        <v>187</v>
      </c>
      <c r="B182">
        <v>576.510986328125</v>
      </c>
      <c r="C182">
        <v>468.72272346565899</v>
      </c>
      <c r="D182">
        <v>38.642684936523402</v>
      </c>
      <c r="E182">
        <v>6625.9750165045298</v>
      </c>
      <c r="F182">
        <v>49.084529876708999</v>
      </c>
      <c r="G182">
        <v>0.78726810216903698</v>
      </c>
    </row>
    <row r="183" spans="1:7" x14ac:dyDescent="0.25">
      <c r="A183" t="s">
        <v>188</v>
      </c>
      <c r="B183">
        <v>580.11102294921898</v>
      </c>
      <c r="C183">
        <v>459.17969264572298</v>
      </c>
      <c r="D183">
        <v>36.030067443847699</v>
      </c>
      <c r="E183">
        <v>6177.99535393715</v>
      </c>
      <c r="F183">
        <v>48.0851860046387</v>
      </c>
      <c r="G183">
        <v>0.74929660558700595</v>
      </c>
    </row>
    <row r="184" spans="1:7" x14ac:dyDescent="0.25">
      <c r="A184" t="s">
        <v>189</v>
      </c>
      <c r="B184">
        <v>583.71099853515602</v>
      </c>
      <c r="C184">
        <v>449.62762776243898</v>
      </c>
      <c r="D184">
        <v>37.332508087158203</v>
      </c>
      <c r="E184">
        <v>6401.3213850557804</v>
      </c>
      <c r="F184">
        <v>47.084896087646499</v>
      </c>
      <c r="G184">
        <v>0.79287648200988803</v>
      </c>
    </row>
    <row r="185" spans="1:7" x14ac:dyDescent="0.25">
      <c r="A185" t="s">
        <v>190</v>
      </c>
      <c r="B185">
        <v>587.31097412109398</v>
      </c>
      <c r="C185">
        <v>440.08168272851901</v>
      </c>
      <c r="D185">
        <v>34.283378601074197</v>
      </c>
      <c r="E185">
        <v>5878.4941211342802</v>
      </c>
      <c r="F185">
        <v>46.085247039794901</v>
      </c>
      <c r="G185">
        <v>0.74391222000122104</v>
      </c>
    </row>
    <row r="186" spans="1:7" x14ac:dyDescent="0.25">
      <c r="A186" t="s">
        <v>191</v>
      </c>
      <c r="B186">
        <v>590.91101074218795</v>
      </c>
      <c r="C186">
        <v>430.53967188347701</v>
      </c>
      <c r="D186">
        <v>37.139923095703097</v>
      </c>
      <c r="E186">
        <v>6368.2994805276403</v>
      </c>
      <c r="F186">
        <v>45.086009979247997</v>
      </c>
      <c r="G186">
        <v>0.82375717163085904</v>
      </c>
    </row>
    <row r="187" spans="1:7" x14ac:dyDescent="0.25">
      <c r="A187" t="s">
        <v>192</v>
      </c>
      <c r="B187">
        <v>594.510986328125</v>
      </c>
      <c r="C187">
        <v>420.99416398165499</v>
      </c>
      <c r="D187">
        <v>34.443572998046903</v>
      </c>
      <c r="E187">
        <v>5905.9625491499901</v>
      </c>
      <c r="F187">
        <v>44.0864067077637</v>
      </c>
      <c r="G187">
        <v>0.78127419948577903</v>
      </c>
    </row>
    <row r="188" spans="1:7" x14ac:dyDescent="0.25">
      <c r="A188" t="s">
        <v>193</v>
      </c>
      <c r="B188">
        <v>598.11102294921898</v>
      </c>
      <c r="C188">
        <v>411.44177124929797</v>
      </c>
      <c r="D188">
        <v>34.407150268554702</v>
      </c>
      <c r="E188">
        <v>5899.7170999646196</v>
      </c>
      <c r="F188">
        <v>43.086082458496101</v>
      </c>
      <c r="G188">
        <v>0.79856759309768699</v>
      </c>
    </row>
    <row r="189" spans="1:7" x14ac:dyDescent="0.25">
      <c r="A189" t="s">
        <v>194</v>
      </c>
      <c r="B189">
        <v>601.71099853515602</v>
      </c>
      <c r="C189">
        <v>401.89531622793203</v>
      </c>
      <c r="D189">
        <v>34.364814758300803</v>
      </c>
      <c r="E189">
        <v>5892.4579061567802</v>
      </c>
      <c r="F189">
        <v>42.086380004882798</v>
      </c>
      <c r="G189">
        <v>0.81653052568435702</v>
      </c>
    </row>
    <row r="190" spans="1:7" x14ac:dyDescent="0.25">
      <c r="A190" t="s">
        <v>195</v>
      </c>
      <c r="B190">
        <v>605.31097412109398</v>
      </c>
      <c r="C190">
        <v>392.34915262796397</v>
      </c>
      <c r="D190">
        <v>33.134078979492202</v>
      </c>
      <c r="E190">
        <v>5681.4262643456505</v>
      </c>
      <c r="F190">
        <v>41.086708068847699</v>
      </c>
      <c r="G190">
        <v>0.80644279718399003</v>
      </c>
    </row>
    <row r="191" spans="1:7" x14ac:dyDescent="0.25">
      <c r="A191" t="s">
        <v>196</v>
      </c>
      <c r="B191">
        <v>608.91101074218795</v>
      </c>
      <c r="C191">
        <v>382.80244261287402</v>
      </c>
      <c r="D191">
        <v>31.943569183349599</v>
      </c>
      <c r="E191">
        <v>5477.2924631834003</v>
      </c>
      <c r="F191">
        <v>40.086978912353501</v>
      </c>
      <c r="G191">
        <v>0.79685646295547496</v>
      </c>
    </row>
    <row r="192" spans="1:7" x14ac:dyDescent="0.25">
      <c r="A192" t="s">
        <v>197</v>
      </c>
      <c r="B192">
        <v>612.510986328125</v>
      </c>
      <c r="C192">
        <v>373.25474905056501</v>
      </c>
      <c r="D192">
        <v>31.0431098937988</v>
      </c>
      <c r="E192">
        <v>5322.8926844894904</v>
      </c>
      <c r="F192">
        <v>39.087146759033203</v>
      </c>
      <c r="G192">
        <v>0.79420250654220603</v>
      </c>
    </row>
    <row r="193" spans="1:7" x14ac:dyDescent="0.25">
      <c r="A193" t="s">
        <v>198</v>
      </c>
      <c r="B193">
        <v>616.11102294921898</v>
      </c>
      <c r="C193">
        <v>363.708549022922</v>
      </c>
      <c r="D193">
        <v>32.570854187011697</v>
      </c>
      <c r="E193">
        <v>5584.8513729870301</v>
      </c>
      <c r="F193">
        <v>38.087471008300803</v>
      </c>
      <c r="G193">
        <v>0.85515928268432595</v>
      </c>
    </row>
    <row r="194" spans="1:7" x14ac:dyDescent="0.25">
      <c r="A194" t="s">
        <v>199</v>
      </c>
      <c r="B194">
        <v>619.71099853515602</v>
      </c>
      <c r="C194">
        <v>354.16121973736</v>
      </c>
      <c r="D194">
        <v>29.982112884521499</v>
      </c>
      <c r="E194">
        <v>5140.9658044576599</v>
      </c>
      <c r="F194">
        <v>37.087677001953097</v>
      </c>
      <c r="G194">
        <v>0.80841171741485596</v>
      </c>
    </row>
    <row r="195" spans="1:7" x14ac:dyDescent="0.25">
      <c r="A195" t="s">
        <v>200</v>
      </c>
      <c r="B195">
        <v>623.31097412109398</v>
      </c>
      <c r="C195">
        <v>344.61440043924603</v>
      </c>
      <c r="D195">
        <v>29.104566574096701</v>
      </c>
      <c r="E195">
        <v>4990.49481004477</v>
      </c>
      <c r="F195">
        <v>36.087936401367202</v>
      </c>
      <c r="G195">
        <v>0.80649018287658703</v>
      </c>
    </row>
    <row r="196" spans="1:7" x14ac:dyDescent="0.25">
      <c r="A196" t="s">
        <v>201</v>
      </c>
      <c r="B196">
        <v>626.91101074218795</v>
      </c>
      <c r="C196">
        <v>335.06459407179898</v>
      </c>
      <c r="D196">
        <v>29.5048923492432</v>
      </c>
      <c r="E196">
        <v>5059.1379404068002</v>
      </c>
      <c r="F196">
        <v>35.087882995605497</v>
      </c>
      <c r="G196">
        <v>0.84088551998138406</v>
      </c>
    </row>
    <row r="197" spans="1:7" x14ac:dyDescent="0.25">
      <c r="A197" t="s">
        <v>202</v>
      </c>
      <c r="B197">
        <v>630.510986328125</v>
      </c>
      <c r="C197">
        <v>325.52189110093599</v>
      </c>
      <c r="D197">
        <v>26.782718658447301</v>
      </c>
      <c r="E197">
        <v>4592.3730358481398</v>
      </c>
      <c r="F197">
        <v>34.088573455810497</v>
      </c>
      <c r="G197">
        <v>0.78568023443222001</v>
      </c>
    </row>
    <row r="198" spans="1:7" x14ac:dyDescent="0.25">
      <c r="A198" t="s">
        <v>203</v>
      </c>
      <c r="B198">
        <v>634.11102294921898</v>
      </c>
      <c r="C198">
        <v>315.97474395374797</v>
      </c>
      <c r="D198">
        <v>25.644855499267599</v>
      </c>
      <c r="E198">
        <v>4397.2660787403602</v>
      </c>
      <c r="F198">
        <v>33.088798522949197</v>
      </c>
      <c r="G198">
        <v>0.77503132820129395</v>
      </c>
    </row>
    <row r="199" spans="1:7" x14ac:dyDescent="0.25">
      <c r="A199" t="s">
        <v>204</v>
      </c>
      <c r="B199">
        <v>637.71099853515602</v>
      </c>
      <c r="C199">
        <v>306.42715967446298</v>
      </c>
      <c r="D199">
        <v>25.160305023193398</v>
      </c>
      <c r="E199">
        <v>4314.1813948750496</v>
      </c>
      <c r="F199">
        <v>32.088977813720703</v>
      </c>
      <c r="G199">
        <v>0.78407937288284302</v>
      </c>
    </row>
    <row r="200" spans="1:7" x14ac:dyDescent="0.25">
      <c r="A200" t="s">
        <v>205</v>
      </c>
      <c r="B200">
        <v>641.31097412109398</v>
      </c>
      <c r="C200">
        <v>296.88103250217</v>
      </c>
      <c r="D200">
        <v>24.711408615112301</v>
      </c>
      <c r="E200">
        <v>4237.2099123895196</v>
      </c>
      <c r="F200">
        <v>31.089309692382798</v>
      </c>
      <c r="G200">
        <v>0.79485225677490201</v>
      </c>
    </row>
    <row r="201" spans="1:7" x14ac:dyDescent="0.25">
      <c r="A201" t="s">
        <v>206</v>
      </c>
      <c r="B201">
        <v>644.91101074218795</v>
      </c>
      <c r="C201">
        <v>287.333102159975</v>
      </c>
      <c r="D201">
        <v>24.1978054046631</v>
      </c>
      <c r="E201">
        <v>4149.1435840725899</v>
      </c>
      <c r="F201">
        <v>30.089452743530298</v>
      </c>
      <c r="G201">
        <v>0.80419558286666903</v>
      </c>
    </row>
    <row r="202" spans="1:7" x14ac:dyDescent="0.25">
      <c r="A202" t="s">
        <v>207</v>
      </c>
      <c r="B202">
        <v>648.510986328125</v>
      </c>
      <c r="C202">
        <v>277.785463239178</v>
      </c>
      <c r="D202">
        <v>23.5858459472656</v>
      </c>
      <c r="E202">
        <v>4044.2124009132399</v>
      </c>
      <c r="F202">
        <v>29.089626312255898</v>
      </c>
      <c r="G202">
        <v>0.81079918146133401</v>
      </c>
    </row>
    <row r="203" spans="1:7" x14ac:dyDescent="0.25">
      <c r="A203" t="s">
        <v>208</v>
      </c>
      <c r="B203">
        <v>652.11102294921898</v>
      </c>
      <c r="C203">
        <v>268.23818859512801</v>
      </c>
      <c r="D203">
        <v>21.926799774169901</v>
      </c>
      <c r="E203">
        <v>3759.7392220050101</v>
      </c>
      <c r="F203">
        <v>28.089838027954102</v>
      </c>
      <c r="G203">
        <v>0.78059542179107699</v>
      </c>
    </row>
    <row r="204" spans="1:7" x14ac:dyDescent="0.25">
      <c r="A204" t="s">
        <v>209</v>
      </c>
      <c r="B204">
        <v>655.71099853515602</v>
      </c>
      <c r="C204">
        <v>258.69147858003799</v>
      </c>
      <c r="D204">
        <v>19.882217407226602</v>
      </c>
      <c r="E204">
        <v>3409.1593697667099</v>
      </c>
      <c r="F204">
        <v>27.09010887146</v>
      </c>
      <c r="G204">
        <v>0.73392903804779097</v>
      </c>
    </row>
    <row r="205" spans="1:7" x14ac:dyDescent="0.25">
      <c r="A205" t="s">
        <v>210</v>
      </c>
      <c r="B205">
        <v>659.31097412109398</v>
      </c>
      <c r="C205">
        <v>249.14487784797299</v>
      </c>
      <c r="D205">
        <v>19.109888076782202</v>
      </c>
      <c r="E205">
        <v>3276.7297234386201</v>
      </c>
      <c r="F205">
        <v>26.090391159057599</v>
      </c>
      <c r="G205">
        <v>0.73244929313659701</v>
      </c>
    </row>
    <row r="206" spans="1:7" x14ac:dyDescent="0.25">
      <c r="A206" t="s">
        <v>211</v>
      </c>
      <c r="B206">
        <v>662.91101074218795</v>
      </c>
      <c r="C206">
        <v>239.59672893972899</v>
      </c>
      <c r="D206">
        <v>18.240777969360401</v>
      </c>
      <c r="E206">
        <v>3127.7055386453899</v>
      </c>
      <c r="F206">
        <v>25.090511322021499</v>
      </c>
      <c r="G206">
        <v>0.72699904441833496</v>
      </c>
    </row>
    <row r="207" spans="1:7" x14ac:dyDescent="0.25">
      <c r="A207" t="s">
        <v>212</v>
      </c>
      <c r="B207">
        <v>666.510986328125</v>
      </c>
      <c r="C207">
        <v>230.051075327208</v>
      </c>
      <c r="D207">
        <v>17.375644683837901</v>
      </c>
      <c r="E207">
        <v>2979.36308197677</v>
      </c>
      <c r="F207">
        <v>24.090892791748001</v>
      </c>
      <c r="G207">
        <v>0.72125369310378995</v>
      </c>
    </row>
    <row r="208" spans="1:7" x14ac:dyDescent="0.25">
      <c r="A208" t="s">
        <v>213</v>
      </c>
      <c r="B208">
        <v>670.11102294921898</v>
      </c>
      <c r="C208">
        <v>220.503891752345</v>
      </c>
      <c r="D208">
        <v>16.266677856445298</v>
      </c>
      <c r="E208">
        <v>2789.2109937965902</v>
      </c>
      <c r="F208">
        <v>23.091114044189499</v>
      </c>
      <c r="G208">
        <v>0.70445615053176902</v>
      </c>
    </row>
    <row r="209" spans="1:7" x14ac:dyDescent="0.25">
      <c r="A209" t="s">
        <v>214</v>
      </c>
      <c r="B209">
        <v>673.71099853515602</v>
      </c>
      <c r="C209">
        <v>210.95800135993801</v>
      </c>
      <c r="D209">
        <v>16.170848846435501</v>
      </c>
      <c r="E209">
        <v>2772.7794367820002</v>
      </c>
      <c r="F209">
        <v>22.0914707183838</v>
      </c>
      <c r="G209">
        <v>0.73199510574340798</v>
      </c>
    </row>
    <row r="210" spans="1:7" x14ac:dyDescent="0.25">
      <c r="A210" t="s">
        <v>215</v>
      </c>
      <c r="B210">
        <v>677.31097412109398</v>
      </c>
      <c r="C210">
        <v>201.41145526938499</v>
      </c>
      <c r="D210">
        <v>15.3143224716187</v>
      </c>
      <c r="E210">
        <v>2625.9126607328699</v>
      </c>
      <c r="F210">
        <v>21.091758728027301</v>
      </c>
      <c r="G210">
        <v>0.72608089447021495</v>
      </c>
    </row>
    <row r="211" spans="1:7" x14ac:dyDescent="0.25">
      <c r="A211" t="s">
        <v>216</v>
      </c>
      <c r="B211">
        <v>680.91101074218795</v>
      </c>
      <c r="C211">
        <v>191.864016700799</v>
      </c>
      <c r="D211">
        <v>14.0760660171509</v>
      </c>
      <c r="E211">
        <v>2413.59160281718</v>
      </c>
      <c r="F211">
        <v>20.091953277587901</v>
      </c>
      <c r="G211">
        <v>0.70058226585388195</v>
      </c>
    </row>
    <row r="212" spans="1:7" x14ac:dyDescent="0.25">
      <c r="A212" t="s">
        <v>217</v>
      </c>
      <c r="B212">
        <v>684.510986328125</v>
      </c>
      <c r="C212">
        <v>182.31663277372601</v>
      </c>
      <c r="D212">
        <v>13.2227535247803</v>
      </c>
      <c r="E212">
        <v>2267.2759369015698</v>
      </c>
      <c r="F212">
        <v>19.0921535491943</v>
      </c>
      <c r="G212">
        <v>0.69257527589797996</v>
      </c>
    </row>
    <row r="213" spans="1:7" x14ac:dyDescent="0.25">
      <c r="A213" t="s">
        <v>218</v>
      </c>
      <c r="B213">
        <v>688.11102294921898</v>
      </c>
      <c r="C213">
        <v>172.76864779001801</v>
      </c>
      <c r="D213">
        <v>12.635271072387701</v>
      </c>
      <c r="E213">
        <v>2166.5417589247199</v>
      </c>
      <c r="F213">
        <v>18.092290878295898</v>
      </c>
      <c r="G213">
        <v>0.69837874174117998</v>
      </c>
    </row>
    <row r="214" spans="1:7" x14ac:dyDescent="0.25">
      <c r="A214" t="s">
        <v>219</v>
      </c>
      <c r="B214">
        <v>691.71099853515602</v>
      </c>
      <c r="C214">
        <v>163.22122743527001</v>
      </c>
      <c r="D214">
        <v>11.7747240066528</v>
      </c>
      <c r="E214">
        <v>2018.9855713397301</v>
      </c>
      <c r="F214">
        <v>17.092487335205099</v>
      </c>
      <c r="G214">
        <v>0.68888300657272294</v>
      </c>
    </row>
    <row r="215" spans="1:7" x14ac:dyDescent="0.25">
      <c r="A215" t="s">
        <v>220</v>
      </c>
      <c r="B215">
        <v>695.31097412109398</v>
      </c>
      <c r="C215">
        <v>153.67577417496</v>
      </c>
      <c r="D215">
        <v>10.5383911132813</v>
      </c>
      <c r="E215">
        <v>1806.99431803077</v>
      </c>
      <c r="F215">
        <v>16.092889785766602</v>
      </c>
      <c r="G215">
        <v>0.65484768152236905</v>
      </c>
    </row>
    <row r="216" spans="1:7" x14ac:dyDescent="0.25">
      <c r="A216" t="s">
        <v>221</v>
      </c>
      <c r="B216">
        <v>698.91101074218795</v>
      </c>
      <c r="C216">
        <v>144.12498426029401</v>
      </c>
      <c r="D216">
        <v>10.128454208374</v>
      </c>
      <c r="E216">
        <v>1736.7034452036</v>
      </c>
      <c r="F216">
        <v>15.0927333831787</v>
      </c>
      <c r="G216">
        <v>0.671081483364105</v>
      </c>
    </row>
    <row r="217" spans="1:7" x14ac:dyDescent="0.25">
      <c r="A217" t="s">
        <v>222</v>
      </c>
      <c r="B217">
        <v>702.510986328125</v>
      </c>
      <c r="C217">
        <v>134.57431273557</v>
      </c>
      <c r="D217">
        <v>9.5098724365234393</v>
      </c>
      <c r="E217">
        <v>1630.6365141645099</v>
      </c>
      <c r="F217">
        <v>14.0925893783569</v>
      </c>
      <c r="G217">
        <v>0.67481368780136097</v>
      </c>
    </row>
    <row r="218" spans="1:7" x14ac:dyDescent="0.25">
      <c r="A218" t="s">
        <v>223</v>
      </c>
      <c r="B218">
        <v>706.10998535156295</v>
      </c>
      <c r="C218">
        <v>125.024642971904</v>
      </c>
      <c r="D218">
        <v>9.0383539199829102</v>
      </c>
      <c r="E218">
        <v>1549.78630598634</v>
      </c>
      <c r="F218">
        <v>13.09255027771</v>
      </c>
      <c r="G218">
        <v>0.69034326076507602</v>
      </c>
    </row>
    <row r="219" spans="1:7" x14ac:dyDescent="0.25">
      <c r="A219" t="s">
        <v>224</v>
      </c>
      <c r="B219">
        <v>709.71002197265602</v>
      </c>
      <c r="C219">
        <v>115.474727321432</v>
      </c>
      <c r="D219">
        <v>8.8272552490234393</v>
      </c>
      <c r="E219">
        <v>1513.5896392166601</v>
      </c>
      <c r="F219">
        <v>12.092485427856399</v>
      </c>
      <c r="G219">
        <v>0.72997856140136697</v>
      </c>
    </row>
    <row r="220" spans="1:7" x14ac:dyDescent="0.25">
      <c r="A220" t="s">
        <v>225</v>
      </c>
      <c r="B220">
        <v>713.30999755859398</v>
      </c>
      <c r="C220">
        <v>105.924456501132</v>
      </c>
      <c r="D220">
        <v>8.3594665527343803</v>
      </c>
      <c r="E220">
        <v>1433.3790168166199</v>
      </c>
      <c r="F220">
        <v>11.092383384704601</v>
      </c>
      <c r="G220">
        <v>0.75362223386764504</v>
      </c>
    </row>
    <row r="221" spans="1:7" x14ac:dyDescent="0.25">
      <c r="A221" t="s">
        <v>226</v>
      </c>
      <c r="B221">
        <v>716.90997314453102</v>
      </c>
      <c r="C221">
        <v>96.374467995310695</v>
      </c>
      <c r="D221">
        <v>7.8319230079650897</v>
      </c>
      <c r="E221">
        <v>1342.9223326966201</v>
      </c>
      <c r="F221">
        <v>10.0923109054565</v>
      </c>
      <c r="G221">
        <v>0.776028692722321</v>
      </c>
    </row>
    <row r="222" spans="1:7" x14ac:dyDescent="0.25">
      <c r="A222" t="s">
        <v>227</v>
      </c>
      <c r="B222">
        <v>720.510009765625</v>
      </c>
      <c r="C222">
        <v>86.825335539847202</v>
      </c>
      <c r="D222">
        <v>7.5501456260681197</v>
      </c>
      <c r="E222">
        <v>1294.60659809411</v>
      </c>
      <c r="F222">
        <v>9.0923280715942401</v>
      </c>
      <c r="G222">
        <v>0.83038640022277799</v>
      </c>
    </row>
    <row r="223" spans="1:7" x14ac:dyDescent="0.25">
      <c r="A223" t="s">
        <v>228</v>
      </c>
      <c r="B223">
        <v>724.10998535156295</v>
      </c>
      <c r="C223">
        <v>77.273908140872095</v>
      </c>
      <c r="D223">
        <v>6.8842034339904803</v>
      </c>
      <c r="E223">
        <v>1180.41899986565</v>
      </c>
      <c r="F223">
        <v>8.0921049118041992</v>
      </c>
      <c r="G223">
        <v>0.85073089599609397</v>
      </c>
    </row>
    <row r="224" spans="1:7" x14ac:dyDescent="0.25">
      <c r="A224" t="s">
        <v>229</v>
      </c>
      <c r="B224">
        <v>727.71002197265602</v>
      </c>
      <c r="C224">
        <v>67.724821220002099</v>
      </c>
      <c r="D224">
        <v>6.4368734359741202</v>
      </c>
      <c r="E224">
        <v>1103.7163203582199</v>
      </c>
      <c r="F224">
        <v>7.0921268463134801</v>
      </c>
      <c r="G224">
        <v>0.90760833024978604</v>
      </c>
    </row>
    <row r="225" spans="1:7" x14ac:dyDescent="0.25">
      <c r="A225" t="s">
        <v>230</v>
      </c>
      <c r="B225">
        <v>731.30999755859398</v>
      </c>
      <c r="C225">
        <v>58.177364437579001</v>
      </c>
      <c r="D225">
        <v>6.1325345039367702</v>
      </c>
      <c r="E225">
        <v>1051.53198819607</v>
      </c>
      <c r="F225">
        <v>6.0923194885253897</v>
      </c>
      <c r="G225">
        <v>1.0066009759903001</v>
      </c>
    </row>
    <row r="226" spans="1:7" x14ac:dyDescent="0.25">
      <c r="A226" t="s">
        <v>231</v>
      </c>
      <c r="B226">
        <v>734.90997314453102</v>
      </c>
      <c r="C226">
        <v>48.628022522985503</v>
      </c>
      <c r="D226">
        <v>5.5750184059143102</v>
      </c>
      <c r="E226">
        <v>955.93591686338198</v>
      </c>
      <c r="F226">
        <v>5.0923147201538104</v>
      </c>
      <c r="G226">
        <v>1.0947905778884901</v>
      </c>
    </row>
    <row r="227" spans="1:7" x14ac:dyDescent="0.25">
      <c r="A227" t="s">
        <v>232</v>
      </c>
      <c r="B227">
        <v>738.510009765625</v>
      </c>
      <c r="C227">
        <v>39.079673262530001</v>
      </c>
      <c r="D227">
        <v>5.5740714073181197</v>
      </c>
      <c r="E227">
        <v>955.77357569709397</v>
      </c>
      <c r="F227">
        <v>4.0924139022827104</v>
      </c>
      <c r="G227">
        <v>1.36204981803894</v>
      </c>
    </row>
    <row r="228" spans="1:7" x14ac:dyDescent="0.25">
      <c r="A228" t="s">
        <v>233</v>
      </c>
      <c r="B228">
        <v>742.10998535156295</v>
      </c>
      <c r="C228">
        <v>29.530688794495401</v>
      </c>
      <c r="D228">
        <v>5.1118292808532697</v>
      </c>
      <c r="E228">
        <v>876.51395006105304</v>
      </c>
      <c r="F228">
        <v>3.09244656562805</v>
      </c>
      <c r="G228">
        <v>1.65300488471985</v>
      </c>
    </row>
    <row r="229" spans="1:7" x14ac:dyDescent="0.25">
      <c r="A229" t="s">
        <v>234</v>
      </c>
      <c r="B229">
        <v>745.71002197265602</v>
      </c>
      <c r="C229">
        <v>19.979800980453</v>
      </c>
      <c r="D229">
        <v>3.8748948574066202</v>
      </c>
      <c r="E229">
        <v>664.41955277696297</v>
      </c>
      <c r="F229">
        <v>2.0922799110412602</v>
      </c>
      <c r="G229">
        <v>1.85199642181396</v>
      </c>
    </row>
    <row r="230" spans="1:7" x14ac:dyDescent="0.25">
      <c r="A230" t="s">
        <v>235</v>
      </c>
      <c r="B230">
        <v>749.30999755859398</v>
      </c>
      <c r="C230">
        <v>10.4313891099315</v>
      </c>
      <c r="D230">
        <v>3.1923756599426301</v>
      </c>
      <c r="E230">
        <v>547.38949984312103</v>
      </c>
      <c r="F230">
        <v>1.0923725366592401</v>
      </c>
      <c r="G230">
        <v>2.92242383956909</v>
      </c>
    </row>
    <row r="231" spans="1:7" x14ac:dyDescent="0.25">
      <c r="A231" t="s">
        <v>236</v>
      </c>
      <c r="B231">
        <v>752.90997314453102</v>
      </c>
      <c r="C231">
        <v>0.88240969339085396</v>
      </c>
      <c r="D231">
        <v>1.56909835338593</v>
      </c>
      <c r="E231">
        <v>269.04977858066599</v>
      </c>
      <c r="F231">
        <v>9.2405728995800004E-2</v>
      </c>
      <c r="G231">
        <v>16.980531692504901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topLeftCell="A210"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6.1539998054504403</v>
      </c>
      <c r="C2">
        <v>8.8452165898457409</v>
      </c>
      <c r="D2">
        <v>4.3630108237266499E-2</v>
      </c>
      <c r="E2">
        <v>7.4811573540500804</v>
      </c>
      <c r="F2">
        <v>0.92626893520355202</v>
      </c>
      <c r="G2">
        <v>4.7103065997362102E-2</v>
      </c>
    </row>
    <row r="3" spans="1:7" x14ac:dyDescent="0.25">
      <c r="A3" t="s">
        <v>8</v>
      </c>
      <c r="B3">
        <v>9.7539997100830096</v>
      </c>
      <c r="C3">
        <v>18.394846510743001</v>
      </c>
      <c r="D3">
        <v>3.7829305976629299E-2</v>
      </c>
      <c r="E3">
        <v>6.48650666335016</v>
      </c>
      <c r="F3">
        <v>1.92630386352539</v>
      </c>
      <c r="G3">
        <v>1.9638285040855401E-2</v>
      </c>
    </row>
    <row r="4" spans="1:7" x14ac:dyDescent="0.25">
      <c r="A4" t="s">
        <v>9</v>
      </c>
      <c r="B4">
        <v>13.354000091552701</v>
      </c>
      <c r="C4">
        <v>27.944354626602699</v>
      </c>
      <c r="D4">
        <v>9.8820552229881304E-3</v>
      </c>
      <c r="E4">
        <v>1.69445388564782</v>
      </c>
      <c r="F4">
        <v>2.9263260364532502</v>
      </c>
      <c r="G4">
        <v>3.3769495785236402E-3</v>
      </c>
    </row>
    <row r="5" spans="1:7" x14ac:dyDescent="0.25">
      <c r="A5" t="s">
        <v>10</v>
      </c>
      <c r="B5">
        <v>16.9540004730225</v>
      </c>
      <c r="C5">
        <v>37.493651006602697</v>
      </c>
      <c r="D5">
        <v>8.5936561226844801E-2</v>
      </c>
      <c r="E5">
        <v>14.7353503052727</v>
      </c>
      <c r="F5">
        <v>3.9263260364532502</v>
      </c>
      <c r="G5">
        <v>2.18872707337141E-2</v>
      </c>
    </row>
    <row r="6" spans="1:7" x14ac:dyDescent="0.25">
      <c r="A6" t="s">
        <v>11</v>
      </c>
      <c r="B6">
        <v>20.554000854492202</v>
      </c>
      <c r="C6">
        <v>47.042435122425999</v>
      </c>
      <c r="D6">
        <v>0.23891393840312999</v>
      </c>
      <c r="E6">
        <v>40.966038795886597</v>
      </c>
      <c r="F6">
        <v>4.9262723922729501</v>
      </c>
      <c r="G6">
        <v>4.8497915267944301E-2</v>
      </c>
    </row>
    <row r="7" spans="1:7" x14ac:dyDescent="0.25">
      <c r="A7" t="s">
        <v>12</v>
      </c>
      <c r="B7">
        <v>24.163999557495099</v>
      </c>
      <c r="C7">
        <v>56.617622472282598</v>
      </c>
      <c r="D7">
        <v>0.34359985589981101</v>
      </c>
      <c r="E7">
        <v>58.916299167322002</v>
      </c>
      <c r="F7">
        <v>5.9289836883544904</v>
      </c>
      <c r="G7">
        <v>5.79525716602802E-2</v>
      </c>
    </row>
    <row r="8" spans="1:7" x14ac:dyDescent="0.25">
      <c r="A8" t="s">
        <v>13</v>
      </c>
      <c r="B8">
        <v>27.763999938964801</v>
      </c>
      <c r="C8">
        <v>66.166222173002296</v>
      </c>
      <c r="D8">
        <v>0.25960972905159002</v>
      </c>
      <c r="E8">
        <v>44.514701585285401</v>
      </c>
      <c r="F8">
        <v>6.9289107322692898</v>
      </c>
      <c r="G8">
        <v>3.7467610090971E-2</v>
      </c>
    </row>
    <row r="9" spans="1:7" x14ac:dyDescent="0.25">
      <c r="A9" t="s">
        <v>14</v>
      </c>
      <c r="B9">
        <v>31.364000320434599</v>
      </c>
      <c r="C9">
        <v>75.714708037238196</v>
      </c>
      <c r="D9">
        <v>0.49117335677146901</v>
      </c>
      <c r="E9">
        <v>84.220395365264295</v>
      </c>
      <c r="F9">
        <v>7.9288258552551296</v>
      </c>
      <c r="G9">
        <v>6.1947803944349303E-2</v>
      </c>
    </row>
    <row r="10" spans="1:7" x14ac:dyDescent="0.25">
      <c r="A10" t="s">
        <v>15</v>
      </c>
      <c r="B10">
        <v>34.964000701904297</v>
      </c>
      <c r="C10">
        <v>85.264637348087604</v>
      </c>
      <c r="D10">
        <v>0.43437400460243197</v>
      </c>
      <c r="E10">
        <v>74.481140472926199</v>
      </c>
      <c r="F10">
        <v>8.9288921356201207</v>
      </c>
      <c r="G10">
        <v>4.8648141324520097E-2</v>
      </c>
    </row>
    <row r="11" spans="1:7" x14ac:dyDescent="0.25">
      <c r="A11" t="s">
        <v>16</v>
      </c>
      <c r="B11">
        <v>38.554000854492202</v>
      </c>
      <c r="C11">
        <v>94.788443462653703</v>
      </c>
      <c r="D11">
        <v>0.52472233772277799</v>
      </c>
      <c r="E11">
        <v>89.972963905893295</v>
      </c>
      <c r="F11">
        <v>9.9262228012084996</v>
      </c>
      <c r="G11">
        <v>5.2862238138914101E-2</v>
      </c>
    </row>
    <row r="12" spans="1:7" x14ac:dyDescent="0.25">
      <c r="A12" t="s">
        <v>17</v>
      </c>
      <c r="B12">
        <v>42.153999328613303</v>
      </c>
      <c r="C12">
        <v>104.33881445906</v>
      </c>
      <c r="D12">
        <v>0.50586652755737305</v>
      </c>
      <c r="E12">
        <v>86.739804828539505</v>
      </c>
      <c r="F12">
        <v>10.9263353347778</v>
      </c>
      <c r="G12">
        <v>4.62979152798653E-2</v>
      </c>
    </row>
    <row r="13" spans="1:7" x14ac:dyDescent="0.25">
      <c r="A13" t="s">
        <v>18</v>
      </c>
      <c r="B13">
        <v>45.754001617431598</v>
      </c>
      <c r="C13">
        <v>113.889094386279</v>
      </c>
      <c r="D13">
        <v>0.57011342048644997</v>
      </c>
      <c r="E13">
        <v>97.756070317700505</v>
      </c>
      <c r="F13">
        <v>11.926438331604</v>
      </c>
      <c r="G13">
        <v>4.7802489250898403E-2</v>
      </c>
    </row>
    <row r="14" spans="1:7" x14ac:dyDescent="0.25">
      <c r="A14" t="s">
        <v>19</v>
      </c>
      <c r="B14">
        <v>49.354000091552699</v>
      </c>
      <c r="C14">
        <v>123.439392527336</v>
      </c>
      <c r="D14">
        <v>0.77838432788848899</v>
      </c>
      <c r="E14">
        <v>133.467823616229</v>
      </c>
      <c r="F14">
        <v>12.9265432357788</v>
      </c>
      <c r="G14">
        <v>6.0215968638658503E-2</v>
      </c>
    </row>
    <row r="15" spans="1:7" x14ac:dyDescent="0.25">
      <c r="A15" t="s">
        <v>20</v>
      </c>
      <c r="B15">
        <v>52.9539985656738</v>
      </c>
      <c r="C15">
        <v>132.989235322458</v>
      </c>
      <c r="D15">
        <v>0.88430392742157005</v>
      </c>
      <c r="E15">
        <v>151.62961790338201</v>
      </c>
      <c r="F15">
        <v>13.9266004562378</v>
      </c>
      <c r="G15">
        <v>6.3497468829154996E-2</v>
      </c>
    </row>
    <row r="16" spans="1:7" x14ac:dyDescent="0.25">
      <c r="A16" t="s">
        <v>21</v>
      </c>
      <c r="B16">
        <v>56.554000854492202</v>
      </c>
      <c r="C16">
        <v>142.53962453270199</v>
      </c>
      <c r="D16">
        <v>1.0899641513824501</v>
      </c>
      <c r="E16">
        <v>186.89371063374</v>
      </c>
      <c r="F16">
        <v>14.926714897155801</v>
      </c>
      <c r="G16">
        <v>7.3021031916141496E-2</v>
      </c>
    </row>
    <row r="17" spans="1:7" x14ac:dyDescent="0.25">
      <c r="A17" t="s">
        <v>22</v>
      </c>
      <c r="B17">
        <v>60.153999328613303</v>
      </c>
      <c r="C17">
        <v>152.08914858566899</v>
      </c>
      <c r="D17">
        <v>1.2128309011459399</v>
      </c>
      <c r="E17">
        <v>207.961405976675</v>
      </c>
      <c r="F17">
        <v>15.9267387390137</v>
      </c>
      <c r="G17">
        <v>7.6150611042976393E-2</v>
      </c>
    </row>
    <row r="18" spans="1:7" x14ac:dyDescent="0.25">
      <c r="A18" t="s">
        <v>23</v>
      </c>
      <c r="B18">
        <v>63.754001617431598</v>
      </c>
      <c r="C18">
        <v>161.636915003328</v>
      </c>
      <c r="D18">
        <v>1.1013418436050399</v>
      </c>
      <c r="E18">
        <v>188.844627700746</v>
      </c>
      <c r="F18">
        <v>16.926578521728501</v>
      </c>
      <c r="G18">
        <v>6.50658309459686E-2</v>
      </c>
    </row>
    <row r="19" spans="1:7" x14ac:dyDescent="0.25">
      <c r="A19" t="s">
        <v>24</v>
      </c>
      <c r="B19">
        <v>67.353996276855497</v>
      </c>
      <c r="C19">
        <v>171.18398929516599</v>
      </c>
      <c r="D19">
        <v>1.344367146492</v>
      </c>
      <c r="E19">
        <v>230.51563766785</v>
      </c>
      <c r="F19">
        <v>17.926345825195298</v>
      </c>
      <c r="G19">
        <v>7.4993930757045704E-2</v>
      </c>
    </row>
    <row r="20" spans="1:7" x14ac:dyDescent="0.25">
      <c r="A20" t="s">
        <v>25</v>
      </c>
      <c r="B20">
        <v>70.954002380371094</v>
      </c>
      <c r="C20">
        <v>180.73139143607699</v>
      </c>
      <c r="D20">
        <v>1.41345322132111</v>
      </c>
      <c r="E20">
        <v>242.36165336333201</v>
      </c>
      <c r="F20">
        <v>18.9261474609375</v>
      </c>
      <c r="G20">
        <v>7.4682563543319702E-2</v>
      </c>
    </row>
    <row r="21" spans="1:7" x14ac:dyDescent="0.25">
      <c r="A21" t="s">
        <v>26</v>
      </c>
      <c r="B21">
        <v>74.554000854492202</v>
      </c>
      <c r="C21">
        <v>190.27733646999599</v>
      </c>
      <c r="D21">
        <v>1.5589514970779399</v>
      </c>
      <c r="E21">
        <v>267.30992249213199</v>
      </c>
      <c r="F21">
        <v>19.925796508789102</v>
      </c>
      <c r="G21">
        <v>7.8237853944301605E-2</v>
      </c>
    </row>
    <row r="22" spans="1:7" x14ac:dyDescent="0.25">
      <c r="A22" t="s">
        <v>27</v>
      </c>
      <c r="B22">
        <v>78.153999328613295</v>
      </c>
      <c r="C22">
        <v>199.825303239866</v>
      </c>
      <c r="D22">
        <v>1.7045263051986701</v>
      </c>
      <c r="E22">
        <v>292.27131744846702</v>
      </c>
      <c r="F22">
        <v>20.925657272338899</v>
      </c>
      <c r="G22">
        <v>8.1456288695335402E-2</v>
      </c>
    </row>
    <row r="23" spans="1:7" x14ac:dyDescent="0.25">
      <c r="A23" t="s">
        <v>28</v>
      </c>
      <c r="B23">
        <v>81.753997802734403</v>
      </c>
      <c r="C23">
        <v>209.37194039960701</v>
      </c>
      <c r="D23">
        <v>1.86451363563538</v>
      </c>
      <c r="E23">
        <v>319.70397685654501</v>
      </c>
      <c r="F23">
        <v>21.925378799438501</v>
      </c>
      <c r="G23">
        <v>8.5039064288139302E-2</v>
      </c>
    </row>
    <row r="24" spans="1:7" x14ac:dyDescent="0.25">
      <c r="A24" t="s">
        <v>29</v>
      </c>
      <c r="B24">
        <v>85.353996276855497</v>
      </c>
      <c r="C24">
        <v>218.91899647760701</v>
      </c>
      <c r="D24">
        <v>2.1610901355743399</v>
      </c>
      <c r="E24">
        <v>370.55730354040901</v>
      </c>
      <c r="F24">
        <v>22.925144195556602</v>
      </c>
      <c r="G24">
        <v>9.4267241656780201E-2</v>
      </c>
    </row>
    <row r="25" spans="1:7" x14ac:dyDescent="0.25">
      <c r="A25" t="s">
        <v>30</v>
      </c>
      <c r="B25">
        <v>88.954002380371094</v>
      </c>
      <c r="C25">
        <v>228.465852203396</v>
      </c>
      <c r="D25">
        <v>2.3523409366607702</v>
      </c>
      <c r="E25">
        <v>403.35062658414199</v>
      </c>
      <c r="F25">
        <v>23.924888610839801</v>
      </c>
      <c r="G25">
        <v>9.8321914672851604E-2</v>
      </c>
    </row>
    <row r="26" spans="1:7" x14ac:dyDescent="0.25">
      <c r="A26" t="s">
        <v>31</v>
      </c>
      <c r="B26">
        <v>92.554000854492202</v>
      </c>
      <c r="C26">
        <v>238.01279899837201</v>
      </c>
      <c r="D26">
        <v>2.6589615345001198</v>
      </c>
      <c r="E26">
        <v>455.926172435284</v>
      </c>
      <c r="F26">
        <v>24.9246425628662</v>
      </c>
      <c r="G26">
        <v>0.106680028140545</v>
      </c>
    </row>
    <row r="27" spans="1:7" x14ac:dyDescent="0.25">
      <c r="A27" t="s">
        <v>32</v>
      </c>
      <c r="B27">
        <v>96.153999328613295</v>
      </c>
      <c r="C27">
        <v>247.55914473671399</v>
      </c>
      <c r="D27">
        <v>2.72984075546265</v>
      </c>
      <c r="E27">
        <v>468.079699203372</v>
      </c>
      <c r="F27">
        <v>25.924333572387699</v>
      </c>
      <c r="G27">
        <v>0.105300322175026</v>
      </c>
    </row>
    <row r="28" spans="1:7" x14ac:dyDescent="0.25">
      <c r="A28" t="s">
        <v>33</v>
      </c>
      <c r="B28">
        <v>99.753997802734403</v>
      </c>
      <c r="C28">
        <v>257.10589117947899</v>
      </c>
      <c r="D28">
        <v>2.7599718570709202</v>
      </c>
      <c r="E28">
        <v>473.24621118605103</v>
      </c>
      <c r="F28">
        <v>26.924066543579102</v>
      </c>
      <c r="G28">
        <v>0.102509468793869</v>
      </c>
    </row>
    <row r="29" spans="1:7" x14ac:dyDescent="0.25">
      <c r="A29" t="s">
        <v>34</v>
      </c>
      <c r="B29">
        <v>103.353996276855</v>
      </c>
      <c r="C29">
        <v>266.65345724492698</v>
      </c>
      <c r="D29">
        <v>3.27265548706055</v>
      </c>
      <c r="E29">
        <v>561.154913157225</v>
      </c>
      <c r="F29">
        <v>27.923885345458999</v>
      </c>
      <c r="G29">
        <v>0.11719914525747301</v>
      </c>
    </row>
    <row r="30" spans="1:7" x14ac:dyDescent="0.25">
      <c r="A30" t="s">
        <v>35</v>
      </c>
      <c r="B30">
        <v>106.95400238037099</v>
      </c>
      <c r="C30">
        <v>276.200531536764</v>
      </c>
      <c r="D30">
        <v>3.3524227142334002</v>
      </c>
      <c r="E30">
        <v>574.83243290334894</v>
      </c>
      <c r="F30">
        <v>28.923652648925799</v>
      </c>
      <c r="G30">
        <v>0.11590592563152299</v>
      </c>
    </row>
    <row r="31" spans="1:7" x14ac:dyDescent="0.25">
      <c r="A31" t="s">
        <v>36</v>
      </c>
      <c r="B31">
        <v>110.554000854492</v>
      </c>
      <c r="C31">
        <v>285.74722333801702</v>
      </c>
      <c r="D31">
        <v>3.7862620353698699</v>
      </c>
      <c r="E31">
        <v>649.221881758422</v>
      </c>
      <c r="F31">
        <v>29.9233798980713</v>
      </c>
      <c r="G31">
        <v>0.12653189897537201</v>
      </c>
    </row>
    <row r="32" spans="1:7" x14ac:dyDescent="0.25">
      <c r="A32" t="s">
        <v>37</v>
      </c>
      <c r="B32">
        <v>114.153999328613</v>
      </c>
      <c r="C32">
        <v>295.29378764240801</v>
      </c>
      <c r="D32">
        <v>3.8533005714416499</v>
      </c>
      <c r="E32">
        <v>660.71684705093503</v>
      </c>
      <c r="F32">
        <v>30.923093795776399</v>
      </c>
      <c r="G32">
        <v>0.124609157443047</v>
      </c>
    </row>
    <row r="33" spans="1:7" x14ac:dyDescent="0.25">
      <c r="A33" t="s">
        <v>38</v>
      </c>
      <c r="B33">
        <v>117.75399780273401</v>
      </c>
      <c r="C33">
        <v>304.84188190914</v>
      </c>
      <c r="D33">
        <v>4.42541408538818</v>
      </c>
      <c r="E33">
        <v>758.815847802907</v>
      </c>
      <c r="F33">
        <v>31.922967910766602</v>
      </c>
      <c r="G33">
        <v>0.13862790167331701</v>
      </c>
    </row>
    <row r="34" spans="1:7" x14ac:dyDescent="0.25">
      <c r="A34" t="s">
        <v>39</v>
      </c>
      <c r="B34">
        <v>121.353996276855</v>
      </c>
      <c r="C34">
        <v>314.389302263888</v>
      </c>
      <c r="D34">
        <v>4.8800110816955602</v>
      </c>
      <c r="E34">
        <v>836.76457870751597</v>
      </c>
      <c r="F34">
        <v>32.922771453857401</v>
      </c>
      <c r="G34">
        <v>0.148226007819176</v>
      </c>
    </row>
    <row r="35" spans="1:7" x14ac:dyDescent="0.25">
      <c r="A35" t="s">
        <v>40</v>
      </c>
      <c r="B35">
        <v>124.95400238037099</v>
      </c>
      <c r="C35">
        <v>323.93634012805097</v>
      </c>
      <c r="D35">
        <v>5.6473464965820304</v>
      </c>
      <c r="E35">
        <v>968.337873928249</v>
      </c>
      <c r="F35">
        <v>33.922534942627003</v>
      </c>
      <c r="G35">
        <v>0.16647772490978199</v>
      </c>
    </row>
    <row r="36" spans="1:7" x14ac:dyDescent="0.25">
      <c r="A36" t="s">
        <v>41</v>
      </c>
      <c r="B36">
        <v>128.55400085449199</v>
      </c>
      <c r="C36">
        <v>333.48534508665301</v>
      </c>
      <c r="D36">
        <v>6.3153872489929199</v>
      </c>
      <c r="E36">
        <v>1082.8853119164701</v>
      </c>
      <c r="F36">
        <v>34.9225044250488</v>
      </c>
      <c r="G36">
        <v>0.18084004521369901</v>
      </c>
    </row>
    <row r="37" spans="1:7" x14ac:dyDescent="0.25">
      <c r="A37" t="s">
        <v>42</v>
      </c>
      <c r="B37">
        <v>132.15400695800801</v>
      </c>
      <c r="C37">
        <v>343.02844876193899</v>
      </c>
      <c r="D37">
        <v>5.9969506263732901</v>
      </c>
      <c r="E37">
        <v>1028.2837320119099</v>
      </c>
      <c r="F37">
        <v>35.9218559265137</v>
      </c>
      <c r="G37">
        <v>0.166944339871407</v>
      </c>
    </row>
    <row r="38" spans="1:7" x14ac:dyDescent="0.25">
      <c r="A38" t="s">
        <v>43</v>
      </c>
      <c r="B38">
        <v>135.75399780273401</v>
      </c>
      <c r="C38">
        <v>352.57657945634497</v>
      </c>
      <c r="D38">
        <v>6.8518977165222203</v>
      </c>
      <c r="E38">
        <v>1174.8796096071601</v>
      </c>
      <c r="F38">
        <v>36.9217338562012</v>
      </c>
      <c r="G38">
        <v>0.18557898700237299</v>
      </c>
    </row>
    <row r="39" spans="1:7" x14ac:dyDescent="0.25">
      <c r="A39" t="s">
        <v>44</v>
      </c>
      <c r="B39">
        <v>139.35400390625</v>
      </c>
      <c r="C39">
        <v>362.12394516958102</v>
      </c>
      <c r="D39">
        <v>6.7464566230773899</v>
      </c>
      <c r="E39">
        <v>1156.79984446615</v>
      </c>
      <c r="F39">
        <v>37.921531677246101</v>
      </c>
      <c r="G39">
        <v>0.177905693650246</v>
      </c>
    </row>
    <row r="40" spans="1:7" x14ac:dyDescent="0.25">
      <c r="A40" t="s">
        <v>45</v>
      </c>
      <c r="B40">
        <v>142.95399475097699</v>
      </c>
      <c r="C40">
        <v>371.67120159979299</v>
      </c>
      <c r="D40">
        <v>8.1102190017700195</v>
      </c>
      <c r="E40">
        <v>1390.6410895288</v>
      </c>
      <c r="F40">
        <v>38.921318054199197</v>
      </c>
      <c r="G40">
        <v>0.208374723792076</v>
      </c>
    </row>
    <row r="41" spans="1:7" x14ac:dyDescent="0.25">
      <c r="A41" t="s">
        <v>46</v>
      </c>
      <c r="B41">
        <v>146.55400085449199</v>
      </c>
      <c r="C41">
        <v>381.22031584141899</v>
      </c>
      <c r="D41">
        <v>7.2914481163024902</v>
      </c>
      <c r="E41">
        <v>1250.2482859417801</v>
      </c>
      <c r="F41">
        <v>39.921298980712898</v>
      </c>
      <c r="G41">
        <v>0.182645559310913</v>
      </c>
    </row>
    <row r="42" spans="1:7" x14ac:dyDescent="0.25">
      <c r="A42" t="s">
        <v>47</v>
      </c>
      <c r="B42">
        <v>150.15400695800801</v>
      </c>
      <c r="C42">
        <v>390.76418449787599</v>
      </c>
      <c r="D42">
        <v>7.4480042457580602</v>
      </c>
      <c r="E42">
        <v>1277.09261141717</v>
      </c>
      <c r="F42">
        <v>40.920730590820298</v>
      </c>
      <c r="G42">
        <v>0.18201054632663699</v>
      </c>
    </row>
    <row r="43" spans="1:7" x14ac:dyDescent="0.25">
      <c r="A43" t="s">
        <v>48</v>
      </c>
      <c r="B43">
        <v>153.76400756835901</v>
      </c>
      <c r="C43">
        <v>400.34069235094302</v>
      </c>
      <c r="D43">
        <v>7.8970642089843803</v>
      </c>
      <c r="E43">
        <v>1354.0919171646201</v>
      </c>
      <c r="F43">
        <v>41.923580169677699</v>
      </c>
      <c r="G43">
        <v>0.18836808204650901</v>
      </c>
    </row>
    <row r="44" spans="1:7" x14ac:dyDescent="0.25">
      <c r="A44" t="s">
        <v>49</v>
      </c>
      <c r="B44">
        <v>157.36399841308599</v>
      </c>
      <c r="C44">
        <v>409.88707451696001</v>
      </c>
      <c r="D44">
        <v>7.6083316802978498</v>
      </c>
      <c r="E44">
        <v>1304.58362400532</v>
      </c>
      <c r="F44">
        <v>42.923274993896499</v>
      </c>
      <c r="G44">
        <v>0.17725421488285101</v>
      </c>
    </row>
    <row r="45" spans="1:7" x14ac:dyDescent="0.25">
      <c r="A45" t="s">
        <v>50</v>
      </c>
      <c r="B45">
        <v>160.96299743652301</v>
      </c>
      <c r="C45">
        <v>419.43152601621301</v>
      </c>
      <c r="D45">
        <v>7.4347028732299796</v>
      </c>
      <c r="E45">
        <v>1274.8119188472599</v>
      </c>
      <c r="F45">
        <v>43.922767639160199</v>
      </c>
      <c r="G45">
        <v>0.16926763951778401</v>
      </c>
    </row>
    <row r="46" spans="1:7" x14ac:dyDescent="0.25">
      <c r="A46" t="s">
        <v>51</v>
      </c>
      <c r="B46">
        <v>164.56300354003901</v>
      </c>
      <c r="C46">
        <v>428.97980242131899</v>
      </c>
      <c r="D46">
        <v>8.4588851928710902</v>
      </c>
      <c r="E46">
        <v>1450.4261780530201</v>
      </c>
      <c r="F46">
        <v>44.922660827636697</v>
      </c>
      <c r="G46">
        <v>0.18829885125160201</v>
      </c>
    </row>
    <row r="47" spans="1:7" x14ac:dyDescent="0.25">
      <c r="A47" t="s">
        <v>52</v>
      </c>
      <c r="B47">
        <v>168.16299438476599</v>
      </c>
      <c r="C47">
        <v>438.52443605894598</v>
      </c>
      <c r="D47">
        <v>8.1207580566406303</v>
      </c>
      <c r="E47">
        <v>1392.4482045695199</v>
      </c>
      <c r="F47">
        <v>45.922172546386697</v>
      </c>
      <c r="G47">
        <v>0.17683741450309801</v>
      </c>
    </row>
    <row r="48" spans="1:7" x14ac:dyDescent="0.25">
      <c r="A48" t="s">
        <v>53</v>
      </c>
      <c r="B48">
        <v>171.76300048828099</v>
      </c>
      <c r="C48">
        <v>448.07198391055601</v>
      </c>
      <c r="D48">
        <v>8.8890571594238299</v>
      </c>
      <c r="E48">
        <v>1524.18669313192</v>
      </c>
      <c r="F48">
        <v>46.921989440917997</v>
      </c>
      <c r="G48">
        <v>0.189443320035934</v>
      </c>
    </row>
    <row r="49" spans="1:7" x14ac:dyDescent="0.25">
      <c r="A49" t="s">
        <v>54</v>
      </c>
      <c r="B49">
        <v>175.36300659179699</v>
      </c>
      <c r="C49">
        <v>457.62095244148298</v>
      </c>
      <c r="D49">
        <v>8.9341917037963903</v>
      </c>
      <c r="E49">
        <v>1531.9258673116601</v>
      </c>
      <c r="F49">
        <v>47.921955108642599</v>
      </c>
      <c r="G49">
        <v>0.18643212318420399</v>
      </c>
    </row>
    <row r="50" spans="1:7" x14ac:dyDescent="0.25">
      <c r="A50" t="s">
        <v>55</v>
      </c>
      <c r="B50">
        <v>178.96299743652301</v>
      </c>
      <c r="C50">
        <v>467.16551322376</v>
      </c>
      <c r="D50">
        <v>8.9622097015380895</v>
      </c>
      <c r="E50">
        <v>1536.73009481281</v>
      </c>
      <c r="F50">
        <v>48.921459197997997</v>
      </c>
      <c r="G50">
        <v>0.18319587409496299</v>
      </c>
    </row>
    <row r="51" spans="1:7" x14ac:dyDescent="0.25">
      <c r="A51" t="s">
        <v>56</v>
      </c>
      <c r="B51">
        <v>182.56300354003901</v>
      </c>
      <c r="C51">
        <v>476.714554610037</v>
      </c>
      <c r="D51">
        <v>9.1054944992065394</v>
      </c>
      <c r="E51">
        <v>1561.29884999245</v>
      </c>
      <c r="F51">
        <v>49.921432495117202</v>
      </c>
      <c r="G51">
        <v>0.18239650130271901</v>
      </c>
    </row>
    <row r="52" spans="1:7" x14ac:dyDescent="0.25">
      <c r="A52" t="s">
        <v>57</v>
      </c>
      <c r="B52">
        <v>186.16299438476599</v>
      </c>
      <c r="C52">
        <v>486.25947966906199</v>
      </c>
      <c r="D52">
        <v>8.6628913879394496</v>
      </c>
      <c r="E52">
        <v>1485.4065375402599</v>
      </c>
      <c r="F52">
        <v>50.920974731445298</v>
      </c>
      <c r="G52">
        <v>0.17012423276901201</v>
      </c>
    </row>
    <row r="53" spans="1:7" x14ac:dyDescent="0.25">
      <c r="A53" t="s">
        <v>58</v>
      </c>
      <c r="B53">
        <v>189.76300048828099</v>
      </c>
      <c r="C53">
        <v>495.80848462766397</v>
      </c>
      <c r="D53">
        <v>10.0211696624756</v>
      </c>
      <c r="E53">
        <v>1718.3074960485101</v>
      </c>
      <c r="F53">
        <v>51.920944213867202</v>
      </c>
      <c r="G53">
        <v>0.19300822913646701</v>
      </c>
    </row>
    <row r="54" spans="1:7" x14ac:dyDescent="0.25">
      <c r="A54" t="s">
        <v>59</v>
      </c>
      <c r="B54">
        <v>193.36300659179699</v>
      </c>
      <c r="C54">
        <v>505.35483036600601</v>
      </c>
      <c r="D54">
        <v>10.0824890136719</v>
      </c>
      <c r="E54">
        <v>1728.8217786699499</v>
      </c>
      <c r="F54">
        <v>52.9206352233887</v>
      </c>
      <c r="G54">
        <v>0.19052094221115101</v>
      </c>
    </row>
    <row r="55" spans="1:7" x14ac:dyDescent="0.25">
      <c r="A55" t="s">
        <v>60</v>
      </c>
      <c r="B55">
        <v>196.96299743652301</v>
      </c>
      <c r="C55">
        <v>514.90197751319295</v>
      </c>
      <c r="D55">
        <v>10.417060852050801</v>
      </c>
      <c r="E55">
        <v>1786.1900851130499</v>
      </c>
      <c r="F55">
        <v>53.92041015625</v>
      </c>
      <c r="G55">
        <v>0.19319327175617201</v>
      </c>
    </row>
    <row r="56" spans="1:7" x14ac:dyDescent="0.25">
      <c r="A56" t="s">
        <v>61</v>
      </c>
      <c r="B56">
        <v>200.56300354003901</v>
      </c>
      <c r="C56">
        <v>524.44839610688496</v>
      </c>
      <c r="D56">
        <v>11.655317306518601</v>
      </c>
      <c r="E56">
        <v>1998.51114302874</v>
      </c>
      <c r="F56">
        <v>54.920108795166001</v>
      </c>
      <c r="G56">
        <v>0.21222312748432201</v>
      </c>
    </row>
    <row r="57" spans="1:7" x14ac:dyDescent="0.25">
      <c r="A57" t="s">
        <v>62</v>
      </c>
      <c r="B57">
        <v>204.16299438476599</v>
      </c>
      <c r="C57">
        <v>533.99492398360098</v>
      </c>
      <c r="D57">
        <v>10.6605224609375</v>
      </c>
      <c r="E57">
        <v>1827.9359210282601</v>
      </c>
      <c r="F57">
        <v>55.9198188781738</v>
      </c>
      <c r="G57">
        <v>0.19063943624496499</v>
      </c>
    </row>
    <row r="58" spans="1:7" x14ac:dyDescent="0.25">
      <c r="A58" t="s">
        <v>63</v>
      </c>
      <c r="B58">
        <v>207.76300048828099</v>
      </c>
      <c r="C58">
        <v>543.54097830054502</v>
      </c>
      <c r="D58">
        <v>11.3263101577759</v>
      </c>
      <c r="E58">
        <v>1942.0970929786599</v>
      </c>
      <c r="F58">
        <v>56.919479370117202</v>
      </c>
      <c r="G58">
        <v>0.19898828864097601</v>
      </c>
    </row>
    <row r="59" spans="1:7" x14ac:dyDescent="0.25">
      <c r="A59" t="s">
        <v>64</v>
      </c>
      <c r="B59">
        <v>211.36300659179699</v>
      </c>
      <c r="C59">
        <v>553.09107608938996</v>
      </c>
      <c r="D59">
        <v>12.687191963195801</v>
      </c>
      <c r="E59">
        <v>2175.4445042461198</v>
      </c>
      <c r="F59">
        <v>57.919563293457003</v>
      </c>
      <c r="G59">
        <v>0.21904847025871299</v>
      </c>
    </row>
    <row r="60" spans="1:7" x14ac:dyDescent="0.25">
      <c r="A60" t="s">
        <v>65</v>
      </c>
      <c r="B60">
        <v>214.96299743652301</v>
      </c>
      <c r="C60">
        <v>562.63334192815603</v>
      </c>
      <c r="D60">
        <v>12.334489822387701</v>
      </c>
      <c r="E60">
        <v>2114.9674430489499</v>
      </c>
      <c r="F60">
        <v>58.918827056884801</v>
      </c>
      <c r="G60">
        <v>0.209347173571587</v>
      </c>
    </row>
    <row r="61" spans="1:7" x14ac:dyDescent="0.25">
      <c r="A61" t="s">
        <v>66</v>
      </c>
      <c r="B61">
        <v>218.56300354003901</v>
      </c>
      <c r="C61">
        <v>572.18241974210696</v>
      </c>
      <c r="D61">
        <v>13.8570289611816</v>
      </c>
      <c r="E61">
        <v>2376.0336916893698</v>
      </c>
      <c r="F61">
        <v>59.9188041687012</v>
      </c>
      <c r="G61">
        <v>0.23126344382762901</v>
      </c>
    </row>
    <row r="62" spans="1:7" x14ac:dyDescent="0.25">
      <c r="A62" t="s">
        <v>67</v>
      </c>
      <c r="B62">
        <v>222.16299438476599</v>
      </c>
      <c r="C62">
        <v>581.72880190812396</v>
      </c>
      <c r="D62">
        <v>12.7521648406982</v>
      </c>
      <c r="E62">
        <v>2186.5852177143101</v>
      </c>
      <c r="F62">
        <v>60.918498992919901</v>
      </c>
      <c r="G62">
        <v>0.20933157205581701</v>
      </c>
    </row>
    <row r="63" spans="1:7" x14ac:dyDescent="0.25">
      <c r="A63" t="s">
        <v>68</v>
      </c>
      <c r="B63">
        <v>225.76300048828099</v>
      </c>
      <c r="C63">
        <v>591.27940968441601</v>
      </c>
      <c r="D63">
        <v>14.758405685424799</v>
      </c>
      <c r="E63">
        <v>2530.5908638984001</v>
      </c>
      <c r="F63">
        <v>61.918636322021499</v>
      </c>
      <c r="G63">
        <v>0.23835159838199599</v>
      </c>
    </row>
    <row r="64" spans="1:7" x14ac:dyDescent="0.25">
      <c r="A64" t="s">
        <v>69</v>
      </c>
      <c r="B64">
        <v>229.36300659179699</v>
      </c>
      <c r="C64">
        <v>600.820400554564</v>
      </c>
      <c r="D64">
        <v>14.333830833435099</v>
      </c>
      <c r="E64">
        <v>2457.78984390199</v>
      </c>
      <c r="F64">
        <v>62.917766571044901</v>
      </c>
      <c r="G64">
        <v>0.227818489074707</v>
      </c>
    </row>
    <row r="65" spans="1:7" x14ac:dyDescent="0.25">
      <c r="A65" t="s">
        <v>70</v>
      </c>
      <c r="B65">
        <v>232.96299743652301</v>
      </c>
      <c r="C65">
        <v>610.37078976480802</v>
      </c>
      <c r="D65">
        <v>15.5648288726807</v>
      </c>
      <c r="E65">
        <v>2668.8664220273499</v>
      </c>
      <c r="F65">
        <v>63.917881011962898</v>
      </c>
      <c r="G65">
        <v>0.243512898683548</v>
      </c>
    </row>
    <row r="66" spans="1:7" x14ac:dyDescent="0.25">
      <c r="A66" t="s">
        <v>71</v>
      </c>
      <c r="B66">
        <v>236.56300354003901</v>
      </c>
      <c r="C66">
        <v>619.91917545293802</v>
      </c>
      <c r="D66">
        <v>15.914989471435501</v>
      </c>
      <c r="E66">
        <v>2728.9076242595902</v>
      </c>
      <c r="F66">
        <v>64.917785644531307</v>
      </c>
      <c r="G66">
        <v>0.245156079530716</v>
      </c>
    </row>
    <row r="67" spans="1:7" x14ac:dyDescent="0.25">
      <c r="A67" t="s">
        <v>72</v>
      </c>
      <c r="B67">
        <v>240.16299438476599</v>
      </c>
      <c r="C67">
        <v>629.46752471339403</v>
      </c>
      <c r="D67">
        <v>17.106462478637699</v>
      </c>
      <c r="E67">
        <v>2933.2069680094701</v>
      </c>
      <c r="F67">
        <v>65.917686462402301</v>
      </c>
      <c r="G67">
        <v>0.25951248407363903</v>
      </c>
    </row>
    <row r="68" spans="1:7" x14ac:dyDescent="0.25">
      <c r="A68" t="s">
        <v>73</v>
      </c>
      <c r="B68">
        <v>243.76300048828099</v>
      </c>
      <c r="C68">
        <v>639.01274119381696</v>
      </c>
      <c r="D68">
        <v>18.280021667480501</v>
      </c>
      <c r="E68">
        <v>3134.4343442469799</v>
      </c>
      <c r="F68">
        <v>66.917259216308594</v>
      </c>
      <c r="G68">
        <v>0.27317351102829002</v>
      </c>
    </row>
    <row r="69" spans="1:7" x14ac:dyDescent="0.25">
      <c r="A69" t="s">
        <v>74</v>
      </c>
      <c r="B69">
        <v>247.36300659179699</v>
      </c>
      <c r="C69">
        <v>648.55722912074498</v>
      </c>
      <c r="D69">
        <v>18.916139602661101</v>
      </c>
      <c r="E69">
        <v>3243.50805021822</v>
      </c>
      <c r="F69">
        <v>67.916755676269503</v>
      </c>
      <c r="G69">
        <v>0.27851948142051702</v>
      </c>
    </row>
    <row r="70" spans="1:7" x14ac:dyDescent="0.25">
      <c r="A70" t="s">
        <v>75</v>
      </c>
      <c r="B70">
        <v>250.96299743652301</v>
      </c>
      <c r="C70">
        <v>658.107691186338</v>
      </c>
      <c r="D70">
        <v>20.002952575683601</v>
      </c>
      <c r="E70">
        <v>3429.8615064472001</v>
      </c>
      <c r="F70">
        <v>68.916877746582003</v>
      </c>
      <c r="G70">
        <v>0.29024752974510198</v>
      </c>
    </row>
    <row r="71" spans="1:7" x14ac:dyDescent="0.25">
      <c r="A71" t="s">
        <v>76</v>
      </c>
      <c r="B71">
        <v>254.56300354003901</v>
      </c>
      <c r="C71">
        <v>667.65021201882701</v>
      </c>
      <c r="D71">
        <v>19.71457862854</v>
      </c>
      <c r="E71">
        <v>3380.41479699314</v>
      </c>
      <c r="F71">
        <v>69.916168212890597</v>
      </c>
      <c r="G71">
        <v>0.28197452425956698</v>
      </c>
    </row>
    <row r="72" spans="1:7" x14ac:dyDescent="0.25">
      <c r="A72" t="s">
        <v>77</v>
      </c>
      <c r="B72">
        <v>258.16299438476602</v>
      </c>
      <c r="C72">
        <v>677.20708535518395</v>
      </c>
      <c r="D72">
        <v>20.7210998535156</v>
      </c>
      <c r="E72">
        <v>3553.00051160157</v>
      </c>
      <c r="F72">
        <v>70.916961669921903</v>
      </c>
      <c r="G72">
        <v>0.29218819737434398</v>
      </c>
    </row>
    <row r="73" spans="1:7" x14ac:dyDescent="0.25">
      <c r="A73" t="s">
        <v>78</v>
      </c>
      <c r="B73">
        <v>261.76300048828102</v>
      </c>
      <c r="C73">
        <v>686.74363204900703</v>
      </c>
      <c r="D73">
        <v>20.665767669677699</v>
      </c>
      <c r="E73">
        <v>3543.5131285339598</v>
      </c>
      <c r="F73">
        <v>71.915626525878906</v>
      </c>
      <c r="G73">
        <v>0.28736129403114302</v>
      </c>
    </row>
    <row r="74" spans="1:7" x14ac:dyDescent="0.25">
      <c r="A74" t="s">
        <v>79</v>
      </c>
      <c r="B74">
        <v>265.36300659179699</v>
      </c>
      <c r="C74">
        <v>696.29416696994997</v>
      </c>
      <c r="D74">
        <v>21.604469299316399</v>
      </c>
      <c r="E74">
        <v>3704.46988381445</v>
      </c>
      <c r="F74">
        <v>72.915756225585895</v>
      </c>
      <c r="G74">
        <v>0.29629355669021601</v>
      </c>
    </row>
    <row r="75" spans="1:7" x14ac:dyDescent="0.25">
      <c r="A75" t="s">
        <v>80</v>
      </c>
      <c r="B75">
        <v>268.96301269531301</v>
      </c>
      <c r="C75">
        <v>705.84433761414505</v>
      </c>
      <c r="D75">
        <v>20.527408599853501</v>
      </c>
      <c r="E75">
        <v>3519.7888500988502</v>
      </c>
      <c r="F75">
        <v>73.915847778320298</v>
      </c>
      <c r="G75">
        <v>0.27771323919296298</v>
      </c>
    </row>
    <row r="76" spans="1:7" x14ac:dyDescent="0.25">
      <c r="A76" t="s">
        <v>81</v>
      </c>
      <c r="B76">
        <v>272.56298828125</v>
      </c>
      <c r="C76">
        <v>715.38190428286305</v>
      </c>
      <c r="D76">
        <v>20.585748672485401</v>
      </c>
      <c r="E76">
        <v>3529.79241870344</v>
      </c>
      <c r="F76">
        <v>74.914619445800795</v>
      </c>
      <c r="G76">
        <v>0.27478948235511802</v>
      </c>
    </row>
    <row r="77" spans="1:7" x14ac:dyDescent="0.25">
      <c r="A77" t="s">
        <v>82</v>
      </c>
      <c r="B77">
        <v>276.16299438476602</v>
      </c>
      <c r="C77">
        <v>724.93644624803301</v>
      </c>
      <c r="D77">
        <v>22.074424743652301</v>
      </c>
      <c r="E77">
        <v>3785.0523367524102</v>
      </c>
      <c r="F77">
        <v>75.915168762207003</v>
      </c>
      <c r="G77">
        <v>0.29077753424644498</v>
      </c>
    </row>
    <row r="78" spans="1:7" x14ac:dyDescent="0.25">
      <c r="A78" t="s">
        <v>83</v>
      </c>
      <c r="B78">
        <v>279.76300048828102</v>
      </c>
      <c r="C78">
        <v>734.48290126939901</v>
      </c>
      <c r="D78">
        <v>23.203367233276399</v>
      </c>
      <c r="E78">
        <v>3978.6295965313898</v>
      </c>
      <c r="F78">
        <v>76.914871215820298</v>
      </c>
      <c r="G78">
        <v>0.301675945520401</v>
      </c>
    </row>
    <row r="79" spans="1:7" x14ac:dyDescent="0.25">
      <c r="A79" t="s">
        <v>84</v>
      </c>
      <c r="B79">
        <v>283.36300659179699</v>
      </c>
      <c r="C79">
        <v>744.02855488191994</v>
      </c>
      <c r="D79">
        <v>23.0885524749756</v>
      </c>
      <c r="E79">
        <v>3958.94236862659</v>
      </c>
      <c r="F79">
        <v>77.914489746093807</v>
      </c>
      <c r="G79">
        <v>0.29633194208145103</v>
      </c>
    </row>
    <row r="80" spans="1:7" x14ac:dyDescent="0.25">
      <c r="A80" t="s">
        <v>85</v>
      </c>
      <c r="B80">
        <v>286.96301269531301</v>
      </c>
      <c r="C80">
        <v>753.58193116149698</v>
      </c>
      <c r="D80">
        <v>28.098505020141602</v>
      </c>
      <c r="E80">
        <v>4817.9877921938896</v>
      </c>
      <c r="F80">
        <v>78.9149169921875</v>
      </c>
      <c r="G80">
        <v>0.35606074333190901</v>
      </c>
    </row>
    <row r="81" spans="1:7" x14ac:dyDescent="0.25">
      <c r="A81" t="s">
        <v>86</v>
      </c>
      <c r="B81">
        <v>290.56298828125</v>
      </c>
      <c r="C81">
        <v>763.11556364133696</v>
      </c>
      <c r="D81">
        <v>27.8318576812744</v>
      </c>
      <c r="E81">
        <v>4772.2663730382901</v>
      </c>
      <c r="F81">
        <v>79.913276672363295</v>
      </c>
      <c r="G81">
        <v>0.34827578067779502</v>
      </c>
    </row>
    <row r="82" spans="1:7" x14ac:dyDescent="0.25">
      <c r="A82" t="s">
        <v>87</v>
      </c>
      <c r="B82">
        <v>294.16299438476602</v>
      </c>
      <c r="C82">
        <v>772.66762852462102</v>
      </c>
      <c r="D82">
        <v>27.939533233642599</v>
      </c>
      <c r="E82">
        <v>4790.7293774187601</v>
      </c>
      <c r="F82">
        <v>80.913566589355497</v>
      </c>
      <c r="G82">
        <v>0.3453009724617</v>
      </c>
    </row>
    <row r="83" spans="1:7" x14ac:dyDescent="0.25">
      <c r="A83" t="s">
        <v>88</v>
      </c>
      <c r="B83">
        <v>297.76300048828102</v>
      </c>
      <c r="C83">
        <v>782.20883796081796</v>
      </c>
      <c r="D83">
        <v>27.725162506103501</v>
      </c>
      <c r="E83">
        <v>4753.97147238255</v>
      </c>
      <c r="F83">
        <v>81.9127197265625</v>
      </c>
      <c r="G83">
        <v>0.33847200870513899</v>
      </c>
    </row>
    <row r="84" spans="1:7" x14ac:dyDescent="0.25">
      <c r="A84" t="s">
        <v>89</v>
      </c>
      <c r="B84">
        <v>301.36300659179699</v>
      </c>
      <c r="C84">
        <v>791.75944573711001</v>
      </c>
      <c r="D84">
        <v>28.224433898925799</v>
      </c>
      <c r="E84">
        <v>4839.5805060863504</v>
      </c>
      <c r="F84">
        <v>82.912857055664105</v>
      </c>
      <c r="G84">
        <v>0.34041082859039301</v>
      </c>
    </row>
    <row r="85" spans="1:7" x14ac:dyDescent="0.25">
      <c r="A85" t="s">
        <v>90</v>
      </c>
      <c r="B85">
        <v>304.96301269531301</v>
      </c>
      <c r="C85">
        <v>801.30910639385797</v>
      </c>
      <c r="D85">
        <v>27.590330123901399</v>
      </c>
      <c r="E85">
        <v>4730.8523207902899</v>
      </c>
      <c r="F85">
        <v>83.912895202636705</v>
      </c>
      <c r="G85">
        <v>0.32879725098609902</v>
      </c>
    </row>
    <row r="86" spans="1:7" x14ac:dyDescent="0.25">
      <c r="A86" t="s">
        <v>91</v>
      </c>
      <c r="B86">
        <v>308.56298828125</v>
      </c>
      <c r="C86">
        <v>810.85476000637902</v>
      </c>
      <c r="D86">
        <v>28.605426788330099</v>
      </c>
      <c r="E86">
        <v>4904.9085937440404</v>
      </c>
      <c r="F86">
        <v>84.912513732910199</v>
      </c>
      <c r="G86">
        <v>0.33688116073608398</v>
      </c>
    </row>
    <row r="87" spans="1:7" x14ac:dyDescent="0.25">
      <c r="A87" t="s">
        <v>92</v>
      </c>
      <c r="B87">
        <v>312.16299438476602</v>
      </c>
      <c r="C87">
        <v>820.39436662488504</v>
      </c>
      <c r="D87">
        <v>29.339941024780298</v>
      </c>
      <c r="E87">
        <v>5030.85413947701</v>
      </c>
      <c r="F87">
        <v>85.9114990234375</v>
      </c>
      <c r="G87">
        <v>0.34151354432106001</v>
      </c>
    </row>
    <row r="88" spans="1:7" x14ac:dyDescent="0.25">
      <c r="A88" t="s">
        <v>93</v>
      </c>
      <c r="B88">
        <v>315.76300048828102</v>
      </c>
      <c r="C88">
        <v>829.95888977294703</v>
      </c>
      <c r="D88">
        <v>28.606489181518601</v>
      </c>
      <c r="E88">
        <v>4905.0906673073796</v>
      </c>
      <c r="F88">
        <v>86.913093566894503</v>
      </c>
      <c r="G88">
        <v>0.329138994216919</v>
      </c>
    </row>
    <row r="89" spans="1:7" x14ac:dyDescent="0.25">
      <c r="A89" t="s">
        <v>94</v>
      </c>
      <c r="B89">
        <v>319.36300659179699</v>
      </c>
      <c r="C89">
        <v>839.49157513324303</v>
      </c>
      <c r="D89">
        <v>28.3015460968018</v>
      </c>
      <c r="E89">
        <v>4852.80295833945</v>
      </c>
      <c r="F89">
        <v>87.911354064941406</v>
      </c>
      <c r="G89">
        <v>0.321932762861252</v>
      </c>
    </row>
    <row r="90" spans="1:7" x14ac:dyDescent="0.25">
      <c r="A90" t="s">
        <v>95</v>
      </c>
      <c r="B90">
        <v>322.96301269531301</v>
      </c>
      <c r="C90">
        <v>849.05493259571199</v>
      </c>
      <c r="D90">
        <v>28.682249069213899</v>
      </c>
      <c r="E90">
        <v>4918.0812202394</v>
      </c>
      <c r="F90">
        <v>88.912826538085895</v>
      </c>
      <c r="G90">
        <v>0.32258844375610402</v>
      </c>
    </row>
    <row r="91" spans="1:7" x14ac:dyDescent="0.25">
      <c r="A91" t="s">
        <v>96</v>
      </c>
      <c r="B91">
        <v>326.56298828125</v>
      </c>
      <c r="C91">
        <v>858.58805508810497</v>
      </c>
      <c r="D91">
        <v>26.825954437255898</v>
      </c>
      <c r="E91">
        <v>4599.7863635420799</v>
      </c>
      <c r="F91">
        <v>89.9111328125</v>
      </c>
      <c r="G91">
        <v>0.298360764980316</v>
      </c>
    </row>
    <row r="92" spans="1:7" x14ac:dyDescent="0.25">
      <c r="A92" t="s">
        <v>97</v>
      </c>
      <c r="B92">
        <v>330.16299438476602</v>
      </c>
      <c r="C92">
        <v>868.13793431090198</v>
      </c>
      <c r="D92">
        <v>30.365566253662099</v>
      </c>
      <c r="E92">
        <v>5206.7157812416599</v>
      </c>
      <c r="F92">
        <v>90.911193847656307</v>
      </c>
      <c r="G92">
        <v>0.334013491868973</v>
      </c>
    </row>
    <row r="93" spans="1:7" x14ac:dyDescent="0.25">
      <c r="A93" t="s">
        <v>98</v>
      </c>
      <c r="B93">
        <v>333.76300048828102</v>
      </c>
      <c r="C93">
        <v>877.66981826235303</v>
      </c>
      <c r="D93">
        <v>29.559242248535199</v>
      </c>
      <c r="E93">
        <v>5068.45721974969</v>
      </c>
      <c r="F93">
        <v>91.909370422363295</v>
      </c>
      <c r="G93">
        <v>0.32161292433738697</v>
      </c>
    </row>
    <row r="94" spans="1:7" x14ac:dyDescent="0.25">
      <c r="A94" t="s">
        <v>99</v>
      </c>
      <c r="B94">
        <v>337.36300659179699</v>
      </c>
      <c r="C94">
        <v>887.23842130999105</v>
      </c>
      <c r="D94">
        <v>31.7869968414307</v>
      </c>
      <c r="E94">
        <v>5450.4452273249599</v>
      </c>
      <c r="F94">
        <v>92.911392211914105</v>
      </c>
      <c r="G94">
        <v>0.34212163090705899</v>
      </c>
    </row>
    <row r="95" spans="1:7" x14ac:dyDescent="0.25">
      <c r="A95" t="s">
        <v>100</v>
      </c>
      <c r="B95">
        <v>340.96301269531301</v>
      </c>
      <c r="C95">
        <v>896.79675175333898</v>
      </c>
      <c r="D95">
        <v>28.965246200561499</v>
      </c>
      <c r="E95">
        <v>4966.6059203445902</v>
      </c>
      <c r="F95">
        <v>93.912338256835895</v>
      </c>
      <c r="G95">
        <v>0.308428555727005</v>
      </c>
    </row>
    <row r="96" spans="1:7" x14ac:dyDescent="0.25">
      <c r="A96" t="s">
        <v>101</v>
      </c>
      <c r="B96">
        <v>344.56298828125</v>
      </c>
      <c r="C96">
        <v>906.31297180463002</v>
      </c>
      <c r="D96">
        <v>31.857803344726602</v>
      </c>
      <c r="E96">
        <v>5462.58641406894</v>
      </c>
      <c r="F96">
        <v>94.908874511718807</v>
      </c>
      <c r="G96">
        <v>0.33566728234291099</v>
      </c>
    </row>
    <row r="97" spans="1:7" x14ac:dyDescent="0.25">
      <c r="A97" t="s">
        <v>102</v>
      </c>
      <c r="B97">
        <v>348.16299438476602</v>
      </c>
      <c r="C97">
        <v>915.88274053786199</v>
      </c>
      <c r="D97">
        <v>29.823616027831999</v>
      </c>
      <c r="E97">
        <v>5113.7888804078102</v>
      </c>
      <c r="F97">
        <v>95.911018371582003</v>
      </c>
      <c r="G97">
        <v>0.31095087528228799</v>
      </c>
    </row>
    <row r="98" spans="1:7" x14ac:dyDescent="0.25">
      <c r="A98" t="s">
        <v>103</v>
      </c>
      <c r="B98">
        <v>351.76300048828102</v>
      </c>
      <c r="C98">
        <v>925.40391475292404</v>
      </c>
      <c r="D98">
        <v>33.203380584716797</v>
      </c>
      <c r="E98">
        <v>5693.3094747364503</v>
      </c>
      <c r="F98">
        <v>96.908073425292997</v>
      </c>
      <c r="G98">
        <v>0.34262758493423501</v>
      </c>
    </row>
    <row r="99" spans="1:7" x14ac:dyDescent="0.25">
      <c r="A99" t="s">
        <v>104</v>
      </c>
      <c r="B99">
        <v>355.36300659179699</v>
      </c>
      <c r="C99">
        <v>934.97062356147399</v>
      </c>
      <c r="D99">
        <v>30.628860473632798</v>
      </c>
      <c r="E99">
        <v>5251.8621087074298</v>
      </c>
      <c r="F99">
        <v>97.909896850585895</v>
      </c>
      <c r="G99">
        <v>0.31282702088356001</v>
      </c>
    </row>
    <row r="100" spans="1:7" x14ac:dyDescent="0.25">
      <c r="A100" t="s">
        <v>105</v>
      </c>
      <c r="B100">
        <v>358.96200561523398</v>
      </c>
      <c r="C100">
        <v>944.52195989126199</v>
      </c>
      <c r="D100">
        <v>31.759687423706101</v>
      </c>
      <c r="E100">
        <v>5445.7625374197996</v>
      </c>
      <c r="F100">
        <v>98.910110473632798</v>
      </c>
      <c r="G100">
        <v>0.32109647989273099</v>
      </c>
    </row>
    <row r="101" spans="1:7" x14ac:dyDescent="0.25">
      <c r="A101" t="s">
        <v>106</v>
      </c>
      <c r="B101">
        <v>362.56201171875</v>
      </c>
      <c r="C101">
        <v>954.05049249663205</v>
      </c>
      <c r="D101">
        <v>32.235271453857401</v>
      </c>
      <c r="E101">
        <v>5527.3100733757001</v>
      </c>
      <c r="F101">
        <v>99.907936096191406</v>
      </c>
      <c r="G101">
        <v>0.322649747133255</v>
      </c>
    </row>
    <row r="102" spans="1:7" x14ac:dyDescent="0.25">
      <c r="A102" t="s">
        <v>107</v>
      </c>
      <c r="B102">
        <v>363.65200805664102</v>
      </c>
      <c r="C102">
        <v>954.94450049131399</v>
      </c>
      <c r="D102">
        <v>33.620597839355497</v>
      </c>
      <c r="E102">
        <v>5764.8490183055401</v>
      </c>
      <c r="F102">
        <v>100.00155639648401</v>
      </c>
      <c r="G102">
        <v>0.33620074391365101</v>
      </c>
    </row>
    <row r="103" spans="1:7" x14ac:dyDescent="0.25">
      <c r="A103" t="s">
        <v>108</v>
      </c>
      <c r="B103">
        <v>364.64199829101602</v>
      </c>
      <c r="C103">
        <v>954.96650280688698</v>
      </c>
      <c r="D103">
        <v>31.543287277221701</v>
      </c>
      <c r="E103">
        <v>5408.6567834019697</v>
      </c>
      <c r="F103">
        <v>100.003860473633</v>
      </c>
      <c r="G103">
        <v>0.31542068719863903</v>
      </c>
    </row>
    <row r="104" spans="1:7" x14ac:dyDescent="0.25">
      <c r="A104" t="s">
        <v>109</v>
      </c>
      <c r="B104">
        <v>365.64199829101602</v>
      </c>
      <c r="C104">
        <v>954.932843635381</v>
      </c>
      <c r="D104">
        <v>27.253370285034201</v>
      </c>
      <c r="E104">
        <v>4673.0744652450103</v>
      </c>
      <c r="F104">
        <v>100.00033569335901</v>
      </c>
      <c r="G104">
        <v>0.27253279089927701</v>
      </c>
    </row>
    <row r="105" spans="1:7" x14ac:dyDescent="0.25">
      <c r="A105" t="s">
        <v>110</v>
      </c>
      <c r="B105">
        <v>366.64199829101602</v>
      </c>
      <c r="C105">
        <v>954.90697998628104</v>
      </c>
      <c r="D105">
        <v>29.692102432251001</v>
      </c>
      <c r="E105">
        <v>5091.2383012473601</v>
      </c>
      <c r="F105">
        <v>99.997627258300795</v>
      </c>
      <c r="G105">
        <v>0.29692807793617199</v>
      </c>
    </row>
    <row r="106" spans="1:7" x14ac:dyDescent="0.25">
      <c r="A106" t="s">
        <v>111</v>
      </c>
      <c r="B106">
        <v>367.64199829101602</v>
      </c>
      <c r="C106">
        <v>954.90282723135499</v>
      </c>
      <c r="D106">
        <v>32.709716796875</v>
      </c>
      <c r="E106">
        <v>5608.6620315909404</v>
      </c>
      <c r="F106">
        <v>99.9971923828125</v>
      </c>
      <c r="G106">
        <v>0.32710635662078902</v>
      </c>
    </row>
    <row r="107" spans="1:7" x14ac:dyDescent="0.25">
      <c r="A107" t="s">
        <v>112</v>
      </c>
      <c r="B107">
        <v>368.64199829101602</v>
      </c>
      <c r="C107">
        <v>954.92104106875001</v>
      </c>
      <c r="D107">
        <v>33.953392028808601</v>
      </c>
      <c r="E107">
        <v>5821.9120837748096</v>
      </c>
      <c r="F107">
        <v>99.999099731445298</v>
      </c>
      <c r="G107">
        <v>0.33953696489334101</v>
      </c>
    </row>
    <row r="108" spans="1:7" x14ac:dyDescent="0.25">
      <c r="A108" t="s">
        <v>113</v>
      </c>
      <c r="B108">
        <v>369.64199829101602</v>
      </c>
      <c r="C108">
        <v>954.91885540826195</v>
      </c>
      <c r="D108">
        <v>31.873296737670898</v>
      </c>
      <c r="E108">
        <v>5465.2430117130298</v>
      </c>
      <c r="F108">
        <v>99.998870849609403</v>
      </c>
      <c r="G108">
        <v>0.318736553192139</v>
      </c>
    </row>
    <row r="109" spans="1:7" x14ac:dyDescent="0.25">
      <c r="A109" t="s">
        <v>114</v>
      </c>
      <c r="B109">
        <v>370.64199829101602</v>
      </c>
      <c r="C109">
        <v>954.91528549613304</v>
      </c>
      <c r="D109">
        <v>31.5616550445557</v>
      </c>
      <c r="E109">
        <v>5411.8065163493202</v>
      </c>
      <c r="F109">
        <v>99.998497009277301</v>
      </c>
      <c r="G109">
        <v>0.31562128663062999</v>
      </c>
    </row>
    <row r="110" spans="1:7" x14ac:dyDescent="0.25">
      <c r="A110" t="s">
        <v>115</v>
      </c>
      <c r="B110">
        <v>371.64199829101602</v>
      </c>
      <c r="C110">
        <v>954.92315387388703</v>
      </c>
      <c r="D110">
        <v>32.137645721435497</v>
      </c>
      <c r="E110">
        <v>5510.5704814195597</v>
      </c>
      <c r="F110">
        <v>99.999320983886705</v>
      </c>
      <c r="G110">
        <v>0.32137864828109702</v>
      </c>
    </row>
    <row r="111" spans="1:7" x14ac:dyDescent="0.25">
      <c r="A111" t="s">
        <v>116</v>
      </c>
      <c r="B111">
        <v>372.64199829101602</v>
      </c>
      <c r="C111">
        <v>954.93371789957598</v>
      </c>
      <c r="D111">
        <v>33.317619323730497</v>
      </c>
      <c r="E111">
        <v>5712.8979824483404</v>
      </c>
      <c r="F111">
        <v>100.00042724609401</v>
      </c>
      <c r="G111">
        <v>0.33317476511001598</v>
      </c>
    </row>
    <row r="112" spans="1:7" x14ac:dyDescent="0.25">
      <c r="A112" t="s">
        <v>117</v>
      </c>
      <c r="B112">
        <v>373.64199829101602</v>
      </c>
      <c r="C112">
        <v>954.90778139512599</v>
      </c>
      <c r="D112">
        <v>33.476413726806598</v>
      </c>
      <c r="E112">
        <v>5740.1261292398003</v>
      </c>
      <c r="F112">
        <v>99.997711181640597</v>
      </c>
      <c r="G112">
        <v>0.33477181196212802</v>
      </c>
    </row>
    <row r="113" spans="1:7" x14ac:dyDescent="0.25">
      <c r="A113" t="s">
        <v>118</v>
      </c>
      <c r="B113">
        <v>374.64199829101602</v>
      </c>
      <c r="C113">
        <v>954.91637832637696</v>
      </c>
      <c r="D113">
        <v>33.347789764404297</v>
      </c>
      <c r="E113">
        <v>5718.0710136890402</v>
      </c>
      <c r="F113">
        <v>99.998611450195298</v>
      </c>
      <c r="G113">
        <v>0.33348253369331399</v>
      </c>
    </row>
    <row r="114" spans="1:7" x14ac:dyDescent="0.25">
      <c r="A114" t="s">
        <v>119</v>
      </c>
      <c r="B114">
        <v>375.64199829101602</v>
      </c>
      <c r="C114">
        <v>954.92439241482998</v>
      </c>
      <c r="D114">
        <v>32.892753601074197</v>
      </c>
      <c r="E114">
        <v>5640.0471366941902</v>
      </c>
      <c r="F114">
        <v>99.999450683593807</v>
      </c>
      <c r="G114">
        <v>0.32892933487892201</v>
      </c>
    </row>
    <row r="115" spans="1:7" x14ac:dyDescent="0.25">
      <c r="A115" t="s">
        <v>120</v>
      </c>
      <c r="B115">
        <v>376.64199829101602</v>
      </c>
      <c r="C115">
        <v>954.92111392409902</v>
      </c>
      <c r="D115">
        <v>31.954139709472699</v>
      </c>
      <c r="E115">
        <v>5479.1048169136002</v>
      </c>
      <c r="F115">
        <v>99.999107360839801</v>
      </c>
      <c r="G115">
        <v>0.31954425573348999</v>
      </c>
    </row>
    <row r="116" spans="1:7" x14ac:dyDescent="0.25">
      <c r="A116" t="s">
        <v>121</v>
      </c>
      <c r="B116">
        <v>377.64199829101602</v>
      </c>
      <c r="C116">
        <v>954.92584952182199</v>
      </c>
      <c r="D116">
        <v>32.504001617431598</v>
      </c>
      <c r="E116">
        <v>5573.3886547386601</v>
      </c>
      <c r="F116">
        <v>99.999603271484403</v>
      </c>
      <c r="G116">
        <v>0.3250412940979</v>
      </c>
    </row>
    <row r="117" spans="1:7" x14ac:dyDescent="0.25">
      <c r="A117" t="s">
        <v>122</v>
      </c>
      <c r="B117">
        <v>378.64199829101602</v>
      </c>
      <c r="C117">
        <v>954.93196937118603</v>
      </c>
      <c r="D117">
        <v>33.606292724609403</v>
      </c>
      <c r="E117">
        <v>5762.3959146440002</v>
      </c>
      <c r="F117">
        <v>100.000244140625</v>
      </c>
      <c r="G117">
        <v>0.33606210350990301</v>
      </c>
    </row>
    <row r="118" spans="1:7" x14ac:dyDescent="0.25">
      <c r="A118" t="s">
        <v>123</v>
      </c>
      <c r="B118">
        <v>379.64199829101602</v>
      </c>
      <c r="C118">
        <v>954.92446527018001</v>
      </c>
      <c r="D118">
        <v>31.419582366943398</v>
      </c>
      <c r="E118">
        <v>5387.4454461038104</v>
      </c>
      <c r="F118">
        <v>99.999458312988295</v>
      </c>
      <c r="G118">
        <v>0.31419754028320301</v>
      </c>
    </row>
    <row r="119" spans="1:7" x14ac:dyDescent="0.25">
      <c r="A119" t="s">
        <v>124</v>
      </c>
      <c r="B119">
        <v>380.64199829101602</v>
      </c>
      <c r="C119">
        <v>954.93568499401499</v>
      </c>
      <c r="D119">
        <v>33.4174995422363</v>
      </c>
      <c r="E119">
        <v>5730.0236076116598</v>
      </c>
      <c r="F119">
        <v>100.00063323974599</v>
      </c>
      <c r="G119">
        <v>0.33417287468910201</v>
      </c>
    </row>
    <row r="120" spans="1:7" x14ac:dyDescent="0.25">
      <c r="A120" t="s">
        <v>125</v>
      </c>
      <c r="B120">
        <v>381.64199829101602</v>
      </c>
      <c r="C120">
        <v>954.93517500656799</v>
      </c>
      <c r="D120">
        <v>30.9144382476807</v>
      </c>
      <c r="E120">
        <v>5300.8296526968497</v>
      </c>
      <c r="F120">
        <v>100.00057983398401</v>
      </c>
      <c r="G120">
        <v>0.30914258956909202</v>
      </c>
    </row>
    <row r="121" spans="1:7" x14ac:dyDescent="0.25">
      <c r="A121" t="s">
        <v>126</v>
      </c>
      <c r="B121">
        <v>382.64199829101602</v>
      </c>
      <c r="C121">
        <v>954.93175080513799</v>
      </c>
      <c r="D121">
        <v>30.829715728759801</v>
      </c>
      <c r="E121">
        <v>5286.3024175167102</v>
      </c>
      <c r="F121">
        <v>100.00022125244099</v>
      </c>
      <c r="G121">
        <v>0.30829647183418302</v>
      </c>
    </row>
    <row r="122" spans="1:7" x14ac:dyDescent="0.25">
      <c r="A122" t="s">
        <v>127</v>
      </c>
      <c r="B122">
        <v>383.64199829101602</v>
      </c>
      <c r="C122">
        <v>954.91499407473498</v>
      </c>
      <c r="D122">
        <v>30.651380538940401</v>
      </c>
      <c r="E122">
        <v>5255.7238377630702</v>
      </c>
      <c r="F122">
        <v>99.998466491699205</v>
      </c>
      <c r="G122">
        <v>0.306518495082855</v>
      </c>
    </row>
    <row r="123" spans="1:7" x14ac:dyDescent="0.25">
      <c r="A123" t="s">
        <v>128</v>
      </c>
      <c r="B123">
        <v>384.64199829101602</v>
      </c>
      <c r="C123">
        <v>954.89882018712797</v>
      </c>
      <c r="D123">
        <v>35.309066772460902</v>
      </c>
      <c r="E123">
        <v>6054.3669387698201</v>
      </c>
      <c r="F123">
        <v>99.996772766113295</v>
      </c>
      <c r="G123">
        <v>0.35310205817222601</v>
      </c>
    </row>
    <row r="124" spans="1:7" x14ac:dyDescent="0.25">
      <c r="A124" t="s">
        <v>129</v>
      </c>
      <c r="B124">
        <v>385.64199829101602</v>
      </c>
      <c r="C124">
        <v>954.92111392409902</v>
      </c>
      <c r="D124">
        <v>34.522182464599602</v>
      </c>
      <c r="E124">
        <v>5919.4415807723999</v>
      </c>
      <c r="F124">
        <v>99.999107360839801</v>
      </c>
      <c r="G124">
        <v>0.34522491693496699</v>
      </c>
    </row>
    <row r="125" spans="1:7" x14ac:dyDescent="0.25">
      <c r="A125" t="s">
        <v>130</v>
      </c>
      <c r="B125">
        <v>386.64199829101602</v>
      </c>
      <c r="C125">
        <v>954.94675900715094</v>
      </c>
      <c r="D125">
        <v>34.742870330810497</v>
      </c>
      <c r="E125">
        <v>5957.2821483015996</v>
      </c>
      <c r="F125">
        <v>100.001792907715</v>
      </c>
      <c r="G125">
        <v>0.34742248058319097</v>
      </c>
    </row>
    <row r="126" spans="1:7" x14ac:dyDescent="0.25">
      <c r="A126" t="s">
        <v>131</v>
      </c>
      <c r="B126">
        <v>387.64199829101602</v>
      </c>
      <c r="C126">
        <v>954.942096264778</v>
      </c>
      <c r="D126">
        <v>33.6827201843262</v>
      </c>
      <c r="E126">
        <v>5775.5010202527001</v>
      </c>
      <c r="F126">
        <v>100.001304626465</v>
      </c>
      <c r="G126">
        <v>0.33682280778884899</v>
      </c>
    </row>
    <row r="127" spans="1:7" x14ac:dyDescent="0.25">
      <c r="A127" t="s">
        <v>132</v>
      </c>
      <c r="B127">
        <v>388.64199829101602</v>
      </c>
      <c r="C127">
        <v>954.95207744767004</v>
      </c>
      <c r="D127">
        <v>32.732414245605497</v>
      </c>
      <c r="E127">
        <v>5612.5540286302603</v>
      </c>
      <c r="F127">
        <v>100.00234985351599</v>
      </c>
      <c r="G127">
        <v>0.32731646299362199</v>
      </c>
    </row>
    <row r="128" spans="1:7" x14ac:dyDescent="0.25">
      <c r="A128" t="s">
        <v>133</v>
      </c>
      <c r="B128">
        <v>389.64199829101602</v>
      </c>
      <c r="C128">
        <v>954.94668615180103</v>
      </c>
      <c r="D128">
        <v>30.8369750976563</v>
      </c>
      <c r="E128">
        <v>5287.5471301376801</v>
      </c>
      <c r="F128">
        <v>100.00178527832</v>
      </c>
      <c r="G128">
        <v>0.30836424231529203</v>
      </c>
    </row>
    <row r="129" spans="1:7" x14ac:dyDescent="0.25">
      <c r="A129" t="s">
        <v>134</v>
      </c>
      <c r="B129">
        <v>390.64199829101602</v>
      </c>
      <c r="C129">
        <v>954.92869088045495</v>
      </c>
      <c r="D129">
        <v>29.591819763183601</v>
      </c>
      <c r="E129">
        <v>5074.04329255223</v>
      </c>
      <c r="F129">
        <v>99.999900817871094</v>
      </c>
      <c r="G129">
        <v>0.29591849446296697</v>
      </c>
    </row>
    <row r="130" spans="1:7" x14ac:dyDescent="0.25">
      <c r="A130" t="s">
        <v>135</v>
      </c>
      <c r="B130">
        <v>391.64199829101602</v>
      </c>
      <c r="C130">
        <v>954.90697998628104</v>
      </c>
      <c r="D130">
        <v>30.4652423858643</v>
      </c>
      <c r="E130">
        <v>5223.8069474697104</v>
      </c>
      <c r="F130">
        <v>99.997627258300795</v>
      </c>
      <c r="G130">
        <v>0.30465966463089</v>
      </c>
    </row>
    <row r="131" spans="1:7" x14ac:dyDescent="0.25">
      <c r="A131" t="s">
        <v>136</v>
      </c>
      <c r="B131">
        <v>392.64199829101602</v>
      </c>
      <c r="C131">
        <v>954.92082250270096</v>
      </c>
      <c r="D131">
        <v>31.429716110229499</v>
      </c>
      <c r="E131">
        <v>5389.1832940280401</v>
      </c>
      <c r="F131">
        <v>99.999076843261705</v>
      </c>
      <c r="G131">
        <v>0.31430006027221702</v>
      </c>
    </row>
    <row r="132" spans="1:7" x14ac:dyDescent="0.25">
      <c r="A132" t="s">
        <v>137</v>
      </c>
      <c r="B132">
        <v>396.302001953125</v>
      </c>
      <c r="C132">
        <v>946.09949677569296</v>
      </c>
      <c r="D132">
        <v>31.971818923950199</v>
      </c>
      <c r="E132">
        <v>5482.1362718939799</v>
      </c>
      <c r="F132">
        <v>99.075309753417997</v>
      </c>
      <c r="G132">
        <v>0.32270219922065702</v>
      </c>
    </row>
    <row r="133" spans="1:7" x14ac:dyDescent="0.25">
      <c r="A133" t="s">
        <v>138</v>
      </c>
      <c r="B133">
        <v>399.90200805664102</v>
      </c>
      <c r="C133">
        <v>936.50583148779901</v>
      </c>
      <c r="D133">
        <v>31.746213912963899</v>
      </c>
      <c r="E133">
        <v>5443.4523917734596</v>
      </c>
      <c r="F133">
        <v>98.070663452148395</v>
      </c>
      <c r="G133">
        <v>0.32370755076408397</v>
      </c>
    </row>
    <row r="134" spans="1:7" x14ac:dyDescent="0.25">
      <c r="A134" t="s">
        <v>139</v>
      </c>
      <c r="B134">
        <v>403.50201416015602</v>
      </c>
      <c r="C134">
        <v>927.017150758649</v>
      </c>
      <c r="D134">
        <v>28.403053283691399</v>
      </c>
      <c r="E134">
        <v>4870.2079802751496</v>
      </c>
      <c r="F134">
        <v>97.077011108398395</v>
      </c>
      <c r="G134">
        <v>0.29258269071579002</v>
      </c>
    </row>
    <row r="135" spans="1:7" x14ac:dyDescent="0.25">
      <c r="A135" t="s">
        <v>140</v>
      </c>
      <c r="B135">
        <v>407.11199951171898</v>
      </c>
      <c r="C135">
        <v>917.396310425362</v>
      </c>
      <c r="D135">
        <v>32.265861511230497</v>
      </c>
      <c r="E135">
        <v>5532.5552821159399</v>
      </c>
      <c r="F135">
        <v>96.069519042968807</v>
      </c>
      <c r="G135">
        <v>0.33585950732231101</v>
      </c>
    </row>
    <row r="136" spans="1:7" x14ac:dyDescent="0.25">
      <c r="A136" t="s">
        <v>141</v>
      </c>
      <c r="B136">
        <v>410.70199584960898</v>
      </c>
      <c r="C136">
        <v>907.90456977152996</v>
      </c>
      <c r="D136">
        <v>26.954013824462901</v>
      </c>
      <c r="E136">
        <v>4621.74462154508</v>
      </c>
      <c r="F136">
        <v>95.075546264648395</v>
      </c>
      <c r="G136">
        <v>0.28350102901458701</v>
      </c>
    </row>
    <row r="137" spans="1:7" x14ac:dyDescent="0.25">
      <c r="A137" t="s">
        <v>142</v>
      </c>
      <c r="B137">
        <v>414.302001953125</v>
      </c>
      <c r="C137">
        <v>898.349007831466</v>
      </c>
      <c r="D137">
        <v>31.873994827270501</v>
      </c>
      <c r="E137">
        <v>5465.3626866638697</v>
      </c>
      <c r="F137">
        <v>94.074890136718807</v>
      </c>
      <c r="G137">
        <v>0.33881512284278897</v>
      </c>
    </row>
    <row r="138" spans="1:7" x14ac:dyDescent="0.25">
      <c r="A138" t="s">
        <v>143</v>
      </c>
      <c r="B138">
        <v>417.90200805664102</v>
      </c>
      <c r="C138">
        <v>888.79876433192101</v>
      </c>
      <c r="D138">
        <v>26.0102424621582</v>
      </c>
      <c r="E138">
        <v>4459.9180109798899</v>
      </c>
      <c r="F138">
        <v>93.074790954589801</v>
      </c>
      <c r="G138">
        <v>0.27945527434349099</v>
      </c>
    </row>
    <row r="139" spans="1:7" x14ac:dyDescent="0.25">
      <c r="A139" t="s">
        <v>144</v>
      </c>
      <c r="B139">
        <v>421.50201416015602</v>
      </c>
      <c r="C139">
        <v>879.27066885864895</v>
      </c>
      <c r="D139">
        <v>29.8302917480469</v>
      </c>
      <c r="E139">
        <v>5114.9334758520099</v>
      </c>
      <c r="F139">
        <v>92.077011108398395</v>
      </c>
      <c r="G139">
        <v>0.32397112250328097</v>
      </c>
    </row>
    <row r="140" spans="1:7" x14ac:dyDescent="0.25">
      <c r="A140" t="s">
        <v>145</v>
      </c>
      <c r="B140">
        <v>425.11199951171898</v>
      </c>
      <c r="C140">
        <v>869.68698475364795</v>
      </c>
      <c r="D140">
        <v>26.119319915771499</v>
      </c>
      <c r="E140">
        <v>4478.6212965846098</v>
      </c>
      <c r="F140">
        <v>91.073410034179702</v>
      </c>
      <c r="G140">
        <v>0.28679412603378301</v>
      </c>
    </row>
    <row r="141" spans="1:7" x14ac:dyDescent="0.25">
      <c r="A141" t="s">
        <v>146</v>
      </c>
      <c r="B141">
        <v>428.70199584960898</v>
      </c>
      <c r="C141">
        <v>860.166830513479</v>
      </c>
      <c r="D141">
        <v>26.921859741210898</v>
      </c>
      <c r="E141">
        <v>4616.23119190335</v>
      </c>
      <c r="F141">
        <v>90.076461791992202</v>
      </c>
      <c r="G141">
        <v>0.29887786507606501</v>
      </c>
    </row>
    <row r="142" spans="1:7" x14ac:dyDescent="0.25">
      <c r="A142" t="s">
        <v>147</v>
      </c>
      <c r="B142">
        <v>432.302001953125</v>
      </c>
      <c r="C142">
        <v>850.61760698882904</v>
      </c>
      <c r="D142">
        <v>25.9656982421875</v>
      </c>
      <c r="E142">
        <v>4452.2802345454702</v>
      </c>
      <c r="F142">
        <v>89.076469421386705</v>
      </c>
      <c r="G142">
        <v>0.29149895906448398</v>
      </c>
    </row>
    <row r="143" spans="1:7" x14ac:dyDescent="0.25">
      <c r="A143" t="s">
        <v>148</v>
      </c>
      <c r="B143">
        <v>435.90200805664102</v>
      </c>
      <c r="C143">
        <v>841.08484877318301</v>
      </c>
      <c r="D143">
        <v>27.3577556610107</v>
      </c>
      <c r="E143">
        <v>4690.9730881452597</v>
      </c>
      <c r="F143">
        <v>88.078201293945298</v>
      </c>
      <c r="G143">
        <v>0.31060755252838101</v>
      </c>
    </row>
    <row r="144" spans="1:7" x14ac:dyDescent="0.25">
      <c r="A144" t="s">
        <v>149</v>
      </c>
      <c r="B144">
        <v>439.50201416015602</v>
      </c>
      <c r="C144">
        <v>831.52455123539698</v>
      </c>
      <c r="D144">
        <v>26.554374694824201</v>
      </c>
      <c r="E144">
        <v>4553.2193034887296</v>
      </c>
      <c r="F144">
        <v>87.077049255371094</v>
      </c>
      <c r="G144">
        <v>0.30495262145996099</v>
      </c>
    </row>
    <row r="145" spans="1:7" x14ac:dyDescent="0.25">
      <c r="A145" t="s">
        <v>150</v>
      </c>
      <c r="B145">
        <v>443.10198974609398</v>
      </c>
      <c r="C145">
        <v>821.96724076694295</v>
      </c>
      <c r="D145">
        <v>26.0872898101807</v>
      </c>
      <c r="E145">
        <v>4473.1292873620996</v>
      </c>
      <c r="F145">
        <v>86.076210021972699</v>
      </c>
      <c r="G145">
        <v>0.30307200551032998</v>
      </c>
    </row>
    <row r="146" spans="1:7" x14ac:dyDescent="0.25">
      <c r="A146" t="s">
        <v>151</v>
      </c>
      <c r="B146">
        <v>446.70199584960898</v>
      </c>
      <c r="C146">
        <v>812.43346257640303</v>
      </c>
      <c r="D146">
        <v>25.0494174957275</v>
      </c>
      <c r="E146">
        <v>4295.1675131917</v>
      </c>
      <c r="F146">
        <v>85.077835083007798</v>
      </c>
      <c r="G146">
        <v>0.294429421424866</v>
      </c>
    </row>
    <row r="147" spans="1:7" x14ac:dyDescent="0.25">
      <c r="A147" t="s">
        <v>152</v>
      </c>
      <c r="B147">
        <v>450.302001953125</v>
      </c>
      <c r="C147">
        <v>802.88416619640395</v>
      </c>
      <c r="D147">
        <v>25.563959121704102</v>
      </c>
      <c r="E147">
        <v>4383.39496031404</v>
      </c>
      <c r="F147">
        <v>84.077835083007798</v>
      </c>
      <c r="G147">
        <v>0.30405110120773299</v>
      </c>
    </row>
    <row r="148" spans="1:7" x14ac:dyDescent="0.25">
      <c r="A148" t="s">
        <v>153</v>
      </c>
      <c r="B148">
        <v>453.90200805664102</v>
      </c>
      <c r="C148">
        <v>793.33516123780203</v>
      </c>
      <c r="D148">
        <v>25.1692600250244</v>
      </c>
      <c r="E148">
        <v>4315.7166801392996</v>
      </c>
      <c r="F148">
        <v>83.077865600585895</v>
      </c>
      <c r="G148">
        <v>0.30295988917350802</v>
      </c>
    </row>
    <row r="149" spans="1:7" x14ac:dyDescent="0.25">
      <c r="A149" t="s">
        <v>154</v>
      </c>
      <c r="B149">
        <v>457.50201416015602</v>
      </c>
      <c r="C149">
        <v>783.78732196479302</v>
      </c>
      <c r="D149">
        <v>25.288480758666999</v>
      </c>
      <c r="E149">
        <v>4336.1592106521102</v>
      </c>
      <c r="F149">
        <v>82.078018188476605</v>
      </c>
      <c r="G149">
        <v>0.30810296535491899</v>
      </c>
    </row>
    <row r="150" spans="1:7" x14ac:dyDescent="0.25">
      <c r="A150" t="s">
        <v>155</v>
      </c>
      <c r="B150">
        <v>461.10198974609398</v>
      </c>
      <c r="C150">
        <v>774.24021124528099</v>
      </c>
      <c r="D150">
        <v>25.178480148315401</v>
      </c>
      <c r="E150">
        <v>4317.2976002097103</v>
      </c>
      <c r="F150">
        <v>81.0782470703125</v>
      </c>
      <c r="G150">
        <v>0.310545444488525</v>
      </c>
    </row>
    <row r="151" spans="1:7" x14ac:dyDescent="0.25">
      <c r="A151" t="s">
        <v>156</v>
      </c>
      <c r="B151">
        <v>464.70199584960898</v>
      </c>
      <c r="C151">
        <v>764.69718042534498</v>
      </c>
      <c r="D151">
        <v>24.523992538452099</v>
      </c>
      <c r="E151">
        <v>4205.0741612911197</v>
      </c>
      <c r="F151">
        <v>80.078903198242202</v>
      </c>
      <c r="G151">
        <v>0.30624786019325301</v>
      </c>
    </row>
    <row r="152" spans="1:7" x14ac:dyDescent="0.25">
      <c r="A152" t="s">
        <v>157</v>
      </c>
      <c r="B152">
        <v>468.302001953125</v>
      </c>
      <c r="C152">
        <v>755.14030708898804</v>
      </c>
      <c r="D152">
        <v>23.167650222778299</v>
      </c>
      <c r="E152">
        <v>3972.5052192807202</v>
      </c>
      <c r="F152">
        <v>79.078109741210895</v>
      </c>
      <c r="G152">
        <v>0.29297173023223899</v>
      </c>
    </row>
    <row r="153" spans="1:7" x14ac:dyDescent="0.25">
      <c r="A153" t="s">
        <v>158</v>
      </c>
      <c r="B153">
        <v>471.90200805664102</v>
      </c>
      <c r="C153">
        <v>745.59836909929595</v>
      </c>
      <c r="D153">
        <v>23.443641662597699</v>
      </c>
      <c r="E153">
        <v>4019.8289789259402</v>
      </c>
      <c r="F153">
        <v>78.078880310058594</v>
      </c>
      <c r="G153">
        <v>0.30025586485862699</v>
      </c>
    </row>
    <row r="154" spans="1:7" x14ac:dyDescent="0.25">
      <c r="A154" t="s">
        <v>159</v>
      </c>
      <c r="B154">
        <v>475.50201416015602</v>
      </c>
      <c r="C154">
        <v>736.05227835467701</v>
      </c>
      <c r="D154">
        <v>23.247676849365199</v>
      </c>
      <c r="E154">
        <v>3986.2273260951001</v>
      </c>
      <c r="F154">
        <v>77.079216003417997</v>
      </c>
      <c r="G154">
        <v>0.30160757899284402</v>
      </c>
    </row>
    <row r="155" spans="1:7" x14ac:dyDescent="0.25">
      <c r="A155" t="s">
        <v>160</v>
      </c>
      <c r="B155">
        <v>479.10198974609398</v>
      </c>
      <c r="C155">
        <v>726.51041322033404</v>
      </c>
      <c r="D155">
        <v>23.2411918640137</v>
      </c>
      <c r="E155">
        <v>3985.1153269410102</v>
      </c>
      <c r="F155">
        <v>76.079994201660199</v>
      </c>
      <c r="G155">
        <v>0.305483609437943</v>
      </c>
    </row>
    <row r="156" spans="1:7" x14ac:dyDescent="0.25">
      <c r="A156" t="s">
        <v>161</v>
      </c>
      <c r="B156">
        <v>482.70199584960898</v>
      </c>
      <c r="C156">
        <v>716.95783834960298</v>
      </c>
      <c r="D156">
        <v>21.863731384277301</v>
      </c>
      <c r="E156">
        <v>3748.9251699298602</v>
      </c>
      <c r="F156">
        <v>75.079650878906307</v>
      </c>
      <c r="G156">
        <v>0.291207164525986</v>
      </c>
    </row>
    <row r="157" spans="1:7" x14ac:dyDescent="0.25">
      <c r="A157" t="s">
        <v>162</v>
      </c>
      <c r="B157">
        <v>486.302001953125</v>
      </c>
      <c r="C157">
        <v>707.40650201981498</v>
      </c>
      <c r="D157">
        <v>21.274581909179702</v>
      </c>
      <c r="E157">
        <v>3647.9050759226102</v>
      </c>
      <c r="F157">
        <v>74.079437255859403</v>
      </c>
      <c r="G157">
        <v>0.28718605637550398</v>
      </c>
    </row>
    <row r="158" spans="1:7" x14ac:dyDescent="0.25">
      <c r="A158" t="s">
        <v>163</v>
      </c>
      <c r="B158">
        <v>489.90200805664102</v>
      </c>
      <c r="C158">
        <v>697.86332548918006</v>
      </c>
      <c r="D158">
        <v>21.007247924804702</v>
      </c>
      <c r="E158">
        <v>3602.06584446132</v>
      </c>
      <c r="F158">
        <v>73.080078125</v>
      </c>
      <c r="G158">
        <v>0.28745520114898698</v>
      </c>
    </row>
    <row r="159" spans="1:7" x14ac:dyDescent="0.25">
      <c r="A159" t="s">
        <v>164</v>
      </c>
      <c r="B159">
        <v>493.50201416015602</v>
      </c>
      <c r="C159">
        <v>688.31650619106495</v>
      </c>
      <c r="D159">
        <v>19.755458831787099</v>
      </c>
      <c r="E159">
        <v>3387.4243963509798</v>
      </c>
      <c r="F159">
        <v>72.080337524414105</v>
      </c>
      <c r="G159">
        <v>0.274075567722321</v>
      </c>
    </row>
    <row r="160" spans="1:7" x14ac:dyDescent="0.25">
      <c r="A160" t="s">
        <v>165</v>
      </c>
      <c r="B160">
        <v>497.10198974609398</v>
      </c>
      <c r="C160">
        <v>678.76903119480505</v>
      </c>
      <c r="D160">
        <v>20.0725288391113</v>
      </c>
      <c r="E160">
        <v>3441.7915157973798</v>
      </c>
      <c r="F160">
        <v>71.080528259277301</v>
      </c>
      <c r="G160">
        <v>0.28239139914512601</v>
      </c>
    </row>
    <row r="161" spans="1:7" x14ac:dyDescent="0.25">
      <c r="A161" t="s">
        <v>166</v>
      </c>
      <c r="B161">
        <v>500.70199584960898</v>
      </c>
      <c r="C161">
        <v>669.22716606046197</v>
      </c>
      <c r="D161">
        <v>19.231727600097699</v>
      </c>
      <c r="E161">
        <v>3297.62138426304</v>
      </c>
      <c r="F161">
        <v>70.081306457519503</v>
      </c>
      <c r="G161">
        <v>0.27442023158073398</v>
      </c>
    </row>
    <row r="162" spans="1:7" x14ac:dyDescent="0.25">
      <c r="A162" t="s">
        <v>167</v>
      </c>
      <c r="B162">
        <v>504.302001953125</v>
      </c>
      <c r="C162">
        <v>659.67998248560002</v>
      </c>
      <c r="D162">
        <v>18.4811611175537</v>
      </c>
      <c r="E162">
        <v>3168.9233146607899</v>
      </c>
      <c r="F162">
        <v>69.081527709960895</v>
      </c>
      <c r="G162">
        <v>0.267526805400848</v>
      </c>
    </row>
    <row r="163" spans="1:7" x14ac:dyDescent="0.25">
      <c r="A163" t="s">
        <v>168</v>
      </c>
      <c r="B163">
        <v>507.90200805664102</v>
      </c>
      <c r="C163">
        <v>650.12857330046199</v>
      </c>
      <c r="D163">
        <v>17.894260406494102</v>
      </c>
      <c r="E163">
        <v>3068.2887881994202</v>
      </c>
      <c r="F163">
        <v>68.081306457519503</v>
      </c>
      <c r="G163">
        <v>0.26283660531044001</v>
      </c>
    </row>
    <row r="164" spans="1:7" x14ac:dyDescent="0.25">
      <c r="A164" t="s">
        <v>169</v>
      </c>
      <c r="B164">
        <v>511.50201416015602</v>
      </c>
      <c r="C164">
        <v>640.58794670706197</v>
      </c>
      <c r="D164">
        <v>17.5683288574219</v>
      </c>
      <c r="E164">
        <v>3012.40221597254</v>
      </c>
      <c r="F164">
        <v>67.082214355468807</v>
      </c>
      <c r="G164">
        <v>0.26189249753951999</v>
      </c>
    </row>
    <row r="165" spans="1:7" x14ac:dyDescent="0.25">
      <c r="A165" t="s">
        <v>170</v>
      </c>
      <c r="B165">
        <v>515.10198974609398</v>
      </c>
      <c r="C165">
        <v>631.04171025174401</v>
      </c>
      <c r="D165">
        <v>16.094753265380898</v>
      </c>
      <c r="E165">
        <v>2759.731374681</v>
      </c>
      <c r="F165">
        <v>66.082534790039105</v>
      </c>
      <c r="G165">
        <v>0.243555322289467</v>
      </c>
    </row>
    <row r="166" spans="1:7" x14ac:dyDescent="0.25">
      <c r="A166" t="s">
        <v>171</v>
      </c>
      <c r="B166">
        <v>518.70202636718795</v>
      </c>
      <c r="C166">
        <v>621.49234101639399</v>
      </c>
      <c r="D166">
        <v>15.0521049499512</v>
      </c>
      <c r="E166">
        <v>2580.9507351368702</v>
      </c>
      <c r="F166">
        <v>65.082527160644503</v>
      </c>
      <c r="G166">
        <v>0.23127719759941101</v>
      </c>
    </row>
    <row r="167" spans="1:7" x14ac:dyDescent="0.25">
      <c r="A167" t="s">
        <v>172</v>
      </c>
      <c r="B167">
        <v>522.302001953125</v>
      </c>
      <c r="C167">
        <v>611.94020327776104</v>
      </c>
      <c r="D167">
        <v>12.771582603454601</v>
      </c>
      <c r="E167">
        <v>2189.91469591856</v>
      </c>
      <c r="F167">
        <v>64.082229614257798</v>
      </c>
      <c r="G167">
        <v>0.199299916625023</v>
      </c>
    </row>
    <row r="168" spans="1:7" x14ac:dyDescent="0.25">
      <c r="A168" t="s">
        <v>173</v>
      </c>
      <c r="B168">
        <v>525.90197753906295</v>
      </c>
      <c r="C168">
        <v>602.39396682244296</v>
      </c>
      <c r="D168">
        <v>14.3796138763428</v>
      </c>
      <c r="E168">
        <v>2465.6401947140698</v>
      </c>
      <c r="F168">
        <v>63.082550048828097</v>
      </c>
      <c r="G168">
        <v>0.22794915735721599</v>
      </c>
    </row>
    <row r="169" spans="1:7" x14ac:dyDescent="0.25">
      <c r="A169" t="s">
        <v>174</v>
      </c>
      <c r="B169">
        <v>529.50201416015602</v>
      </c>
      <c r="C169">
        <v>592.84787607782505</v>
      </c>
      <c r="D169">
        <v>11.910255432128899</v>
      </c>
      <c r="E169">
        <v>2042.2248635441099</v>
      </c>
      <c r="F169">
        <v>62.0828857421875</v>
      </c>
      <c r="G169">
        <v>0.19184441864490501</v>
      </c>
    </row>
    <row r="170" spans="1:7" x14ac:dyDescent="0.25">
      <c r="A170" t="s">
        <v>175</v>
      </c>
      <c r="B170">
        <v>533.10198974609398</v>
      </c>
      <c r="C170">
        <v>583.30142105645803</v>
      </c>
      <c r="D170">
        <v>12.839241027831999</v>
      </c>
      <c r="E170">
        <v>2201.5159483999</v>
      </c>
      <c r="F170">
        <v>61.083183288574197</v>
      </c>
      <c r="G170">
        <v>0.21019272506236999</v>
      </c>
    </row>
    <row r="171" spans="1:7" x14ac:dyDescent="0.25">
      <c r="A171" t="s">
        <v>176</v>
      </c>
      <c r="B171">
        <v>536.70202636718795</v>
      </c>
      <c r="C171">
        <v>573.75460175834405</v>
      </c>
      <c r="D171">
        <v>12.109113693237299</v>
      </c>
      <c r="E171">
        <v>2076.3226784765702</v>
      </c>
      <c r="F171">
        <v>60.083442687988303</v>
      </c>
      <c r="G171">
        <v>0.20153827965259599</v>
      </c>
    </row>
    <row r="172" spans="1:7" x14ac:dyDescent="0.25">
      <c r="A172" t="s">
        <v>177</v>
      </c>
      <c r="B172">
        <v>540.302001953125</v>
      </c>
      <c r="C172">
        <v>564.20479539089695</v>
      </c>
      <c r="D172">
        <v>11.2090559005737</v>
      </c>
      <c r="E172">
        <v>1921.9917012378601</v>
      </c>
      <c r="F172">
        <v>59.083389282226598</v>
      </c>
      <c r="G172">
        <v>0.18971586227417001</v>
      </c>
    </row>
    <row r="173" spans="1:7" x14ac:dyDescent="0.25">
      <c r="A173" t="s">
        <v>178</v>
      </c>
      <c r="B173">
        <v>543.91198730468795</v>
      </c>
      <c r="C173">
        <v>554.63750373955099</v>
      </c>
      <c r="D173">
        <v>12.349209785461399</v>
      </c>
      <c r="E173">
        <v>2117.4913272261601</v>
      </c>
      <c r="F173">
        <v>58.081504821777301</v>
      </c>
      <c r="G173">
        <v>0.212618619203568</v>
      </c>
    </row>
    <row r="174" spans="1:7" x14ac:dyDescent="0.25">
      <c r="A174" t="s">
        <v>179</v>
      </c>
      <c r="B174">
        <v>547.50201416015602</v>
      </c>
      <c r="C174">
        <v>545.111229650018</v>
      </c>
      <c r="D174">
        <v>10.2784328460693</v>
      </c>
      <c r="E174">
        <v>1762.41982262582</v>
      </c>
      <c r="F174">
        <v>57.083915710449197</v>
      </c>
      <c r="G174">
        <v>0.18005830049514801</v>
      </c>
    </row>
    <row r="175" spans="1:7" x14ac:dyDescent="0.25">
      <c r="A175" t="s">
        <v>180</v>
      </c>
      <c r="B175">
        <v>551.11199951171898</v>
      </c>
      <c r="C175">
        <v>535.53887455187601</v>
      </c>
      <c r="D175">
        <v>10.140631675720201</v>
      </c>
      <c r="E175">
        <v>1738.79147041589</v>
      </c>
      <c r="F175">
        <v>56.081501007080099</v>
      </c>
      <c r="G175">
        <v>0.180819541215897</v>
      </c>
    </row>
    <row r="176" spans="1:7" x14ac:dyDescent="0.25">
      <c r="A176" t="s">
        <v>181</v>
      </c>
      <c r="B176">
        <v>554.70202636718795</v>
      </c>
      <c r="C176">
        <v>526.02236307918702</v>
      </c>
      <c r="D176">
        <v>9.6062555313110405</v>
      </c>
      <c r="E176">
        <v>1647.16318249702</v>
      </c>
      <c r="F176">
        <v>55.084934234619098</v>
      </c>
      <c r="G176">
        <v>0.174389883875847</v>
      </c>
    </row>
    <row r="177" spans="1:7" x14ac:dyDescent="0.25">
      <c r="A177" t="s">
        <v>182</v>
      </c>
      <c r="B177">
        <v>558.31097412109398</v>
      </c>
      <c r="C177">
        <v>516.44498096192399</v>
      </c>
      <c r="D177">
        <v>10.4518394470215</v>
      </c>
      <c r="E177">
        <v>1792.1534599736301</v>
      </c>
      <c r="F177">
        <v>54.081993103027301</v>
      </c>
      <c r="G177">
        <v>0.19325913488864899</v>
      </c>
    </row>
    <row r="178" spans="1:7" x14ac:dyDescent="0.25">
      <c r="A178" t="s">
        <v>183</v>
      </c>
      <c r="B178">
        <v>561.91101074218795</v>
      </c>
      <c r="C178">
        <v>506.90144015454098</v>
      </c>
      <c r="D178">
        <v>9.1740684509277308</v>
      </c>
      <c r="E178">
        <v>1573.0570303276199</v>
      </c>
      <c r="F178">
        <v>53.082595825195298</v>
      </c>
      <c r="G178">
        <v>0.17282629013061501</v>
      </c>
    </row>
    <row r="179" spans="1:7" x14ac:dyDescent="0.25">
      <c r="A179" t="s">
        <v>184</v>
      </c>
      <c r="B179">
        <v>565.510986328125</v>
      </c>
      <c r="C179">
        <v>497.353163749435</v>
      </c>
      <c r="D179">
        <v>9.5105085372924805</v>
      </c>
      <c r="E179">
        <v>1630.7455953210599</v>
      </c>
      <c r="F179">
        <v>52.0827026367188</v>
      </c>
      <c r="G179">
        <v>0.182603970170021</v>
      </c>
    </row>
    <row r="180" spans="1:7" x14ac:dyDescent="0.25">
      <c r="A180" t="s">
        <v>185</v>
      </c>
      <c r="B180">
        <v>569.11102294921898</v>
      </c>
      <c r="C180">
        <v>487.80510591037802</v>
      </c>
      <c r="D180">
        <v>8.58630275726318</v>
      </c>
      <c r="E180">
        <v>1472.27419074625</v>
      </c>
      <c r="F180">
        <v>51.082832336425803</v>
      </c>
      <c r="G180">
        <v>0.168085873126984</v>
      </c>
    </row>
    <row r="181" spans="1:7" x14ac:dyDescent="0.25">
      <c r="A181" t="s">
        <v>186</v>
      </c>
      <c r="B181">
        <v>572.71099853515602</v>
      </c>
      <c r="C181">
        <v>478.25606452410102</v>
      </c>
      <c r="D181">
        <v>9.0800437927246094</v>
      </c>
      <c r="E181">
        <v>1556.93478882313</v>
      </c>
      <c r="F181">
        <v>50.082859039306598</v>
      </c>
      <c r="G181">
        <v>0.18130043148994399</v>
      </c>
    </row>
    <row r="182" spans="1:7" x14ac:dyDescent="0.25">
      <c r="A182" t="s">
        <v>187</v>
      </c>
      <c r="B182">
        <v>576.31097412109398</v>
      </c>
      <c r="C182">
        <v>468.71325227021401</v>
      </c>
      <c r="D182">
        <v>8.1326322555541992</v>
      </c>
      <c r="E182">
        <v>1394.4841921329501</v>
      </c>
      <c r="F182">
        <v>49.083538055419901</v>
      </c>
      <c r="G182">
        <v>0.16568960249424</v>
      </c>
    </row>
    <row r="183" spans="1:7" x14ac:dyDescent="0.25">
      <c r="A183" t="s">
        <v>188</v>
      </c>
      <c r="B183">
        <v>579.91101074218795</v>
      </c>
      <c r="C183">
        <v>459.16512157580701</v>
      </c>
      <c r="D183">
        <v>7.8998770713806197</v>
      </c>
      <c r="E183">
        <v>1354.57422584295</v>
      </c>
      <c r="F183">
        <v>48.083660125732401</v>
      </c>
      <c r="G183">
        <v>0.16429442167282099</v>
      </c>
    </row>
    <row r="184" spans="1:7" x14ac:dyDescent="0.25">
      <c r="A184" t="s">
        <v>189</v>
      </c>
      <c r="B184">
        <v>583.510986328125</v>
      </c>
      <c r="C184">
        <v>449.61910368653798</v>
      </c>
      <c r="D184">
        <v>7.3673777580261204</v>
      </c>
      <c r="E184">
        <v>1263.2678262889399</v>
      </c>
      <c r="F184">
        <v>47.0840034484863</v>
      </c>
      <c r="G184">
        <v>0.15647305548191101</v>
      </c>
    </row>
    <row r="185" spans="1:7" x14ac:dyDescent="0.25">
      <c r="A185" t="s">
        <v>190</v>
      </c>
      <c r="B185">
        <v>587.11102294921898</v>
      </c>
      <c r="C185">
        <v>440.071045847481</v>
      </c>
      <c r="D185">
        <v>7.8751087188720703</v>
      </c>
      <c r="E185">
        <v>1350.32727848738</v>
      </c>
      <c r="F185">
        <v>46.084133148193402</v>
      </c>
      <c r="G185">
        <v>0.17088547348976099</v>
      </c>
    </row>
    <row r="186" spans="1:7" x14ac:dyDescent="0.25">
      <c r="A186" t="s">
        <v>191</v>
      </c>
      <c r="B186">
        <v>590.71099853515602</v>
      </c>
      <c r="C186">
        <v>430.52491867518802</v>
      </c>
      <c r="D186">
        <v>7.3566417694091797</v>
      </c>
      <c r="E186">
        <v>1261.4269508048901</v>
      </c>
      <c r="F186">
        <v>45.084465026855497</v>
      </c>
      <c r="G186">
        <v>0.163174644112587</v>
      </c>
    </row>
    <row r="187" spans="1:7" x14ac:dyDescent="0.25">
      <c r="A187" t="s">
        <v>192</v>
      </c>
      <c r="B187">
        <v>594.31097412109398</v>
      </c>
      <c r="C187">
        <v>420.977480106602</v>
      </c>
      <c r="D187">
        <v>7.62127780914307</v>
      </c>
      <c r="E187">
        <v>1306.80343136191</v>
      </c>
      <c r="F187">
        <v>44.084659576416001</v>
      </c>
      <c r="G187">
        <v>0.17287822067737599</v>
      </c>
    </row>
    <row r="188" spans="1:7" x14ac:dyDescent="0.25">
      <c r="A188" t="s">
        <v>193</v>
      </c>
      <c r="B188">
        <v>597.91101074218795</v>
      </c>
      <c r="C188">
        <v>411.42971368894302</v>
      </c>
      <c r="D188">
        <v>7.1052732467651403</v>
      </c>
      <c r="E188">
        <v>1218.3253420516801</v>
      </c>
      <c r="F188">
        <v>43.0848197937012</v>
      </c>
      <c r="G188">
        <v>0.164913609623909</v>
      </c>
    </row>
    <row r="189" spans="1:7" x14ac:dyDescent="0.25">
      <c r="A189" t="s">
        <v>194</v>
      </c>
      <c r="B189">
        <v>601.510986328125</v>
      </c>
      <c r="C189">
        <v>401.88446078084502</v>
      </c>
      <c r="D189">
        <v>7.3359618186950701</v>
      </c>
      <c r="E189">
        <v>1257.8809401020401</v>
      </c>
      <c r="F189">
        <v>42.085243225097699</v>
      </c>
      <c r="G189">
        <v>0.17431198060512501</v>
      </c>
    </row>
    <row r="190" spans="1:7" x14ac:dyDescent="0.25">
      <c r="A190" t="s">
        <v>195</v>
      </c>
      <c r="B190">
        <v>605.11102294921898</v>
      </c>
      <c r="C190">
        <v>392.33359801082901</v>
      </c>
      <c r="D190">
        <v>7.54549312591553</v>
      </c>
      <c r="E190">
        <v>1293.8088038936301</v>
      </c>
      <c r="F190">
        <v>41.085079193115199</v>
      </c>
      <c r="G190">
        <v>0.18365530669689201</v>
      </c>
    </row>
    <row r="191" spans="1:7" x14ac:dyDescent="0.25">
      <c r="A191" t="s">
        <v>196</v>
      </c>
      <c r="B191">
        <v>608.71099853515602</v>
      </c>
      <c r="C191">
        <v>382.78827224738097</v>
      </c>
      <c r="D191">
        <v>6.2514152526855504</v>
      </c>
      <c r="E191">
        <v>1071.9161946326501</v>
      </c>
      <c r="F191">
        <v>40.085494995117202</v>
      </c>
      <c r="G191">
        <v>0.15595205128192899</v>
      </c>
    </row>
    <row r="192" spans="1:7" x14ac:dyDescent="0.25">
      <c r="A192" t="s">
        <v>197</v>
      </c>
      <c r="B192">
        <v>612.31097412109398</v>
      </c>
      <c r="C192">
        <v>373.242509351835</v>
      </c>
      <c r="D192">
        <v>6.7852048873901403</v>
      </c>
      <c r="E192">
        <v>1163.44389971346</v>
      </c>
      <c r="F192">
        <v>39.085865020752003</v>
      </c>
      <c r="G192">
        <v>0.17359741032123599</v>
      </c>
    </row>
    <row r="193" spans="1:7" x14ac:dyDescent="0.25">
      <c r="A193" t="s">
        <v>198</v>
      </c>
      <c r="B193">
        <v>615.91101074218795</v>
      </c>
      <c r="C193">
        <v>363.69288512276199</v>
      </c>
      <c r="D193">
        <v>6.8506603240966797</v>
      </c>
      <c r="E193">
        <v>1174.66738447547</v>
      </c>
      <c r="F193">
        <v>38.085830688476598</v>
      </c>
      <c r="G193">
        <v>0.17987425625324199</v>
      </c>
    </row>
    <row r="194" spans="1:7" x14ac:dyDescent="0.25">
      <c r="A194" t="s">
        <v>199</v>
      </c>
      <c r="B194">
        <v>619.510986328125</v>
      </c>
      <c r="C194">
        <v>354.14810577443598</v>
      </c>
      <c r="D194">
        <v>6.2750725746154803</v>
      </c>
      <c r="E194">
        <v>1075.9726865217101</v>
      </c>
      <c r="F194">
        <v>37.0863037109375</v>
      </c>
      <c r="G194">
        <v>0.169201880693436</v>
      </c>
    </row>
    <row r="195" spans="1:7" x14ac:dyDescent="0.25">
      <c r="A195" t="s">
        <v>200</v>
      </c>
      <c r="B195">
        <v>623.11102294921898</v>
      </c>
      <c r="C195">
        <v>344.60270715563797</v>
      </c>
      <c r="D195">
        <v>6.0237259864807102</v>
      </c>
      <c r="E195">
        <v>1032.8748030587999</v>
      </c>
      <c r="F195">
        <v>36.086711883544901</v>
      </c>
      <c r="G195">
        <v>0.166923657059669</v>
      </c>
    </row>
    <row r="196" spans="1:7" x14ac:dyDescent="0.25">
      <c r="A196" t="s">
        <v>201</v>
      </c>
      <c r="B196">
        <v>626.71099853515602</v>
      </c>
      <c r="C196">
        <v>335.053665769362</v>
      </c>
      <c r="D196">
        <v>5.6464262008667001</v>
      </c>
      <c r="E196">
        <v>968.18007295951202</v>
      </c>
      <c r="F196">
        <v>35.086738586425803</v>
      </c>
      <c r="G196">
        <v>0.16092763841152199</v>
      </c>
    </row>
    <row r="197" spans="1:7" x14ac:dyDescent="0.25">
      <c r="A197" t="s">
        <v>202</v>
      </c>
      <c r="B197">
        <v>630.31097412109398</v>
      </c>
      <c r="C197">
        <v>325.50746574171899</v>
      </c>
      <c r="D197">
        <v>5.7002043724060103</v>
      </c>
      <c r="E197">
        <v>977.40127239376295</v>
      </c>
      <c r="F197">
        <v>34.087062835693402</v>
      </c>
      <c r="G197">
        <v>0.16722486913204199</v>
      </c>
    </row>
    <row r="198" spans="1:7" x14ac:dyDescent="0.25">
      <c r="A198" t="s">
        <v>203</v>
      </c>
      <c r="B198">
        <v>633.91101074218795</v>
      </c>
      <c r="C198">
        <v>315.95926219196298</v>
      </c>
      <c r="D198">
        <v>5.4117660522460902</v>
      </c>
      <c r="E198">
        <v>927.94344527646899</v>
      </c>
      <c r="F198">
        <v>33.0871772766113</v>
      </c>
      <c r="G198">
        <v>0.16356082260608701</v>
      </c>
    </row>
    <row r="199" spans="1:7" x14ac:dyDescent="0.25">
      <c r="A199" t="s">
        <v>204</v>
      </c>
      <c r="B199">
        <v>637.510986328125</v>
      </c>
      <c r="C199">
        <v>306.41368143479099</v>
      </c>
      <c r="D199">
        <v>4.7272706031799299</v>
      </c>
      <c r="E199">
        <v>810.57450734078895</v>
      </c>
      <c r="F199">
        <v>32.087566375732401</v>
      </c>
      <c r="G199">
        <v>0.14732405543327301</v>
      </c>
    </row>
    <row r="200" spans="1:7" x14ac:dyDescent="0.25">
      <c r="A200" t="s">
        <v>205</v>
      </c>
      <c r="B200">
        <v>641.11102294921898</v>
      </c>
      <c r="C200">
        <v>296.86722641342499</v>
      </c>
      <c r="D200">
        <v>3.8621902465820299</v>
      </c>
      <c r="E200">
        <v>662.241131067276</v>
      </c>
      <c r="F200">
        <v>31.087863922119102</v>
      </c>
      <c r="G200">
        <v>0.124234661459923</v>
      </c>
    </row>
    <row r="201" spans="1:7" x14ac:dyDescent="0.25">
      <c r="A201" t="s">
        <v>206</v>
      </c>
      <c r="B201">
        <v>644.71099853515602</v>
      </c>
      <c r="C201">
        <v>287.31907750518099</v>
      </c>
      <c r="D201">
        <v>3.3620562553405802</v>
      </c>
      <c r="E201">
        <v>576.48424990475201</v>
      </c>
      <c r="F201">
        <v>30.087984085083001</v>
      </c>
      <c r="G201">
        <v>0.111740827560425</v>
      </c>
    </row>
    <row r="202" spans="1:7" x14ac:dyDescent="0.25">
      <c r="A202" t="s">
        <v>207</v>
      </c>
      <c r="B202">
        <v>648.31097412109398</v>
      </c>
      <c r="C202">
        <v>277.77234927625301</v>
      </c>
      <c r="D202">
        <v>3.0237021446228001</v>
      </c>
      <c r="E202">
        <v>518.46745191141997</v>
      </c>
      <c r="F202">
        <v>29.088253021240199</v>
      </c>
      <c r="G202">
        <v>0.10394924879074099</v>
      </c>
    </row>
    <row r="203" spans="1:7" x14ac:dyDescent="0.25">
      <c r="A203" t="s">
        <v>208</v>
      </c>
      <c r="B203">
        <v>651.91101074218795</v>
      </c>
      <c r="C203">
        <v>268.22556640581399</v>
      </c>
      <c r="D203">
        <v>3.1025576591491699</v>
      </c>
      <c r="E203">
        <v>531.98862588033103</v>
      </c>
      <c r="F203">
        <v>28.088516235351602</v>
      </c>
      <c r="G203">
        <v>0.11045644432306299</v>
      </c>
    </row>
    <row r="204" spans="1:7" x14ac:dyDescent="0.25">
      <c r="A204" t="s">
        <v>209</v>
      </c>
      <c r="B204">
        <v>655.510986328125</v>
      </c>
      <c r="C204">
        <v>258.67852854165102</v>
      </c>
      <c r="D204">
        <v>2.5851566791534402</v>
      </c>
      <c r="E204">
        <v>443.27104114927403</v>
      </c>
      <c r="F204">
        <v>27.088752746581999</v>
      </c>
      <c r="G204">
        <v>9.5432840287685394E-2</v>
      </c>
    </row>
    <row r="205" spans="1:7" x14ac:dyDescent="0.25">
      <c r="A205" t="s">
        <v>210</v>
      </c>
      <c r="B205">
        <v>659.11102294921898</v>
      </c>
      <c r="C205">
        <v>249.13189138191001</v>
      </c>
      <c r="D205">
        <v>2.4264161586761501</v>
      </c>
      <c r="E205">
        <v>416.05214937590102</v>
      </c>
      <c r="F205">
        <v>26.089031219482401</v>
      </c>
      <c r="G205">
        <v>9.30052250623703E-2</v>
      </c>
    </row>
    <row r="206" spans="1:7" x14ac:dyDescent="0.25">
      <c r="A206" t="s">
        <v>211</v>
      </c>
      <c r="B206">
        <v>662.71099853515602</v>
      </c>
      <c r="C206">
        <v>239.58414317808899</v>
      </c>
      <c r="D206">
        <v>2.0527510643005402</v>
      </c>
      <c r="E206">
        <v>351.98064870201102</v>
      </c>
      <c r="F206">
        <v>25.0891933441162</v>
      </c>
      <c r="G206">
        <v>8.1818133592605605E-2</v>
      </c>
    </row>
    <row r="207" spans="1:7" x14ac:dyDescent="0.25">
      <c r="A207" t="s">
        <v>212</v>
      </c>
      <c r="B207">
        <v>666.31097412109398</v>
      </c>
      <c r="C207">
        <v>230.037451376836</v>
      </c>
      <c r="D207">
        <v>2.0599737167358398</v>
      </c>
      <c r="E207">
        <v>353.21910399943602</v>
      </c>
      <c r="F207">
        <v>24.0894660949707</v>
      </c>
      <c r="G207">
        <v>8.5513465106487302E-2</v>
      </c>
    </row>
    <row r="208" spans="1:7" x14ac:dyDescent="0.25">
      <c r="A208" t="s">
        <v>213</v>
      </c>
      <c r="B208">
        <v>669.91101074218795</v>
      </c>
      <c r="C208">
        <v>220.49030422964901</v>
      </c>
      <c r="D208">
        <v>1.7783945798873899</v>
      </c>
      <c r="E208">
        <v>304.93733356706798</v>
      </c>
      <c r="F208">
        <v>23.0896911621094</v>
      </c>
      <c r="G208">
        <v>7.7021151781082195E-2</v>
      </c>
    </row>
    <row r="209" spans="1:7" x14ac:dyDescent="0.25">
      <c r="A209" t="s">
        <v>214</v>
      </c>
      <c r="B209">
        <v>673.510986328125</v>
      </c>
      <c r="C209">
        <v>210.94353957304699</v>
      </c>
      <c r="D209">
        <v>1.7703652381896999</v>
      </c>
      <c r="E209">
        <v>303.56057686731202</v>
      </c>
      <c r="F209">
        <v>22.0899562835693</v>
      </c>
      <c r="G209">
        <v>8.0143444240093203E-2</v>
      </c>
    </row>
    <row r="210" spans="1:7" x14ac:dyDescent="0.25">
      <c r="A210" t="s">
        <v>215</v>
      </c>
      <c r="B210">
        <v>677.11102294921898</v>
      </c>
      <c r="C210">
        <v>201.39571851387601</v>
      </c>
      <c r="D210">
        <v>1.49573194980621</v>
      </c>
      <c r="E210">
        <v>256.46982248872501</v>
      </c>
      <c r="F210">
        <v>21.090110778808601</v>
      </c>
      <c r="G210">
        <v>7.0921011269092601E-2</v>
      </c>
    </row>
    <row r="211" spans="1:7" x14ac:dyDescent="0.25">
      <c r="A211" t="s">
        <v>216</v>
      </c>
      <c r="B211">
        <v>680.71099853515602</v>
      </c>
      <c r="C211">
        <v>191.84990097681799</v>
      </c>
      <c r="D211">
        <v>1.22960245609283</v>
      </c>
      <c r="E211">
        <v>210.83718456793599</v>
      </c>
      <c r="F211">
        <v>20.0904750823975</v>
      </c>
      <c r="G211">
        <v>6.1203252524137497E-2</v>
      </c>
    </row>
    <row r="212" spans="1:7" x14ac:dyDescent="0.25">
      <c r="A212" t="s">
        <v>217</v>
      </c>
      <c r="B212">
        <v>684.31097412109398</v>
      </c>
      <c r="C212">
        <v>182.302098131485</v>
      </c>
      <c r="D212">
        <v>1.3546395301818801</v>
      </c>
      <c r="E212">
        <v>232.27701603900601</v>
      </c>
      <c r="F212">
        <v>19.090631484985401</v>
      </c>
      <c r="G212">
        <v>7.0958338677883107E-2</v>
      </c>
    </row>
    <row r="213" spans="1:7" x14ac:dyDescent="0.25">
      <c r="A213" t="s">
        <v>218</v>
      </c>
      <c r="B213">
        <v>687.91101074218795</v>
      </c>
      <c r="C213">
        <v>172.755497399419</v>
      </c>
      <c r="D213">
        <v>1.1176674365997299</v>
      </c>
      <c r="E213">
        <v>191.64393597748099</v>
      </c>
      <c r="F213">
        <v>18.090913772583001</v>
      </c>
      <c r="G213">
        <v>6.1780594289302798E-2</v>
      </c>
    </row>
    <row r="214" spans="1:7" x14ac:dyDescent="0.25">
      <c r="A214" t="s">
        <v>219</v>
      </c>
      <c r="B214">
        <v>691.510986328125</v>
      </c>
      <c r="C214">
        <v>163.20884202584099</v>
      </c>
      <c r="D214">
        <v>1.0283637046814</v>
      </c>
      <c r="E214">
        <v>176.33121751714501</v>
      </c>
      <c r="F214">
        <v>17.091190338134801</v>
      </c>
      <c r="G214">
        <v>6.0169227421283701E-2</v>
      </c>
    </row>
    <row r="215" spans="1:7" x14ac:dyDescent="0.25">
      <c r="A215" t="s">
        <v>220</v>
      </c>
      <c r="B215">
        <v>695.11102294921898</v>
      </c>
      <c r="C215">
        <v>153.66107560818199</v>
      </c>
      <c r="D215">
        <v>0.93725186586380005</v>
      </c>
      <c r="E215">
        <v>160.70848505478401</v>
      </c>
      <c r="F215">
        <v>16.091350555419901</v>
      </c>
      <c r="G215">
        <v>5.8245692402124398E-2</v>
      </c>
    </row>
    <row r="216" spans="1:7" x14ac:dyDescent="0.25">
      <c r="A216" t="s">
        <v>221</v>
      </c>
      <c r="B216">
        <v>698.71099853515602</v>
      </c>
      <c r="C216">
        <v>144.11167905207699</v>
      </c>
      <c r="D216">
        <v>0.734005987644196</v>
      </c>
      <c r="E216">
        <v>125.858365208842</v>
      </c>
      <c r="F216">
        <v>15.091340065002401</v>
      </c>
      <c r="G216">
        <v>4.86375615000725E-2</v>
      </c>
    </row>
    <row r="217" spans="1:7" x14ac:dyDescent="0.25">
      <c r="A217" t="s">
        <v>222</v>
      </c>
      <c r="B217">
        <v>702.31097412109398</v>
      </c>
      <c r="C217">
        <v>134.56149930096299</v>
      </c>
      <c r="D217">
        <v>0.66787904500961304</v>
      </c>
      <c r="E217">
        <v>114.51973114162701</v>
      </c>
      <c r="F217">
        <v>14.0912475585938</v>
      </c>
      <c r="G217">
        <v>4.7396730631589903E-2</v>
      </c>
    </row>
    <row r="218" spans="1:7" x14ac:dyDescent="0.25">
      <c r="A218" t="s">
        <v>223</v>
      </c>
      <c r="B218">
        <v>705.91101074218795</v>
      </c>
      <c r="C218">
        <v>125.010836883159</v>
      </c>
      <c r="D218">
        <v>0.58326518535614003</v>
      </c>
      <c r="E218">
        <v>100.011180620641</v>
      </c>
      <c r="F218">
        <v>13.0911045074463</v>
      </c>
      <c r="G218">
        <v>4.4554315507411998E-2</v>
      </c>
    </row>
    <row r="219" spans="1:7" x14ac:dyDescent="0.25">
      <c r="A219" t="s">
        <v>224</v>
      </c>
      <c r="B219">
        <v>709.510986328125</v>
      </c>
      <c r="C219">
        <v>115.460556955939</v>
      </c>
      <c r="D219">
        <v>0.449953943490982</v>
      </c>
      <c r="E219">
        <v>77.152595622465</v>
      </c>
      <c r="F219">
        <v>12.091001510620099</v>
      </c>
      <c r="G219">
        <v>3.7213951349258402E-2</v>
      </c>
    </row>
    <row r="220" spans="1:7" x14ac:dyDescent="0.25">
      <c r="A220" t="s">
        <v>225</v>
      </c>
      <c r="B220">
        <v>713.11102294921898</v>
      </c>
      <c r="C220">
        <v>105.910659519305</v>
      </c>
      <c r="D220">
        <v>0.40269923210143999</v>
      </c>
      <c r="E220">
        <v>69.049936428200496</v>
      </c>
      <c r="F220">
        <v>11.090938568115201</v>
      </c>
      <c r="G220">
        <v>3.6308851093053797E-2</v>
      </c>
    </row>
    <row r="221" spans="1:7" x14ac:dyDescent="0.25">
      <c r="A221" t="s">
        <v>226</v>
      </c>
      <c r="B221">
        <v>716.71099853515602</v>
      </c>
      <c r="C221">
        <v>96.359978887663203</v>
      </c>
      <c r="D221">
        <v>0.33787089586257901</v>
      </c>
      <c r="E221">
        <v>57.933964853873498</v>
      </c>
      <c r="F221">
        <v>10.0907936096191</v>
      </c>
      <c r="G221">
        <v>3.3483084291219697E-2</v>
      </c>
    </row>
    <row r="222" spans="1:7" x14ac:dyDescent="0.25">
      <c r="A222" t="s">
        <v>227</v>
      </c>
      <c r="B222">
        <v>720.31097412109398</v>
      </c>
      <c r="C222">
        <v>86.810017702598302</v>
      </c>
      <c r="D222">
        <v>0.23005592823028601</v>
      </c>
      <c r="E222">
        <v>39.4471753679682</v>
      </c>
      <c r="F222">
        <v>9.0907239913940394</v>
      </c>
      <c r="G222">
        <v>2.5306668132543599E-2</v>
      </c>
    </row>
    <row r="223" spans="1:7" x14ac:dyDescent="0.25">
      <c r="A223" t="s">
        <v>228</v>
      </c>
      <c r="B223">
        <v>723.91101074218795</v>
      </c>
      <c r="C223">
        <v>77.259956341427696</v>
      </c>
      <c r="D223">
        <v>0.20615193247795099</v>
      </c>
      <c r="E223">
        <v>35.348410165170201</v>
      </c>
      <c r="F223">
        <v>8.0906438827514595</v>
      </c>
      <c r="G223">
        <v>2.5480287149548499E-2</v>
      </c>
    </row>
    <row r="224" spans="1:7" x14ac:dyDescent="0.25">
      <c r="A224" t="s">
        <v>229</v>
      </c>
      <c r="B224">
        <v>727.510986328125</v>
      </c>
      <c r="C224">
        <v>67.7109058482325</v>
      </c>
      <c r="D224">
        <v>3.5563524812459897E-2</v>
      </c>
      <c r="E224">
        <v>6.0979978115938103</v>
      </c>
      <c r="F224">
        <v>7.0906696319580096</v>
      </c>
      <c r="G224">
        <v>5.01553807407618E-3</v>
      </c>
    </row>
    <row r="225" spans="1:7" x14ac:dyDescent="0.25">
      <c r="A225" t="s">
        <v>230</v>
      </c>
      <c r="B225">
        <v>731.11102294921898</v>
      </c>
      <c r="C225">
        <v>58.162297040594197</v>
      </c>
      <c r="D225">
        <v>6.0135748237371403E-2</v>
      </c>
      <c r="E225">
        <v>10.311342521163199</v>
      </c>
      <c r="F225">
        <v>6.0907416343689</v>
      </c>
      <c r="G225">
        <v>9.8733045160770399E-3</v>
      </c>
    </row>
    <row r="226" spans="1:7" x14ac:dyDescent="0.25">
      <c r="A226" t="s">
        <v>231</v>
      </c>
      <c r="B226">
        <v>734.71099853515602</v>
      </c>
      <c r="C226">
        <v>48.613888585167203</v>
      </c>
      <c r="D226">
        <v>9.5596807077526994E-3</v>
      </c>
      <c r="E226">
        <v>1.63917707141081</v>
      </c>
      <c r="F226">
        <v>5.0908346176147496</v>
      </c>
      <c r="G226">
        <v>1.8778218654915699E-3</v>
      </c>
    </row>
    <row r="227" spans="1:7" x14ac:dyDescent="0.25">
      <c r="A227" t="s">
        <v>232</v>
      </c>
      <c r="B227">
        <v>738.31097412109398</v>
      </c>
      <c r="C227">
        <v>39.0655028970369</v>
      </c>
      <c r="D227">
        <v>1.23124988749623E-2</v>
      </c>
      <c r="E227">
        <v>2.1111966361786498</v>
      </c>
      <c r="F227">
        <v>4.0909299850463903</v>
      </c>
      <c r="G227">
        <v>3.00970650278032E-3</v>
      </c>
    </row>
    <row r="228" spans="1:7" x14ac:dyDescent="0.25">
      <c r="A228" t="s">
        <v>233</v>
      </c>
      <c r="B228">
        <v>741.91101074218795</v>
      </c>
      <c r="C228">
        <v>29.516354504465699</v>
      </c>
      <c r="D228">
        <v>7.0192860439419703E-3</v>
      </c>
      <c r="E228">
        <v>1.2035812915200901</v>
      </c>
      <c r="F228">
        <v>3.0909454822540301</v>
      </c>
      <c r="G228">
        <v>2.27091880515218E-3</v>
      </c>
    </row>
    <row r="229" spans="1:7" x14ac:dyDescent="0.25">
      <c r="A229" t="s">
        <v>234</v>
      </c>
      <c r="B229">
        <v>745.510986328125</v>
      </c>
      <c r="C229">
        <v>19.967187898057201</v>
      </c>
      <c r="D229">
        <v>3.7738073617219897E-2</v>
      </c>
      <c r="E229">
        <v>6.4708628997323103</v>
      </c>
      <c r="F229">
        <v>2.0909590721130402</v>
      </c>
      <c r="G229">
        <v>1.8048211932182302E-2</v>
      </c>
    </row>
    <row r="230" spans="1:7" x14ac:dyDescent="0.25">
      <c r="A230" t="s">
        <v>235</v>
      </c>
      <c r="B230">
        <v>749.11102294921898</v>
      </c>
      <c r="C230">
        <v>10.417218744438401</v>
      </c>
      <c r="D230">
        <v>5.3444545716047301E-2</v>
      </c>
      <c r="E230">
        <v>9.1640167738660203</v>
      </c>
      <c r="F230">
        <v>1.0908886194229099</v>
      </c>
      <c r="G230">
        <v>4.8991754651069599E-2</v>
      </c>
    </row>
    <row r="231" spans="1:7" x14ac:dyDescent="0.25">
      <c r="A231" t="s">
        <v>236</v>
      </c>
      <c r="B231">
        <v>752.71099853515602</v>
      </c>
      <c r="C231">
        <v>0.86769163211548295</v>
      </c>
      <c r="D231">
        <v>1.6886333469301499E-3</v>
      </c>
      <c r="E231">
        <v>0.28954619324394998</v>
      </c>
      <c r="F231">
        <v>9.0864457190036801E-2</v>
      </c>
      <c r="G231">
        <v>1.8584091216325802E-2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topLeftCell="A210"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7.7560000419616699</v>
      </c>
      <c r="C2">
        <v>8.8321897118315906</v>
      </c>
      <c r="D2">
        <v>0.102034211158752</v>
      </c>
      <c r="E2">
        <v>17.495578504167501</v>
      </c>
      <c r="F2">
        <v>0.92490476369857799</v>
      </c>
      <c r="G2">
        <v>0.1103186160326</v>
      </c>
    </row>
    <row r="3" spans="1:7" x14ac:dyDescent="0.25">
      <c r="A3" t="s">
        <v>8</v>
      </c>
      <c r="B3">
        <v>11.355999946594199</v>
      </c>
      <c r="C3">
        <v>18.3819533905972</v>
      </c>
      <c r="D3">
        <v>8.6470142006874098E-2</v>
      </c>
      <c r="E3">
        <v>14.826841834292299</v>
      </c>
      <c r="F3">
        <v>1.92495369911194</v>
      </c>
      <c r="G3">
        <v>4.4920634478330598E-2</v>
      </c>
    </row>
    <row r="4" spans="1:7" x14ac:dyDescent="0.25">
      <c r="A4" t="s">
        <v>9</v>
      </c>
      <c r="B4">
        <v>14.956000328064</v>
      </c>
      <c r="C4">
        <v>27.930990223414401</v>
      </c>
      <c r="D4">
        <v>6.5066911280155196E-2</v>
      </c>
      <c r="E4">
        <v>11.1568779175286</v>
      </c>
      <c r="F4">
        <v>2.92492651939392</v>
      </c>
      <c r="G4">
        <v>2.2245656698942198E-2</v>
      </c>
    </row>
    <row r="5" spans="1:7" x14ac:dyDescent="0.25">
      <c r="A5" t="s">
        <v>10</v>
      </c>
      <c r="B5">
        <v>18.5559997558594</v>
      </c>
      <c r="C5">
        <v>37.4805529807863</v>
      </c>
      <c r="D5">
        <v>0.18006101250648501</v>
      </c>
      <c r="E5">
        <v>30.874660296831301</v>
      </c>
      <c r="F5">
        <v>3.9249544143676798</v>
      </c>
      <c r="G5">
        <v>4.5875951647758498E-2</v>
      </c>
    </row>
    <row r="6" spans="1:7" x14ac:dyDescent="0.25">
      <c r="A6" t="s">
        <v>11</v>
      </c>
      <c r="B6">
        <v>22.156000137329102</v>
      </c>
      <c r="C6">
        <v>47.029293838745701</v>
      </c>
      <c r="D6">
        <v>0.24353800714016</v>
      </c>
      <c r="E6">
        <v>41.7589180869982</v>
      </c>
      <c r="F6">
        <v>4.9248962402343803</v>
      </c>
      <c r="G6">
        <v>4.9450382590293898E-2</v>
      </c>
    </row>
    <row r="7" spans="1:7" x14ac:dyDescent="0.25">
      <c r="A7" t="s">
        <v>12</v>
      </c>
      <c r="B7">
        <v>25.7560005187988</v>
      </c>
      <c r="C7">
        <v>56.5773198035874</v>
      </c>
      <c r="D7">
        <v>0.22549454867839799</v>
      </c>
      <c r="E7">
        <v>38.665046304231502</v>
      </c>
      <c r="F7">
        <v>5.9247632026672399</v>
      </c>
      <c r="G7">
        <v>3.8059674203395802E-2</v>
      </c>
    </row>
    <row r="8" spans="1:7" x14ac:dyDescent="0.25">
      <c r="A8" t="s">
        <v>13</v>
      </c>
      <c r="B8">
        <v>29.356000900268601</v>
      </c>
      <c r="C8">
        <v>66.126311101811098</v>
      </c>
      <c r="D8">
        <v>0.31169456243514998</v>
      </c>
      <c r="E8">
        <v>53.445568482857198</v>
      </c>
      <c r="F8">
        <v>6.9247312545776403</v>
      </c>
      <c r="G8">
        <v>4.5011792331934003E-2</v>
      </c>
    </row>
    <row r="9" spans="1:7" x14ac:dyDescent="0.25">
      <c r="A9" t="s">
        <v>14</v>
      </c>
      <c r="B9">
        <v>32.956001281738303</v>
      </c>
      <c r="C9">
        <v>75.674833393721798</v>
      </c>
      <c r="D9">
        <v>0.27621582150459301</v>
      </c>
      <c r="E9">
        <v>47.362111217808</v>
      </c>
      <c r="F9">
        <v>7.9246501922607404</v>
      </c>
      <c r="G9">
        <v>3.4855268895626103E-2</v>
      </c>
    </row>
    <row r="10" spans="1:7" x14ac:dyDescent="0.25">
      <c r="A10" t="s">
        <v>15</v>
      </c>
      <c r="B10">
        <v>36.566001892089801</v>
      </c>
      <c r="C10">
        <v>85.251641775106506</v>
      </c>
      <c r="D10">
        <v>0.41019535064697299</v>
      </c>
      <c r="E10">
        <v>70.335277996491598</v>
      </c>
      <c r="F10">
        <v>8.9275312423706108</v>
      </c>
      <c r="G10">
        <v>4.5947231352329303E-2</v>
      </c>
    </row>
    <row r="11" spans="1:7" x14ac:dyDescent="0.25">
      <c r="A11" t="s">
        <v>16</v>
      </c>
      <c r="B11">
        <v>40.166000366210902</v>
      </c>
      <c r="C11">
        <v>94.801666708602298</v>
      </c>
      <c r="D11">
        <v>0.34619811177253701</v>
      </c>
      <c r="E11">
        <v>59.361816965974903</v>
      </c>
      <c r="F11">
        <v>9.9276075363159197</v>
      </c>
      <c r="G11">
        <v>3.4872259944677401E-2</v>
      </c>
    </row>
    <row r="12" spans="1:7" x14ac:dyDescent="0.25">
      <c r="A12" t="s">
        <v>17</v>
      </c>
      <c r="B12">
        <v>43.7560005187988</v>
      </c>
      <c r="C12">
        <v>104.325500143925</v>
      </c>
      <c r="D12">
        <v>0.60416275262832597</v>
      </c>
      <c r="E12">
        <v>103.594436950516</v>
      </c>
      <c r="F12">
        <v>10.9249410629272</v>
      </c>
      <c r="G12">
        <v>5.5301237851381302E-2</v>
      </c>
    </row>
    <row r="13" spans="1:7" x14ac:dyDescent="0.25">
      <c r="A13" t="s">
        <v>18</v>
      </c>
      <c r="B13">
        <v>47.355998992919901</v>
      </c>
      <c r="C13">
        <v>113.875661681201</v>
      </c>
      <c r="D13">
        <v>0.60121333599090598</v>
      </c>
      <c r="E13">
        <v>103.08870696462699</v>
      </c>
      <c r="F13">
        <v>11.925031661987299</v>
      </c>
      <c r="G13">
        <v>5.0416078418493299E-2</v>
      </c>
    </row>
    <row r="14" spans="1:7" x14ac:dyDescent="0.25">
      <c r="A14" t="s">
        <v>19</v>
      </c>
      <c r="B14">
        <v>50.956001281738303</v>
      </c>
      <c r="C14">
        <v>123.425987143014</v>
      </c>
      <c r="D14">
        <v>0.82992196083068803</v>
      </c>
      <c r="E14">
        <v>142.30486704036599</v>
      </c>
      <c r="F14">
        <v>12.925139427185099</v>
      </c>
      <c r="G14">
        <v>6.4209900796413394E-2</v>
      </c>
    </row>
    <row r="15" spans="1:7" x14ac:dyDescent="0.25">
      <c r="A15" t="s">
        <v>20</v>
      </c>
      <c r="B15">
        <v>54.555999755859403</v>
      </c>
      <c r="C15">
        <v>132.97605761110299</v>
      </c>
      <c r="D15">
        <v>1.0082162618637101</v>
      </c>
      <c r="E15">
        <v>172.876592841931</v>
      </c>
      <c r="F15">
        <v>13.925220489501999</v>
      </c>
      <c r="G15">
        <v>7.2402179241180406E-2</v>
      </c>
    </row>
    <row r="16" spans="1:7" x14ac:dyDescent="0.25">
      <c r="A16" t="s">
        <v>21</v>
      </c>
      <c r="B16">
        <v>58.155998229980497</v>
      </c>
      <c r="C16">
        <v>142.52638307291599</v>
      </c>
      <c r="D16">
        <v>0.99474006891250599</v>
      </c>
      <c r="E16">
        <v>170.565850567073</v>
      </c>
      <c r="F16">
        <v>14.9253282546997</v>
      </c>
      <c r="G16">
        <v>6.6647782921791104E-2</v>
      </c>
    </row>
    <row r="17" spans="1:7" x14ac:dyDescent="0.25">
      <c r="A17" t="s">
        <v>22</v>
      </c>
      <c r="B17">
        <v>61.7560005187988</v>
      </c>
      <c r="C17">
        <v>152.07612569193199</v>
      </c>
      <c r="D17">
        <v>1.1152720451355</v>
      </c>
      <c r="E17">
        <v>191.23320817016099</v>
      </c>
      <c r="F17">
        <v>15.9253749847412</v>
      </c>
      <c r="G17">
        <v>7.0031128823757199E-2</v>
      </c>
    </row>
    <row r="18" spans="1:7" x14ac:dyDescent="0.25">
      <c r="A18" t="s">
        <v>23</v>
      </c>
      <c r="B18">
        <v>65.356002807617202</v>
      </c>
      <c r="C18">
        <v>161.623673543542</v>
      </c>
      <c r="D18">
        <v>1.1313842535018901</v>
      </c>
      <c r="E18">
        <v>193.99593293201201</v>
      </c>
      <c r="F18">
        <v>16.9251918792725</v>
      </c>
      <c r="G18">
        <v>6.6846169531345395E-2</v>
      </c>
    </row>
    <row r="19" spans="1:7" x14ac:dyDescent="0.25">
      <c r="A19" t="s">
        <v>24</v>
      </c>
      <c r="B19">
        <v>68.956001281738295</v>
      </c>
      <c r="C19">
        <v>171.17083890456701</v>
      </c>
      <c r="D19">
        <v>1.2142760753631601</v>
      </c>
      <c r="E19">
        <v>208.209195989184</v>
      </c>
      <c r="F19">
        <v>17.924968719482401</v>
      </c>
      <c r="G19">
        <v>6.7742161452770205E-2</v>
      </c>
    </row>
    <row r="20" spans="1:7" x14ac:dyDescent="0.25">
      <c r="A20" t="s">
        <v>25</v>
      </c>
      <c r="B20">
        <v>72.555999755859403</v>
      </c>
      <c r="C20">
        <v>180.717767485705</v>
      </c>
      <c r="D20">
        <v>1.3165079355239899</v>
      </c>
      <c r="E20">
        <v>225.73868045583399</v>
      </c>
      <c r="F20">
        <v>18.924720764160199</v>
      </c>
      <c r="G20">
        <v>6.9565512239933E-2</v>
      </c>
    </row>
    <row r="21" spans="1:7" x14ac:dyDescent="0.25">
      <c r="A21" t="s">
        <v>26</v>
      </c>
      <c r="B21">
        <v>76.155998229980497</v>
      </c>
      <c r="C21">
        <v>190.264951060568</v>
      </c>
      <c r="D21">
        <v>1.43670177459717</v>
      </c>
      <c r="E21">
        <v>246.348034124821</v>
      </c>
      <c r="F21">
        <v>19.9244995117188</v>
      </c>
      <c r="G21">
        <v>7.2107292711734799E-2</v>
      </c>
    </row>
    <row r="22" spans="1:7" x14ac:dyDescent="0.25">
      <c r="A22" t="s">
        <v>27</v>
      </c>
      <c r="B22">
        <v>79.755996704101605</v>
      </c>
      <c r="C22">
        <v>199.81158822030801</v>
      </c>
      <c r="D22">
        <v>1.5680454969406099</v>
      </c>
      <c r="E22">
        <v>268.86924752034201</v>
      </c>
      <c r="F22">
        <v>20.924221038818398</v>
      </c>
      <c r="G22">
        <v>7.4939250946044894E-2</v>
      </c>
    </row>
    <row r="23" spans="1:7" x14ac:dyDescent="0.25">
      <c r="A23" t="s">
        <v>28</v>
      </c>
      <c r="B23">
        <v>83.356002807617202</v>
      </c>
      <c r="C23">
        <v>209.359318210292</v>
      </c>
      <c r="D23">
        <v>1.93425452709198</v>
      </c>
      <c r="E23">
        <v>331.66230423375998</v>
      </c>
      <c r="F23">
        <v>21.924057006835898</v>
      </c>
      <c r="G23">
        <v>8.82252082228661E-2</v>
      </c>
    </row>
    <row r="24" spans="1:7" x14ac:dyDescent="0.25">
      <c r="A24" t="s">
        <v>29</v>
      </c>
      <c r="B24">
        <v>86.956001281738295</v>
      </c>
      <c r="C24">
        <v>218.905864300845</v>
      </c>
      <c r="D24">
        <v>1.8035290241241499</v>
      </c>
      <c r="E24">
        <v>309.24708698876202</v>
      </c>
      <c r="F24">
        <v>22.923768997192401</v>
      </c>
      <c r="G24">
        <v>7.8675068914890303E-2</v>
      </c>
    </row>
    <row r="25" spans="1:7" x14ac:dyDescent="0.25">
      <c r="A25" t="s">
        <v>30</v>
      </c>
      <c r="B25">
        <v>90.555999755859403</v>
      </c>
      <c r="C25">
        <v>228.452082542326</v>
      </c>
      <c r="D25">
        <v>2.1867263317108199</v>
      </c>
      <c r="E25">
        <v>374.95308788493298</v>
      </c>
      <c r="F25">
        <v>23.923446655273398</v>
      </c>
      <c r="G25">
        <v>9.1405153274536105E-2</v>
      </c>
    </row>
    <row r="26" spans="1:7" x14ac:dyDescent="0.25">
      <c r="A26" t="s">
        <v>31</v>
      </c>
      <c r="B26">
        <v>94.155998229980497</v>
      </c>
      <c r="C26">
        <v>237.99995824300899</v>
      </c>
      <c r="D26">
        <v>2.3228785991668701</v>
      </c>
      <c r="E26">
        <v>398.29878369346301</v>
      </c>
      <c r="F26">
        <v>24.923297882080099</v>
      </c>
      <c r="G26">
        <v>9.3201093375682803E-2</v>
      </c>
    </row>
    <row r="27" spans="1:7" x14ac:dyDescent="0.25">
      <c r="A27" t="s">
        <v>32</v>
      </c>
      <c r="B27">
        <v>97.755996704101605</v>
      </c>
      <c r="C27">
        <v>247.54621291216401</v>
      </c>
      <c r="D27">
        <v>2.4933762550353999</v>
      </c>
      <c r="E27">
        <v>427.53366869874299</v>
      </c>
      <c r="F27">
        <v>25.922979354858398</v>
      </c>
      <c r="G27">
        <v>9.6184015274047893E-2</v>
      </c>
    </row>
    <row r="28" spans="1:7" x14ac:dyDescent="0.25">
      <c r="A28" t="s">
        <v>33</v>
      </c>
      <c r="B28">
        <v>101.356002807617</v>
      </c>
      <c r="C28">
        <v>257.09285007190402</v>
      </c>
      <c r="D28">
        <v>2.6939241886138898</v>
      </c>
      <c r="E28">
        <v>461.92115405574401</v>
      </c>
      <c r="F28">
        <v>26.922700881958001</v>
      </c>
      <c r="G28">
        <v>0.10006143897771801</v>
      </c>
    </row>
    <row r="29" spans="1:7" x14ac:dyDescent="0.25">
      <c r="A29" t="s">
        <v>34</v>
      </c>
      <c r="B29">
        <v>104.96499633789099</v>
      </c>
      <c r="C29">
        <v>266.66655299401299</v>
      </c>
      <c r="D29">
        <v>2.9042210578918501</v>
      </c>
      <c r="E29">
        <v>497.98027612268902</v>
      </c>
      <c r="F29">
        <v>27.925256729126001</v>
      </c>
      <c r="G29">
        <v>0.103999800980091</v>
      </c>
    </row>
    <row r="30" spans="1:7" x14ac:dyDescent="0.25">
      <c r="A30" t="s">
        <v>35</v>
      </c>
      <c r="B30">
        <v>108.56500244140599</v>
      </c>
      <c r="C30">
        <v>276.21362728585098</v>
      </c>
      <c r="D30">
        <v>3.1581721305847199</v>
      </c>
      <c r="E30">
        <v>541.52472876012303</v>
      </c>
      <c r="F30">
        <v>28.925024032592798</v>
      </c>
      <c r="G30">
        <v>0.10918477177619899</v>
      </c>
    </row>
    <row r="31" spans="1:7" x14ac:dyDescent="0.25">
      <c r="A31" t="s">
        <v>36</v>
      </c>
      <c r="B31">
        <v>112.165000915527</v>
      </c>
      <c r="C31">
        <v>285.76051943931498</v>
      </c>
      <c r="D31">
        <v>3.70698142051697</v>
      </c>
      <c r="E31">
        <v>635.62783179804705</v>
      </c>
      <c r="F31">
        <v>29.9247722625732</v>
      </c>
      <c r="G31">
        <v>0.123876675963402</v>
      </c>
    </row>
    <row r="32" spans="1:7" x14ac:dyDescent="0.25">
      <c r="A32" t="s">
        <v>37</v>
      </c>
      <c r="B32">
        <v>115.764999389648</v>
      </c>
      <c r="C32">
        <v>295.30742980661603</v>
      </c>
      <c r="D32">
        <v>4.1599001884460396</v>
      </c>
      <c r="E32">
        <v>713.28878402709995</v>
      </c>
      <c r="F32">
        <v>30.924522399902301</v>
      </c>
      <c r="G32">
        <v>0.13451784849166901</v>
      </c>
    </row>
    <row r="33" spans="1:7" x14ac:dyDescent="0.25">
      <c r="A33" t="s">
        <v>38</v>
      </c>
      <c r="B33">
        <v>119.36499786377</v>
      </c>
      <c r="C33">
        <v>304.85404875251902</v>
      </c>
      <c r="D33">
        <v>4.3599581718444798</v>
      </c>
      <c r="E33">
        <v>747.59224662557199</v>
      </c>
      <c r="F33">
        <v>31.924242019653299</v>
      </c>
      <c r="G33">
        <v>0.13657201826572399</v>
      </c>
    </row>
    <row r="34" spans="1:7" x14ac:dyDescent="0.25">
      <c r="A34" t="s">
        <v>39</v>
      </c>
      <c r="B34">
        <v>122.96499633789099</v>
      </c>
      <c r="C34">
        <v>314.40143267959297</v>
      </c>
      <c r="D34">
        <v>5.1551990509033203</v>
      </c>
      <c r="E34">
        <v>883.95044440403603</v>
      </c>
      <c r="F34">
        <v>32.924041748046903</v>
      </c>
      <c r="G34">
        <v>0.15657855570316301</v>
      </c>
    </row>
    <row r="35" spans="1:7" x14ac:dyDescent="0.25">
      <c r="A35" t="s">
        <v>40</v>
      </c>
      <c r="B35">
        <v>126.56500244140599</v>
      </c>
      <c r="C35">
        <v>323.95032835516997</v>
      </c>
      <c r="D35">
        <v>5.6924557685852104</v>
      </c>
      <c r="E35">
        <v>976.07262432575203</v>
      </c>
      <c r="F35">
        <v>33.923999786377003</v>
      </c>
      <c r="G35">
        <v>0.16780024766922</v>
      </c>
    </row>
    <row r="36" spans="1:7" x14ac:dyDescent="0.25">
      <c r="A36" t="s">
        <v>41</v>
      </c>
      <c r="B36">
        <v>130.16499328613301</v>
      </c>
      <c r="C36">
        <v>333.49754835770699</v>
      </c>
      <c r="D36">
        <v>6.1472020149231001</v>
      </c>
      <c r="E36">
        <v>1054.04702480882</v>
      </c>
      <c r="F36">
        <v>34.923782348632798</v>
      </c>
      <c r="G36">
        <v>0.176017642021179</v>
      </c>
    </row>
    <row r="37" spans="1:7" x14ac:dyDescent="0.25">
      <c r="A37" t="s">
        <v>42</v>
      </c>
      <c r="B37">
        <v>133.76499938964801</v>
      </c>
      <c r="C37">
        <v>343.04229127835902</v>
      </c>
      <c r="D37">
        <v>6.4307012557983398</v>
      </c>
      <c r="E37">
        <v>1102.6579886674899</v>
      </c>
      <c r="F37">
        <v>35.923305511474602</v>
      </c>
      <c r="G37">
        <v>0.179011955857277</v>
      </c>
    </row>
    <row r="38" spans="1:7" x14ac:dyDescent="0.25">
      <c r="A38" t="s">
        <v>43</v>
      </c>
      <c r="B38">
        <v>137.36500549316401</v>
      </c>
      <c r="C38">
        <v>352.58801774622901</v>
      </c>
      <c r="D38">
        <v>7.3522300720214799</v>
      </c>
      <c r="E38">
        <v>1260.6704840436601</v>
      </c>
      <c r="F38">
        <v>36.922931671142599</v>
      </c>
      <c r="G38">
        <v>0.199123680591583</v>
      </c>
    </row>
    <row r="39" spans="1:7" x14ac:dyDescent="0.25">
      <c r="A39" t="s">
        <v>44</v>
      </c>
      <c r="B39">
        <v>140.96499633789099</v>
      </c>
      <c r="C39">
        <v>362.13778768600099</v>
      </c>
      <c r="D39">
        <v>7.5804243087768599</v>
      </c>
      <c r="E39">
        <v>1299.7983722016199</v>
      </c>
      <c r="F39">
        <v>37.922981262207003</v>
      </c>
      <c r="G39">
        <v>0.19988998770713801</v>
      </c>
    </row>
    <row r="40" spans="1:7" x14ac:dyDescent="0.25">
      <c r="A40" t="s">
        <v>45</v>
      </c>
      <c r="B40">
        <v>144.56500244140599</v>
      </c>
      <c r="C40">
        <v>371.68216632990499</v>
      </c>
      <c r="D40">
        <v>7.7812256813049299</v>
      </c>
      <c r="E40">
        <v>1334.2293677851601</v>
      </c>
      <c r="F40">
        <v>38.9224662780762</v>
      </c>
      <c r="G40">
        <v>0.19991604983806599</v>
      </c>
    </row>
    <row r="41" spans="1:7" x14ac:dyDescent="0.25">
      <c r="A41" t="s">
        <v>46</v>
      </c>
      <c r="B41">
        <v>148.16499328613301</v>
      </c>
      <c r="C41">
        <v>381.23047916268598</v>
      </c>
      <c r="D41">
        <v>8.0358753204345703</v>
      </c>
      <c r="E41">
        <v>1377.8936117887499</v>
      </c>
      <c r="F41">
        <v>39.92236328125</v>
      </c>
      <c r="G41">
        <v>0.20128756761550901</v>
      </c>
    </row>
    <row r="42" spans="1:7" x14ac:dyDescent="0.25">
      <c r="A42" t="s">
        <v>47</v>
      </c>
      <c r="B42">
        <v>151.76499938964801</v>
      </c>
      <c r="C42">
        <v>390.77868271244199</v>
      </c>
      <c r="D42">
        <v>8.4587125778198207</v>
      </c>
      <c r="E42">
        <v>1450.3964921459601</v>
      </c>
      <c r="F42">
        <v>40.922248840332003</v>
      </c>
      <c r="G42">
        <v>0.20670205354690599</v>
      </c>
    </row>
    <row r="43" spans="1:7" x14ac:dyDescent="0.25">
      <c r="A43" t="s">
        <v>48</v>
      </c>
      <c r="B43">
        <v>155.36500549316401</v>
      </c>
      <c r="C43">
        <v>400.325866287304</v>
      </c>
      <c r="D43">
        <v>8.34149169921875</v>
      </c>
      <c r="E43">
        <v>1430.29692117125</v>
      </c>
      <c r="F43">
        <v>41.922027587890597</v>
      </c>
      <c r="G43">
        <v>0.19897633790969799</v>
      </c>
    </row>
    <row r="44" spans="1:7" x14ac:dyDescent="0.25">
      <c r="A44" t="s">
        <v>49</v>
      </c>
      <c r="B44">
        <v>158.96499633789099</v>
      </c>
      <c r="C44">
        <v>409.86995350980902</v>
      </c>
      <c r="D44">
        <v>8.4245567321777308</v>
      </c>
      <c r="E44">
        <v>1444.53987013549</v>
      </c>
      <c r="F44">
        <v>42.921482086181598</v>
      </c>
      <c r="G44">
        <v>0.19627833366394001</v>
      </c>
    </row>
    <row r="45" spans="1:7" x14ac:dyDescent="0.25">
      <c r="A45" t="s">
        <v>50</v>
      </c>
      <c r="B45">
        <v>162.56500244140599</v>
      </c>
      <c r="C45">
        <v>419.41873990236201</v>
      </c>
      <c r="D45">
        <v>8.7719240188598597</v>
      </c>
      <c r="E45">
        <v>1504.1021397337299</v>
      </c>
      <c r="F45">
        <v>43.921428680419901</v>
      </c>
      <c r="G45">
        <v>0.19971854984760301</v>
      </c>
    </row>
    <row r="46" spans="1:7" x14ac:dyDescent="0.25">
      <c r="A46" t="s">
        <v>51</v>
      </c>
      <c r="B46">
        <v>166.16499328613301</v>
      </c>
      <c r="C46">
        <v>428.96636060932201</v>
      </c>
      <c r="D46">
        <v>8.72595310211182</v>
      </c>
      <c r="E46">
        <v>1496.21965829283</v>
      </c>
      <c r="F46">
        <v>44.921253204345703</v>
      </c>
      <c r="G46">
        <v>0.194249987602234</v>
      </c>
    </row>
    <row r="47" spans="1:7" x14ac:dyDescent="0.25">
      <c r="A47" t="s">
        <v>52</v>
      </c>
      <c r="B47">
        <v>169.76499938964801</v>
      </c>
      <c r="C47">
        <v>438.51095781927398</v>
      </c>
      <c r="D47">
        <v>9.3020868301391602</v>
      </c>
      <c r="E47">
        <v>1595.0079541653399</v>
      </c>
      <c r="F47">
        <v>45.920761108398402</v>
      </c>
      <c r="G47">
        <v>0.20256821811199199</v>
      </c>
    </row>
    <row r="48" spans="1:7" x14ac:dyDescent="0.25">
      <c r="A48" t="s">
        <v>53</v>
      </c>
      <c r="B48">
        <v>173.36500549316401</v>
      </c>
      <c r="C48">
        <v>448.06174773394002</v>
      </c>
      <c r="D48">
        <v>9.5024785995483398</v>
      </c>
      <c r="E48">
        <v>1629.36875130981</v>
      </c>
      <c r="F48">
        <v>46.9209175109863</v>
      </c>
      <c r="G48">
        <v>0.20252116024494199</v>
      </c>
    </row>
    <row r="49" spans="1:7" x14ac:dyDescent="0.25">
      <c r="A49" t="s">
        <v>54</v>
      </c>
      <c r="B49">
        <v>176.96499633789099</v>
      </c>
      <c r="C49">
        <v>457.60645422691698</v>
      </c>
      <c r="D49">
        <v>9.1078319549560494</v>
      </c>
      <c r="E49">
        <v>1561.6995515301801</v>
      </c>
      <c r="F49">
        <v>47.920436859130902</v>
      </c>
      <c r="G49">
        <v>0.19006153941154499</v>
      </c>
    </row>
    <row r="50" spans="1:7" x14ac:dyDescent="0.25">
      <c r="A50" t="s">
        <v>55</v>
      </c>
      <c r="B50">
        <v>180.56500244140599</v>
      </c>
      <c r="C50">
        <v>467.15381994015303</v>
      </c>
      <c r="D50">
        <v>9.3372478485107404</v>
      </c>
      <c r="E50">
        <v>1601.03698726743</v>
      </c>
      <c r="F50">
        <v>48.920234680175803</v>
      </c>
      <c r="G50">
        <v>0.19086678326129899</v>
      </c>
    </row>
    <row r="51" spans="1:7" x14ac:dyDescent="0.25">
      <c r="A51" t="s">
        <v>56</v>
      </c>
      <c r="B51">
        <v>184.16499328613301</v>
      </c>
      <c r="C51">
        <v>476.70118565338902</v>
      </c>
      <c r="D51">
        <v>9.7067661285400408</v>
      </c>
      <c r="E51">
        <v>1664.3974231556101</v>
      </c>
      <c r="F51">
        <v>49.920032501220703</v>
      </c>
      <c r="G51">
        <v>0.194446310400963</v>
      </c>
    </row>
    <row r="52" spans="1:7" x14ac:dyDescent="0.25">
      <c r="A52" t="s">
        <v>57</v>
      </c>
      <c r="B52">
        <v>187.76499938964801</v>
      </c>
      <c r="C52">
        <v>486.24472646077197</v>
      </c>
      <c r="D52">
        <v>9.4357538223266602</v>
      </c>
      <c r="E52">
        <v>1617.9276863113</v>
      </c>
      <c r="F52">
        <v>50.919429779052699</v>
      </c>
      <c r="G52">
        <v>0.185307532548904</v>
      </c>
    </row>
    <row r="53" spans="1:7" x14ac:dyDescent="0.25">
      <c r="A53" t="s">
        <v>58</v>
      </c>
      <c r="B53">
        <v>191.36500549316401</v>
      </c>
      <c r="C53">
        <v>495.79515209869101</v>
      </c>
      <c r="D53">
        <v>10.6802577972412</v>
      </c>
      <c r="E53">
        <v>1831.3198816031199</v>
      </c>
      <c r="F53">
        <v>51.919548034667997</v>
      </c>
      <c r="G53">
        <v>0.205707833170891</v>
      </c>
    </row>
    <row r="54" spans="1:7" x14ac:dyDescent="0.25">
      <c r="A54" t="s">
        <v>59</v>
      </c>
      <c r="B54">
        <v>194.96499633789099</v>
      </c>
      <c r="C54">
        <v>505.34339207612197</v>
      </c>
      <c r="D54">
        <v>11.2326650619507</v>
      </c>
      <c r="E54">
        <v>1926.0399276390699</v>
      </c>
      <c r="F54">
        <v>52.919437408447301</v>
      </c>
      <c r="G54">
        <v>0.21225972473621399</v>
      </c>
    </row>
    <row r="55" spans="1:7" x14ac:dyDescent="0.25">
      <c r="A55" t="s">
        <v>60</v>
      </c>
      <c r="B55">
        <v>198.56500244140599</v>
      </c>
      <c r="C55">
        <v>514.88777072002495</v>
      </c>
      <c r="D55">
        <v>10.2806692123413</v>
      </c>
      <c r="E55">
        <v>1762.8034111112399</v>
      </c>
      <c r="F55">
        <v>53.918922424316399</v>
      </c>
      <c r="G55">
        <v>0.190669044852257</v>
      </c>
    </row>
    <row r="56" spans="1:7" x14ac:dyDescent="0.25">
      <c r="A56" t="s">
        <v>61</v>
      </c>
      <c r="B56">
        <v>202.16499328613301</v>
      </c>
      <c r="C56">
        <v>524.436884961651</v>
      </c>
      <c r="D56">
        <v>10.943662643432599</v>
      </c>
      <c r="E56">
        <v>1876.4854175969999</v>
      </c>
      <c r="F56">
        <v>54.918903350830099</v>
      </c>
      <c r="G56">
        <v>0.199269503355026</v>
      </c>
    </row>
    <row r="57" spans="1:7" x14ac:dyDescent="0.25">
      <c r="A57" t="s">
        <v>62</v>
      </c>
      <c r="B57">
        <v>205.76499938964801</v>
      </c>
      <c r="C57">
        <v>533.97743869970202</v>
      </c>
      <c r="D57">
        <v>10.7424669265747</v>
      </c>
      <c r="E57">
        <v>1841.9867847114799</v>
      </c>
      <c r="F57">
        <v>55.9179878234863</v>
      </c>
      <c r="G57">
        <v>0.19211111962795299</v>
      </c>
    </row>
    <row r="58" spans="1:7" x14ac:dyDescent="0.25">
      <c r="A58" t="s">
        <v>63</v>
      </c>
      <c r="B58">
        <v>209.36500549316401</v>
      </c>
      <c r="C58">
        <v>543.53023213648203</v>
      </c>
      <c r="D58">
        <v>10.907636642456101</v>
      </c>
      <c r="E58">
        <v>1870.30807137489</v>
      </c>
      <c r="F58">
        <v>56.9183540344238</v>
      </c>
      <c r="G58">
        <v>0.191636547446251</v>
      </c>
    </row>
    <row r="59" spans="1:7" x14ac:dyDescent="0.25">
      <c r="A59" t="s">
        <v>64</v>
      </c>
      <c r="B59">
        <v>212.96499633789099</v>
      </c>
      <c r="C59">
        <v>553.07388222688996</v>
      </c>
      <c r="D59">
        <v>12.0000104904175</v>
      </c>
      <c r="E59">
        <v>2057.61496908963</v>
      </c>
      <c r="F59">
        <v>57.917762756347699</v>
      </c>
      <c r="G59">
        <v>0.20719049870967901</v>
      </c>
    </row>
    <row r="60" spans="1:7" x14ac:dyDescent="0.25">
      <c r="A60" t="s">
        <v>65</v>
      </c>
      <c r="B60">
        <v>216.56500244140599</v>
      </c>
      <c r="C60">
        <v>562.62270504711705</v>
      </c>
      <c r="D60">
        <v>13.5268669128418</v>
      </c>
      <c r="E60">
        <v>2319.4216191768601</v>
      </c>
      <c r="F60">
        <v>58.917713165283203</v>
      </c>
      <c r="G60">
        <v>0.22958913445472701</v>
      </c>
    </row>
    <row r="61" spans="1:7" x14ac:dyDescent="0.25">
      <c r="A61" t="s">
        <v>66</v>
      </c>
      <c r="B61">
        <v>220.16499328613301</v>
      </c>
      <c r="C61">
        <v>572.16814009358995</v>
      </c>
      <c r="D61">
        <v>12.7107543945313</v>
      </c>
      <c r="E61">
        <v>2179.4845815747999</v>
      </c>
      <c r="F61">
        <v>59.917308807372997</v>
      </c>
      <c r="G61">
        <v>0.21213826537132299</v>
      </c>
    </row>
    <row r="62" spans="1:7" x14ac:dyDescent="0.25">
      <c r="A62" t="s">
        <v>67</v>
      </c>
      <c r="B62">
        <v>223.76499938964801</v>
      </c>
      <c r="C62">
        <v>581.71885715290603</v>
      </c>
      <c r="D62">
        <v>12.636725425720201</v>
      </c>
      <c r="E62">
        <v>2166.7911205440801</v>
      </c>
      <c r="F62">
        <v>60.917457580566399</v>
      </c>
      <c r="G62">
        <v>0.20744013786315901</v>
      </c>
    </row>
    <row r="63" spans="1:7" x14ac:dyDescent="0.25">
      <c r="A63" t="s">
        <v>68</v>
      </c>
      <c r="B63">
        <v>227.36500549316401</v>
      </c>
      <c r="C63">
        <v>591.25620525557497</v>
      </c>
      <c r="D63">
        <v>13.555299758911101</v>
      </c>
      <c r="E63">
        <v>2324.2968600243298</v>
      </c>
      <c r="F63">
        <v>61.916206359863303</v>
      </c>
      <c r="G63">
        <v>0.218929752707481</v>
      </c>
    </row>
    <row r="64" spans="1:7" x14ac:dyDescent="0.25">
      <c r="A64" t="s">
        <v>69</v>
      </c>
      <c r="B64">
        <v>230.96499633789099</v>
      </c>
      <c r="C64">
        <v>600.80823371118504</v>
      </c>
      <c r="D64">
        <v>12.9479818344116</v>
      </c>
      <c r="E64">
        <v>2220.1614920049901</v>
      </c>
      <c r="F64">
        <v>62.916492462158203</v>
      </c>
      <c r="G64">
        <v>0.20579630136489899</v>
      </c>
    </row>
    <row r="65" spans="1:7" x14ac:dyDescent="0.25">
      <c r="A65" t="s">
        <v>70</v>
      </c>
      <c r="B65">
        <v>234.56500244140599</v>
      </c>
      <c r="C65">
        <v>610.35924219189997</v>
      </c>
      <c r="D65">
        <v>15.4520168304443</v>
      </c>
      <c r="E65">
        <v>2649.5228521525901</v>
      </c>
      <c r="F65">
        <v>63.916671752929702</v>
      </c>
      <c r="G65">
        <v>0.24175252020359</v>
      </c>
    </row>
    <row r="66" spans="1:7" x14ac:dyDescent="0.25">
      <c r="A66" t="s">
        <v>71</v>
      </c>
      <c r="B66">
        <v>238.16499328613301</v>
      </c>
      <c r="C66">
        <v>619.90394868487601</v>
      </c>
      <c r="D66">
        <v>15.6631574630737</v>
      </c>
      <c r="E66">
        <v>2685.7266202568999</v>
      </c>
      <c r="F66">
        <v>64.916191101074205</v>
      </c>
      <c r="G66">
        <v>0.24128276109695401</v>
      </c>
    </row>
    <row r="67" spans="1:7" x14ac:dyDescent="0.25">
      <c r="A67" t="s">
        <v>72</v>
      </c>
      <c r="B67">
        <v>241.76499938964801</v>
      </c>
      <c r="C67">
        <v>629.45280793277902</v>
      </c>
      <c r="D67">
        <v>18.7547702789307</v>
      </c>
      <c r="E67">
        <v>3215.8384565264</v>
      </c>
      <c r="F67">
        <v>65.916145324707003</v>
      </c>
      <c r="G67">
        <v>0.28452467918396002</v>
      </c>
    </row>
    <row r="68" spans="1:7" x14ac:dyDescent="0.25">
      <c r="A68" t="s">
        <v>73</v>
      </c>
      <c r="B68">
        <v>245.36500549316401</v>
      </c>
      <c r="C68">
        <v>638.99940866484405</v>
      </c>
      <c r="D68">
        <v>17.426265716552699</v>
      </c>
      <c r="E68">
        <v>2988.0427755415399</v>
      </c>
      <c r="F68">
        <v>66.915863037109403</v>
      </c>
      <c r="G68">
        <v>0.26042056083679199</v>
      </c>
    </row>
    <row r="69" spans="1:7" x14ac:dyDescent="0.25">
      <c r="A69" t="s">
        <v>74</v>
      </c>
      <c r="B69">
        <v>248.96499633789099</v>
      </c>
      <c r="C69">
        <v>648.54273090617903</v>
      </c>
      <c r="D69">
        <v>17.7193279266357</v>
      </c>
      <c r="E69">
        <v>3038.2936820387799</v>
      </c>
      <c r="F69">
        <v>67.915237426757798</v>
      </c>
      <c r="G69">
        <v>0.26090356707572898</v>
      </c>
    </row>
    <row r="70" spans="1:7" x14ac:dyDescent="0.25">
      <c r="A70" t="s">
        <v>75</v>
      </c>
      <c r="B70">
        <v>252.56500244140599</v>
      </c>
      <c r="C70">
        <v>658.09173586478096</v>
      </c>
      <c r="D70">
        <v>19.582872390747099</v>
      </c>
      <c r="E70">
        <v>3357.8313887119298</v>
      </c>
      <c r="F70">
        <v>68.915206909179702</v>
      </c>
      <c r="G70">
        <v>0.284158945083618</v>
      </c>
    </row>
    <row r="71" spans="1:7" x14ac:dyDescent="0.25">
      <c r="A71" t="s">
        <v>76</v>
      </c>
      <c r="B71">
        <v>256.16500854492199</v>
      </c>
      <c r="C71">
        <v>667.64023083593497</v>
      </c>
      <c r="D71">
        <v>19.279218673706101</v>
      </c>
      <c r="E71">
        <v>3305.76440319419</v>
      </c>
      <c r="F71">
        <v>69.915122985839801</v>
      </c>
      <c r="G71">
        <v>0.27575176954269398</v>
      </c>
    </row>
    <row r="72" spans="1:7" x14ac:dyDescent="0.25">
      <c r="A72" t="s">
        <v>77</v>
      </c>
      <c r="B72">
        <v>259.76501464843801</v>
      </c>
      <c r="C72">
        <v>677.18420877541598</v>
      </c>
      <c r="D72">
        <v>20.2471027374268</v>
      </c>
      <c r="E72">
        <v>3471.72538749874</v>
      </c>
      <c r="F72">
        <v>70.914566040039105</v>
      </c>
      <c r="G72">
        <v>0.285514026880264</v>
      </c>
    </row>
    <row r="73" spans="1:7" x14ac:dyDescent="0.25">
      <c r="A73" t="s">
        <v>78</v>
      </c>
      <c r="B73">
        <v>263.364990234375</v>
      </c>
      <c r="C73">
        <v>686.73372372146503</v>
      </c>
      <c r="D73">
        <v>19.3095893859863</v>
      </c>
      <c r="E73">
        <v>3310.9721262008002</v>
      </c>
      <c r="F73">
        <v>71.914588928222699</v>
      </c>
      <c r="G73">
        <v>0.26850727200508101</v>
      </c>
    </row>
    <row r="74" spans="1:7" x14ac:dyDescent="0.25">
      <c r="A74" t="s">
        <v>79</v>
      </c>
      <c r="B74">
        <v>266.96499633789102</v>
      </c>
      <c r="C74">
        <v>696.27697310744998</v>
      </c>
      <c r="D74">
        <v>21.508989334106399</v>
      </c>
      <c r="E74">
        <v>3688.0981642752899</v>
      </c>
      <c r="F74">
        <v>72.913955688476605</v>
      </c>
      <c r="G74">
        <v>0.29499140381812999</v>
      </c>
    </row>
    <row r="75" spans="1:7" x14ac:dyDescent="0.25">
      <c r="A75" t="s">
        <v>80</v>
      </c>
      <c r="B75">
        <v>270.56500244140602</v>
      </c>
      <c r="C75">
        <v>705.82779944979097</v>
      </c>
      <c r="D75">
        <v>21.095134735107401</v>
      </c>
      <c r="E75">
        <v>3617.1355750411699</v>
      </c>
      <c r="F75">
        <v>73.914115905761705</v>
      </c>
      <c r="G75">
        <v>0.28540062904357899</v>
      </c>
    </row>
    <row r="76" spans="1:7" x14ac:dyDescent="0.25">
      <c r="A76" t="s">
        <v>81</v>
      </c>
      <c r="B76">
        <v>274.16500854492199</v>
      </c>
      <c r="C76">
        <v>715.36864460924005</v>
      </c>
      <c r="D76">
        <v>21.1009616851807</v>
      </c>
      <c r="E76">
        <v>3618.13465133309</v>
      </c>
      <c r="F76">
        <v>74.913230895996094</v>
      </c>
      <c r="G76">
        <v>0.28167203068733199</v>
      </c>
    </row>
    <row r="77" spans="1:7" x14ac:dyDescent="0.25">
      <c r="A77" t="s">
        <v>82</v>
      </c>
      <c r="B77">
        <v>277.76501464843801</v>
      </c>
      <c r="C77">
        <v>724.91881525343501</v>
      </c>
      <c r="D77">
        <v>21.6715412139893</v>
      </c>
      <c r="E77">
        <v>3715.9705534577402</v>
      </c>
      <c r="F77">
        <v>75.913322448730497</v>
      </c>
      <c r="G77">
        <v>0.28547742962837203</v>
      </c>
    </row>
    <row r="78" spans="1:7" x14ac:dyDescent="0.25">
      <c r="A78" t="s">
        <v>83</v>
      </c>
      <c r="B78">
        <v>281.364990234375</v>
      </c>
      <c r="C78">
        <v>734.46490599805304</v>
      </c>
      <c r="D78">
        <v>21.57493019104</v>
      </c>
      <c r="E78">
        <v>3699.4051188230501</v>
      </c>
      <c r="F78">
        <v>76.912986755371094</v>
      </c>
      <c r="G78">
        <v>0.28051090240478499</v>
      </c>
    </row>
    <row r="79" spans="1:7" x14ac:dyDescent="0.25">
      <c r="A79" t="s">
        <v>84</v>
      </c>
      <c r="B79">
        <v>284.96499633789102</v>
      </c>
      <c r="C79">
        <v>744.01354667990699</v>
      </c>
      <c r="D79">
        <v>23.238639831543001</v>
      </c>
      <c r="E79">
        <v>3984.67760533094</v>
      </c>
      <c r="F79">
        <v>77.912918090820298</v>
      </c>
      <c r="G79">
        <v>0.29826426506042503</v>
      </c>
    </row>
    <row r="80" spans="1:7" x14ac:dyDescent="0.25">
      <c r="A80" t="s">
        <v>85</v>
      </c>
      <c r="B80">
        <v>288.56500244140602</v>
      </c>
      <c r="C80">
        <v>753.56320733665495</v>
      </c>
      <c r="D80">
        <v>23.050056457519499</v>
      </c>
      <c r="E80">
        <v>3952.3416198790101</v>
      </c>
      <c r="F80">
        <v>78.912956237792997</v>
      </c>
      <c r="G80">
        <v>0.292094707489014</v>
      </c>
    </row>
    <row r="81" spans="1:7" x14ac:dyDescent="0.25">
      <c r="A81" t="s">
        <v>86</v>
      </c>
      <c r="B81">
        <v>292.16500854492199</v>
      </c>
      <c r="C81">
        <v>763.10966235802096</v>
      </c>
      <c r="D81">
        <v>23.411909103393601</v>
      </c>
      <c r="E81">
        <v>4014.3877267837502</v>
      </c>
      <c r="F81">
        <v>79.912658691406307</v>
      </c>
      <c r="G81">
        <v>0.292968720197678</v>
      </c>
    </row>
    <row r="82" spans="1:7" x14ac:dyDescent="0.25">
      <c r="A82" t="s">
        <v>87</v>
      </c>
      <c r="B82">
        <v>295.76501464843801</v>
      </c>
      <c r="C82">
        <v>772.654733127746</v>
      </c>
      <c r="D82">
        <v>24.174995422363299</v>
      </c>
      <c r="E82">
        <v>4145.2324949204904</v>
      </c>
      <c r="F82">
        <v>80.912216186523395</v>
      </c>
      <c r="G82">
        <v>0.29878053069114702</v>
      </c>
    </row>
    <row r="83" spans="1:7" x14ac:dyDescent="0.25">
      <c r="A83" t="s">
        <v>88</v>
      </c>
      <c r="B83">
        <v>299.364990234375</v>
      </c>
      <c r="C83">
        <v>782.20024102956802</v>
      </c>
      <c r="D83">
        <v>23.8094367980957</v>
      </c>
      <c r="E83">
        <v>4082.5507603585702</v>
      </c>
      <c r="F83">
        <v>81.911819458007798</v>
      </c>
      <c r="G83">
        <v>0.290671557188034</v>
      </c>
    </row>
    <row r="84" spans="1:7" x14ac:dyDescent="0.25">
      <c r="A84" t="s">
        <v>89</v>
      </c>
      <c r="B84">
        <v>302.96398925781301</v>
      </c>
      <c r="C84">
        <v>791.747643170478</v>
      </c>
      <c r="D84">
        <v>24.682336807251001</v>
      </c>
      <c r="E84">
        <v>4232.2250083088902</v>
      </c>
      <c r="F84">
        <v>82.91162109375</v>
      </c>
      <c r="G84">
        <v>0.29769453406333901</v>
      </c>
    </row>
    <row r="85" spans="1:7" x14ac:dyDescent="0.25">
      <c r="A85" t="s">
        <v>90</v>
      </c>
      <c r="B85">
        <v>306.56399536132801</v>
      </c>
      <c r="C85">
        <v>801.29489960068997</v>
      </c>
      <c r="D85">
        <v>26.692304611206101</v>
      </c>
      <c r="E85">
        <v>4576.8697746097996</v>
      </c>
      <c r="F85">
        <v>83.911407470703097</v>
      </c>
      <c r="G85">
        <v>0.31810101866722101</v>
      </c>
    </row>
    <row r="86" spans="1:7" x14ac:dyDescent="0.25">
      <c r="A86" t="s">
        <v>91</v>
      </c>
      <c r="B86">
        <v>310.16400146484398</v>
      </c>
      <c r="C86">
        <v>810.84689162862503</v>
      </c>
      <c r="D86">
        <v>24.717588424682599</v>
      </c>
      <c r="E86">
        <v>4238.2697574794302</v>
      </c>
      <c r="F86">
        <v>84.911689758300795</v>
      </c>
      <c r="G86">
        <v>0.291097581386566</v>
      </c>
    </row>
    <row r="87" spans="1:7" x14ac:dyDescent="0.25">
      <c r="A87" t="s">
        <v>92</v>
      </c>
      <c r="B87">
        <v>313.76400756835898</v>
      </c>
      <c r="C87">
        <v>820.38467686339095</v>
      </c>
      <c r="D87">
        <v>25.102870941162099</v>
      </c>
      <c r="E87">
        <v>4304.33312430978</v>
      </c>
      <c r="F87">
        <v>85.910484313964801</v>
      </c>
      <c r="G87">
        <v>0.29219800233840898</v>
      </c>
    </row>
    <row r="88" spans="1:7" x14ac:dyDescent="0.25">
      <c r="A88" t="s">
        <v>93</v>
      </c>
      <c r="B88">
        <v>317.364013671875</v>
      </c>
      <c r="C88">
        <v>829.93885455181305</v>
      </c>
      <c r="D88">
        <v>25.228258132934599</v>
      </c>
      <c r="E88">
        <v>4325.8331716060602</v>
      </c>
      <c r="F88">
        <v>86.910995483398395</v>
      </c>
      <c r="G88">
        <v>0.29027694463729897</v>
      </c>
    </row>
    <row r="89" spans="1:7" x14ac:dyDescent="0.25">
      <c r="A89" t="s">
        <v>94</v>
      </c>
      <c r="B89">
        <v>320.96398925781301</v>
      </c>
      <c r="C89">
        <v>839.48086539685505</v>
      </c>
      <c r="D89">
        <v>25.934196472168001</v>
      </c>
      <c r="E89">
        <v>4446.8785636127004</v>
      </c>
      <c r="F89">
        <v>87.910232543945298</v>
      </c>
      <c r="G89">
        <v>0.29500770568847701</v>
      </c>
    </row>
    <row r="90" spans="1:7" x14ac:dyDescent="0.25">
      <c r="A90" t="s">
        <v>95</v>
      </c>
      <c r="B90">
        <v>324.56399536132801</v>
      </c>
      <c r="C90">
        <v>849.02600902192899</v>
      </c>
      <c r="D90">
        <v>25.548414230346701</v>
      </c>
      <c r="E90">
        <v>4380.7295151054896</v>
      </c>
      <c r="F90">
        <v>88.909797668457003</v>
      </c>
      <c r="G90">
        <v>0.287352055311203</v>
      </c>
    </row>
    <row r="91" spans="1:7" x14ac:dyDescent="0.25">
      <c r="A91" t="s">
        <v>96</v>
      </c>
      <c r="B91">
        <v>328.16400146484398</v>
      </c>
      <c r="C91">
        <v>858.57472255913297</v>
      </c>
      <c r="D91">
        <v>25.4342861175537</v>
      </c>
      <c r="E91">
        <v>4361.16009950638</v>
      </c>
      <c r="F91">
        <v>89.909736633300795</v>
      </c>
      <c r="G91">
        <v>0.282886892557144</v>
      </c>
    </row>
    <row r="92" spans="1:7" x14ac:dyDescent="0.25">
      <c r="A92" t="s">
        <v>97</v>
      </c>
      <c r="B92">
        <v>331.76400756835898</v>
      </c>
      <c r="C92">
        <v>868.12336324098601</v>
      </c>
      <c r="D92">
        <v>26.2215480804443</v>
      </c>
      <c r="E92">
        <v>4496.1501844227296</v>
      </c>
      <c r="F92">
        <v>90.90966796875</v>
      </c>
      <c r="G92">
        <v>0.28843519091606101</v>
      </c>
    </row>
    <row r="93" spans="1:7" x14ac:dyDescent="0.25">
      <c r="A93" t="s">
        <v>98</v>
      </c>
      <c r="B93">
        <v>335.364013671875</v>
      </c>
      <c r="C93">
        <v>877.67484528147395</v>
      </c>
      <c r="D93">
        <v>26.652000427246101</v>
      </c>
      <c r="E93">
        <v>4569.95889544487</v>
      </c>
      <c r="F93">
        <v>91.909896850585895</v>
      </c>
      <c r="G93">
        <v>0.28997966647148099</v>
      </c>
    </row>
    <row r="94" spans="1:7" x14ac:dyDescent="0.25">
      <c r="A94" t="s">
        <v>99</v>
      </c>
      <c r="B94">
        <v>338.96398925781301</v>
      </c>
      <c r="C94">
        <v>887.21284908228904</v>
      </c>
      <c r="D94">
        <v>27.097223281860401</v>
      </c>
      <c r="E94">
        <v>4646.3003382086799</v>
      </c>
      <c r="F94">
        <v>92.908714294433594</v>
      </c>
      <c r="G94">
        <v>0.29165425896644598</v>
      </c>
    </row>
    <row r="95" spans="1:7" x14ac:dyDescent="0.25">
      <c r="A95" t="s">
        <v>100</v>
      </c>
      <c r="B95">
        <v>342.56399536132801</v>
      </c>
      <c r="C95">
        <v>896.76462254417504</v>
      </c>
      <c r="D95">
        <v>26.942874908447301</v>
      </c>
      <c r="E95">
        <v>4619.83447894454</v>
      </c>
      <c r="F95">
        <v>93.908973693847699</v>
      </c>
      <c r="G95">
        <v>0.286904156208038</v>
      </c>
    </row>
    <row r="96" spans="1:7" x14ac:dyDescent="0.25">
      <c r="A96" t="s">
        <v>101</v>
      </c>
      <c r="B96">
        <v>346.16400146484398</v>
      </c>
      <c r="C96">
        <v>906.32164159122999</v>
      </c>
      <c r="D96">
        <v>26.8842582702637</v>
      </c>
      <c r="E96">
        <v>4609.7836457192898</v>
      </c>
      <c r="F96">
        <v>94.909782409667997</v>
      </c>
      <c r="G96">
        <v>0.28326117992401101</v>
      </c>
    </row>
    <row r="97" spans="1:7" x14ac:dyDescent="0.25">
      <c r="A97" t="s">
        <v>102</v>
      </c>
      <c r="B97">
        <v>349.76400756835898</v>
      </c>
      <c r="C97">
        <v>915.86095678833794</v>
      </c>
      <c r="D97">
        <v>26.439735412597699</v>
      </c>
      <c r="E97">
        <v>4533.5623435676098</v>
      </c>
      <c r="F97">
        <v>95.908737182617202</v>
      </c>
      <c r="G97">
        <v>0.27567598223686202</v>
      </c>
    </row>
    <row r="98" spans="1:7" x14ac:dyDescent="0.25">
      <c r="A98" t="s">
        <v>103</v>
      </c>
      <c r="B98">
        <v>353.364013671875</v>
      </c>
      <c r="C98">
        <v>925.41338594836998</v>
      </c>
      <c r="D98">
        <v>27.366518020629901</v>
      </c>
      <c r="E98">
        <v>4692.4757771193999</v>
      </c>
      <c r="F98">
        <v>96.909065246582003</v>
      </c>
      <c r="G98">
        <v>0.28239378333091703</v>
      </c>
    </row>
    <row r="99" spans="1:7" x14ac:dyDescent="0.25">
      <c r="A99" t="s">
        <v>104</v>
      </c>
      <c r="B99">
        <v>356.96398925781301</v>
      </c>
      <c r="C99">
        <v>934.95911241624003</v>
      </c>
      <c r="D99">
        <v>26.5214653015137</v>
      </c>
      <c r="E99">
        <v>4547.5764200091398</v>
      </c>
      <c r="F99">
        <v>97.90869140625</v>
      </c>
      <c r="G99">
        <v>0.270879566669464</v>
      </c>
    </row>
    <row r="100" spans="1:7" x14ac:dyDescent="0.25">
      <c r="A100" t="s">
        <v>105</v>
      </c>
      <c r="B100">
        <v>360.56399536132801</v>
      </c>
      <c r="C100">
        <v>944.50673312319998</v>
      </c>
      <c r="D100">
        <v>28.109582901001001</v>
      </c>
      <c r="E100">
        <v>4819.8872245848197</v>
      </c>
      <c r="F100">
        <v>98.908515930175795</v>
      </c>
      <c r="G100">
        <v>0.284197807312012</v>
      </c>
    </row>
    <row r="101" spans="1:7" x14ac:dyDescent="0.25">
      <c r="A101" t="s">
        <v>106</v>
      </c>
      <c r="B101">
        <v>364.16400146484398</v>
      </c>
      <c r="C101">
        <v>954.04699543985203</v>
      </c>
      <c r="D101">
        <v>28.378704071044901</v>
      </c>
      <c r="E101">
        <v>4866.0328611731502</v>
      </c>
      <c r="F101">
        <v>99.907569885253906</v>
      </c>
      <c r="G101">
        <v>0.28404960036277799</v>
      </c>
    </row>
    <row r="102" spans="1:7" x14ac:dyDescent="0.25">
      <c r="A102" t="s">
        <v>107</v>
      </c>
      <c r="B102">
        <v>365.22399902343801</v>
      </c>
      <c r="C102">
        <v>954.93634069216102</v>
      </c>
      <c r="D102">
        <v>27.607528686523398</v>
      </c>
      <c r="E102">
        <v>4733.8013537228098</v>
      </c>
      <c r="F102">
        <v>100.000701904297</v>
      </c>
      <c r="G102">
        <v>0.27607333660125699</v>
      </c>
    </row>
    <row r="103" spans="1:7" x14ac:dyDescent="0.25">
      <c r="A103" t="s">
        <v>108</v>
      </c>
      <c r="B103">
        <v>366.21398925781301</v>
      </c>
      <c r="C103">
        <v>954.92920086790298</v>
      </c>
      <c r="D103">
        <v>26.422256469726602</v>
      </c>
      <c r="E103">
        <v>4530.5653475224999</v>
      </c>
      <c r="F103">
        <v>99.999954223632798</v>
      </c>
      <c r="G103">
        <v>0.264222681522369</v>
      </c>
    </row>
    <row r="104" spans="1:7" x14ac:dyDescent="0.25">
      <c r="A104" t="s">
        <v>109</v>
      </c>
      <c r="B104">
        <v>367.21398925781301</v>
      </c>
      <c r="C104">
        <v>954.93240650328403</v>
      </c>
      <c r="D104">
        <v>28.486457824706999</v>
      </c>
      <c r="E104">
        <v>4884.5093697309503</v>
      </c>
      <c r="F104">
        <v>100.000289916992</v>
      </c>
      <c r="G104">
        <v>0.28486374020576499</v>
      </c>
    </row>
    <row r="105" spans="1:7" x14ac:dyDescent="0.25">
      <c r="A105" t="s">
        <v>110</v>
      </c>
      <c r="B105">
        <v>368.21398925781301</v>
      </c>
      <c r="C105">
        <v>954.93947347219296</v>
      </c>
      <c r="D105">
        <v>27.7452068328857</v>
      </c>
      <c r="E105">
        <v>4757.4085183441603</v>
      </c>
      <c r="F105">
        <v>100.001029968262</v>
      </c>
      <c r="G105">
        <v>0.27744922041893</v>
      </c>
    </row>
    <row r="106" spans="1:7" x14ac:dyDescent="0.25">
      <c r="A106" t="s">
        <v>111</v>
      </c>
      <c r="B106">
        <v>369.21398925781301</v>
      </c>
      <c r="C106">
        <v>954.91732544592105</v>
      </c>
      <c r="D106">
        <v>28.5226535797119</v>
      </c>
      <c r="E106">
        <v>4890.7157033681897</v>
      </c>
      <c r="F106">
        <v>99.998710632324205</v>
      </c>
      <c r="G106">
        <v>0.28523021936416598</v>
      </c>
    </row>
    <row r="107" spans="1:7" x14ac:dyDescent="0.25">
      <c r="A107" t="s">
        <v>112</v>
      </c>
      <c r="B107">
        <v>370.21398925781301</v>
      </c>
      <c r="C107">
        <v>954.95258743511704</v>
      </c>
      <c r="D107">
        <v>28.424192428588899</v>
      </c>
      <c r="E107">
        <v>4873.8326877355603</v>
      </c>
      <c r="F107">
        <v>100.002403259277</v>
      </c>
      <c r="G107">
        <v>0.284235090017319</v>
      </c>
    </row>
    <row r="108" spans="1:7" x14ac:dyDescent="0.25">
      <c r="A108" t="s">
        <v>113</v>
      </c>
      <c r="B108">
        <v>371.21398925781301</v>
      </c>
      <c r="C108">
        <v>954.91863684221403</v>
      </c>
      <c r="D108">
        <v>27.374597549438501</v>
      </c>
      <c r="E108">
        <v>4693.8611194491396</v>
      </c>
      <c r="F108">
        <v>99.998847961425795</v>
      </c>
      <c r="G108">
        <v>0.27374914288520802</v>
      </c>
    </row>
    <row r="109" spans="1:7" x14ac:dyDescent="0.25">
      <c r="A109" t="s">
        <v>114</v>
      </c>
      <c r="B109">
        <v>372.21398925781301</v>
      </c>
      <c r="C109">
        <v>954.93379075492601</v>
      </c>
      <c r="D109">
        <v>27.707561492919901</v>
      </c>
      <c r="E109">
        <v>4750.9535215795004</v>
      </c>
      <c r="F109">
        <v>100.000434875488</v>
      </c>
      <c r="G109">
        <v>0.27707439661026001</v>
      </c>
    </row>
    <row r="110" spans="1:7" x14ac:dyDescent="0.25">
      <c r="A110" t="s">
        <v>115</v>
      </c>
      <c r="B110">
        <v>373.21398925781301</v>
      </c>
      <c r="C110">
        <v>954.93269792468197</v>
      </c>
      <c r="D110">
        <v>25.566276550293001</v>
      </c>
      <c r="E110">
        <v>4383.7921693921098</v>
      </c>
      <c r="F110">
        <v>100.00032043457</v>
      </c>
      <c r="G110">
        <v>0.25566193461418202</v>
      </c>
    </row>
    <row r="111" spans="1:7" x14ac:dyDescent="0.25">
      <c r="A111" t="s">
        <v>116</v>
      </c>
      <c r="B111">
        <v>374.21398925781301</v>
      </c>
      <c r="C111">
        <v>954.92096821339999</v>
      </c>
      <c r="D111">
        <v>27.376031875610401</v>
      </c>
      <c r="E111">
        <v>4694.1069886088399</v>
      </c>
      <c r="F111">
        <v>99.999092102050795</v>
      </c>
      <c r="G111">
        <v>0.27376279234886203</v>
      </c>
    </row>
    <row r="112" spans="1:7" x14ac:dyDescent="0.25">
      <c r="A112" t="s">
        <v>117</v>
      </c>
      <c r="B112">
        <v>375.21398925781301</v>
      </c>
      <c r="C112">
        <v>954.93743352240494</v>
      </c>
      <c r="D112">
        <v>28.061559677123999</v>
      </c>
      <c r="E112">
        <v>4811.6529360413597</v>
      </c>
      <c r="F112">
        <v>100.000816345215</v>
      </c>
      <c r="G112">
        <v>0.280613303184509</v>
      </c>
    </row>
    <row r="113" spans="1:7" x14ac:dyDescent="0.25">
      <c r="A113" t="s">
        <v>118</v>
      </c>
      <c r="B113">
        <v>376.21398925781301</v>
      </c>
      <c r="C113">
        <v>954.93014798744696</v>
      </c>
      <c r="D113">
        <v>26.9082221984863</v>
      </c>
      <c r="E113">
        <v>4613.8926409184896</v>
      </c>
      <c r="F113">
        <v>100.000053405762</v>
      </c>
      <c r="G113">
        <v>0.26908206939697299</v>
      </c>
    </row>
    <row r="114" spans="1:7" x14ac:dyDescent="0.25">
      <c r="A114" t="s">
        <v>119</v>
      </c>
      <c r="B114">
        <v>377.21398925781301</v>
      </c>
      <c r="C114">
        <v>954.93007513209704</v>
      </c>
      <c r="D114">
        <v>27.598165512085</v>
      </c>
      <c r="E114">
        <v>4732.19575360417</v>
      </c>
      <c r="F114">
        <v>100.000045776367</v>
      </c>
      <c r="G114">
        <v>0.275981515645981</v>
      </c>
    </row>
    <row r="115" spans="1:7" x14ac:dyDescent="0.25">
      <c r="A115" t="s">
        <v>120</v>
      </c>
      <c r="B115">
        <v>378.21398925781301</v>
      </c>
      <c r="C115">
        <v>954.92643236461799</v>
      </c>
      <c r="D115">
        <v>26.04518699646</v>
      </c>
      <c r="E115">
        <v>4465.9101404249705</v>
      </c>
      <c r="F115">
        <v>99.999664306640597</v>
      </c>
      <c r="G115">
        <v>0.26045274734497098</v>
      </c>
    </row>
    <row r="116" spans="1:7" x14ac:dyDescent="0.25">
      <c r="A116" t="s">
        <v>121</v>
      </c>
      <c r="B116">
        <v>379.21398925781301</v>
      </c>
      <c r="C116">
        <v>954.92890944650401</v>
      </c>
      <c r="D116">
        <v>27.427614212036101</v>
      </c>
      <c r="E116">
        <v>4702.9517590999603</v>
      </c>
      <c r="F116">
        <v>99.999923706054702</v>
      </c>
      <c r="G116">
        <v>0.27427634596824602</v>
      </c>
    </row>
    <row r="117" spans="1:7" x14ac:dyDescent="0.25">
      <c r="A117" t="s">
        <v>122</v>
      </c>
      <c r="B117">
        <v>380.21398925781301</v>
      </c>
      <c r="C117">
        <v>954.91441123193795</v>
      </c>
      <c r="D117">
        <v>27.976747512817401</v>
      </c>
      <c r="E117">
        <v>4797.1103340387299</v>
      </c>
      <c r="F117">
        <v>99.998405456542997</v>
      </c>
      <c r="G117">
        <v>0.27977192401885997</v>
      </c>
    </row>
    <row r="118" spans="1:7" x14ac:dyDescent="0.25">
      <c r="A118" t="s">
        <v>123</v>
      </c>
      <c r="B118">
        <v>381.21398925781301</v>
      </c>
      <c r="C118">
        <v>954.92111392409902</v>
      </c>
      <c r="D118">
        <v>27.711931228637699</v>
      </c>
      <c r="E118">
        <v>4751.7027705907803</v>
      </c>
      <c r="F118">
        <v>99.999107360839801</v>
      </c>
      <c r="G118">
        <v>0.277121782302856</v>
      </c>
    </row>
    <row r="119" spans="1:7" x14ac:dyDescent="0.25">
      <c r="A119" t="s">
        <v>124</v>
      </c>
      <c r="B119">
        <v>382.21398925781301</v>
      </c>
      <c r="C119">
        <v>954.93910919544498</v>
      </c>
      <c r="D119">
        <v>30.110395431518601</v>
      </c>
      <c r="E119">
        <v>5162.9622466862202</v>
      </c>
      <c r="F119">
        <v>100.00099182128901</v>
      </c>
      <c r="G119">
        <v>0.30110096931457497</v>
      </c>
    </row>
    <row r="120" spans="1:7" x14ac:dyDescent="0.25">
      <c r="A120" t="s">
        <v>125</v>
      </c>
      <c r="B120">
        <v>383.21398925781301</v>
      </c>
      <c r="C120">
        <v>954.92133249014796</v>
      </c>
      <c r="D120">
        <v>27.908531188964801</v>
      </c>
      <c r="E120">
        <v>4785.4133881628504</v>
      </c>
      <c r="F120">
        <v>99.999130249023395</v>
      </c>
      <c r="G120">
        <v>0.27908775210380599</v>
      </c>
    </row>
    <row r="121" spans="1:7" x14ac:dyDescent="0.25">
      <c r="A121" t="s">
        <v>126</v>
      </c>
      <c r="B121">
        <v>384.21398925781301</v>
      </c>
      <c r="C121">
        <v>954.92584952182199</v>
      </c>
      <c r="D121">
        <v>27.419317245483398</v>
      </c>
      <c r="E121">
        <v>4701.5291638672397</v>
      </c>
      <c r="F121">
        <v>99.999603271484403</v>
      </c>
      <c r="G121">
        <v>0.27419427037239102</v>
      </c>
    </row>
    <row r="122" spans="1:7" x14ac:dyDescent="0.25">
      <c r="A122" t="s">
        <v>127</v>
      </c>
      <c r="B122">
        <v>385.21398925781301</v>
      </c>
      <c r="C122">
        <v>954.92257103109102</v>
      </c>
      <c r="D122">
        <v>27.510105133056602</v>
      </c>
      <c r="E122">
        <v>4717.0962207019302</v>
      </c>
      <c r="F122">
        <v>99.999259948730497</v>
      </c>
      <c r="G122">
        <v>0.27510309219360402</v>
      </c>
    </row>
    <row r="123" spans="1:7" x14ac:dyDescent="0.25">
      <c r="A123" t="s">
        <v>128</v>
      </c>
      <c r="B123">
        <v>386.21398925781301</v>
      </c>
      <c r="C123">
        <v>954.93517500656799</v>
      </c>
      <c r="D123">
        <v>30.119001388549801</v>
      </c>
      <c r="E123">
        <v>5164.4379273057002</v>
      </c>
      <c r="F123">
        <v>100.00057983398401</v>
      </c>
      <c r="G123">
        <v>0.30118826031684898</v>
      </c>
    </row>
    <row r="124" spans="1:7" x14ac:dyDescent="0.25">
      <c r="A124" t="s">
        <v>129</v>
      </c>
      <c r="B124">
        <v>387.21398925781301</v>
      </c>
      <c r="C124">
        <v>954.93000227674804</v>
      </c>
      <c r="D124">
        <v>27.4144191741943</v>
      </c>
      <c r="E124">
        <v>4700.6891109049302</v>
      </c>
      <c r="F124">
        <v>100.000038146973</v>
      </c>
      <c r="G124">
        <v>0.27414408326148998</v>
      </c>
    </row>
    <row r="125" spans="1:7" x14ac:dyDescent="0.25">
      <c r="A125" t="s">
        <v>130</v>
      </c>
      <c r="B125">
        <v>388.21398925781301</v>
      </c>
      <c r="C125">
        <v>954.92140534549799</v>
      </c>
      <c r="D125">
        <v>27.693935394287099</v>
      </c>
      <c r="E125">
        <v>4748.6172989010802</v>
      </c>
      <c r="F125">
        <v>99.999137878417997</v>
      </c>
      <c r="G125">
        <v>0.27694174647331199</v>
      </c>
    </row>
    <row r="126" spans="1:7" x14ac:dyDescent="0.25">
      <c r="A126" t="s">
        <v>131</v>
      </c>
      <c r="B126">
        <v>389.21398925781301</v>
      </c>
      <c r="C126">
        <v>954.91827256546605</v>
      </c>
      <c r="D126">
        <v>26.831138610839801</v>
      </c>
      <c r="E126">
        <v>4600.6753109395504</v>
      </c>
      <c r="F126">
        <v>99.998809814453097</v>
      </c>
      <c r="G126">
        <v>0.26831457018852201</v>
      </c>
    </row>
    <row r="127" spans="1:7" x14ac:dyDescent="0.25">
      <c r="A127" t="s">
        <v>132</v>
      </c>
      <c r="B127">
        <v>390.21398925781301</v>
      </c>
      <c r="C127">
        <v>954.92650521996802</v>
      </c>
      <c r="D127">
        <v>28.3136596679688</v>
      </c>
      <c r="E127">
        <v>4854.8798076808498</v>
      </c>
      <c r="F127">
        <v>99.999671936035199</v>
      </c>
      <c r="G127">
        <v>0.28313753008842502</v>
      </c>
    </row>
    <row r="128" spans="1:7" x14ac:dyDescent="0.25">
      <c r="A128" t="s">
        <v>133</v>
      </c>
      <c r="B128">
        <v>391.21398925781301</v>
      </c>
      <c r="C128">
        <v>954.92723377346397</v>
      </c>
      <c r="D128">
        <v>26.852308273315401</v>
      </c>
      <c r="E128">
        <v>4604.3051406741097</v>
      </c>
      <c r="F128">
        <v>99.999748229980497</v>
      </c>
      <c r="G128">
        <v>0.26852375268936202</v>
      </c>
    </row>
    <row r="129" spans="1:7" x14ac:dyDescent="0.25">
      <c r="A129" t="s">
        <v>134</v>
      </c>
      <c r="B129">
        <v>392.21398925781301</v>
      </c>
      <c r="C129">
        <v>954.91965681710803</v>
      </c>
      <c r="D129">
        <v>27.4177055358887</v>
      </c>
      <c r="E129">
        <v>4701.2525610625698</v>
      </c>
      <c r="F129">
        <v>99.998954772949205</v>
      </c>
      <c r="G129">
        <v>0.27417993545532199</v>
      </c>
    </row>
    <row r="130" spans="1:7" x14ac:dyDescent="0.25">
      <c r="A130" t="s">
        <v>135</v>
      </c>
      <c r="B130">
        <v>393.21398925781301</v>
      </c>
      <c r="C130">
        <v>954.92767090556094</v>
      </c>
      <c r="D130">
        <v>28.404182434081999</v>
      </c>
      <c r="E130">
        <v>4870.4016953706696</v>
      </c>
      <c r="F130">
        <v>99.999794006347699</v>
      </c>
      <c r="G130">
        <v>0.284042418003082</v>
      </c>
    </row>
    <row r="131" spans="1:7" x14ac:dyDescent="0.25">
      <c r="A131" t="s">
        <v>136</v>
      </c>
      <c r="B131">
        <v>394.21398925781301</v>
      </c>
      <c r="C131">
        <v>954.93204222653605</v>
      </c>
      <c r="D131">
        <v>29.773178100585898</v>
      </c>
      <c r="E131">
        <v>5105.1401533186399</v>
      </c>
      <c r="F131">
        <v>100.00025177002</v>
      </c>
      <c r="G131">
        <v>0.29773104190826399</v>
      </c>
    </row>
    <row r="132" spans="1:7" x14ac:dyDescent="0.25">
      <c r="A132" t="s">
        <v>137</v>
      </c>
      <c r="B132">
        <v>397.92401123046898</v>
      </c>
      <c r="C132">
        <v>946.10095388268405</v>
      </c>
      <c r="D132">
        <v>28.506593704223601</v>
      </c>
      <c r="E132">
        <v>4887.9617825150499</v>
      </c>
      <c r="F132">
        <v>99.075462341308594</v>
      </c>
      <c r="G132">
        <v>0.28772607445716902</v>
      </c>
    </row>
    <row r="133" spans="1:7" x14ac:dyDescent="0.25">
      <c r="A133" t="s">
        <v>138</v>
      </c>
      <c r="B133">
        <v>401.53399658203102</v>
      </c>
      <c r="C133">
        <v>936.52936376571301</v>
      </c>
      <c r="D133">
        <v>27.8182983398438</v>
      </c>
      <c r="E133">
        <v>4769.9413262307598</v>
      </c>
      <c r="F133">
        <v>98.073127746582003</v>
      </c>
      <c r="G133">
        <v>0.283648520708084</v>
      </c>
    </row>
    <row r="134" spans="1:7" x14ac:dyDescent="0.25">
      <c r="A134" t="s">
        <v>139</v>
      </c>
      <c r="B134">
        <v>405.13400268554699</v>
      </c>
      <c r="C134">
        <v>926.98152449270503</v>
      </c>
      <c r="D134">
        <v>27.8643894195557</v>
      </c>
      <c r="E134">
        <v>4777.8445295989504</v>
      </c>
      <c r="F134">
        <v>97.073280334472699</v>
      </c>
      <c r="G134">
        <v>0.28704488277435303</v>
      </c>
    </row>
    <row r="135" spans="1:7" x14ac:dyDescent="0.25">
      <c r="A135" t="s">
        <v>140</v>
      </c>
      <c r="B135">
        <v>408.73400878906301</v>
      </c>
      <c r="C135">
        <v>917.43033387361595</v>
      </c>
      <c r="D135">
        <v>27.168418884277301</v>
      </c>
      <c r="E135">
        <v>4658.5081145167396</v>
      </c>
      <c r="F135">
        <v>96.073081970214801</v>
      </c>
      <c r="G135">
        <v>0.28278908133506803</v>
      </c>
    </row>
    <row r="136" spans="1:7" x14ac:dyDescent="0.25">
      <c r="A136" t="s">
        <v>141</v>
      </c>
      <c r="B136">
        <v>412.32400512695301</v>
      </c>
      <c r="C136">
        <v>907.91323955813004</v>
      </c>
      <c r="D136">
        <v>26.935037612915</v>
      </c>
      <c r="E136">
        <v>4618.4905804693699</v>
      </c>
      <c r="F136">
        <v>95.076454162597699</v>
      </c>
      <c r="G136">
        <v>0.28329873085022</v>
      </c>
    </row>
    <row r="137" spans="1:7" x14ac:dyDescent="0.25">
      <c r="A137" t="s">
        <v>142</v>
      </c>
      <c r="B137">
        <v>415.92401123046898</v>
      </c>
      <c r="C137">
        <v>898.36015469995198</v>
      </c>
      <c r="D137">
        <v>25.867801666259801</v>
      </c>
      <c r="E137">
        <v>4435.4940764605999</v>
      </c>
      <c r="F137">
        <v>94.076057434082003</v>
      </c>
      <c r="G137">
        <v>0.27496689558029203</v>
      </c>
    </row>
    <row r="138" spans="1:7" x14ac:dyDescent="0.25">
      <c r="A138" t="s">
        <v>143</v>
      </c>
      <c r="B138">
        <v>419.53399658203102</v>
      </c>
      <c r="C138">
        <v>888.79089595416701</v>
      </c>
      <c r="D138">
        <v>26.8400478363037</v>
      </c>
      <c r="E138">
        <v>4602.2031456232098</v>
      </c>
      <c r="F138">
        <v>93.073966979980497</v>
      </c>
      <c r="G138">
        <v>0.28837332129478499</v>
      </c>
    </row>
    <row r="139" spans="1:7" x14ac:dyDescent="0.25">
      <c r="A139" t="s">
        <v>144</v>
      </c>
      <c r="B139">
        <v>423.13400268554699</v>
      </c>
      <c r="C139">
        <v>879.24975937331999</v>
      </c>
      <c r="D139">
        <v>26.349925994873001</v>
      </c>
      <c r="E139">
        <v>4518.1629247963401</v>
      </c>
      <c r="F139">
        <v>92.074821472167997</v>
      </c>
      <c r="G139">
        <v>0.28617948293685902</v>
      </c>
    </row>
    <row r="140" spans="1:7" x14ac:dyDescent="0.25">
      <c r="A140" t="s">
        <v>145</v>
      </c>
      <c r="B140">
        <v>426.73400878906301</v>
      </c>
      <c r="C140">
        <v>869.69274032626402</v>
      </c>
      <c r="D140">
        <v>25.3045330047607</v>
      </c>
      <c r="E140">
        <v>4338.9117345213899</v>
      </c>
      <c r="F140">
        <v>91.074012756347699</v>
      </c>
      <c r="G140">
        <v>0.277845799922943</v>
      </c>
    </row>
    <row r="141" spans="1:7" x14ac:dyDescent="0.25">
      <c r="A141" t="s">
        <v>146</v>
      </c>
      <c r="B141">
        <v>430.32400512695301</v>
      </c>
      <c r="C141">
        <v>860.17630170892403</v>
      </c>
      <c r="D141">
        <v>25.251335144043001</v>
      </c>
      <c r="E141">
        <v>4329.7898955643204</v>
      </c>
      <c r="F141">
        <v>90.077453613281307</v>
      </c>
      <c r="G141">
        <v>0.28032913804054299</v>
      </c>
    </row>
    <row r="142" spans="1:7" x14ac:dyDescent="0.25">
      <c r="A142" t="s">
        <v>147</v>
      </c>
      <c r="B142">
        <v>433.92401123046898</v>
      </c>
      <c r="C142">
        <v>850.62882671266402</v>
      </c>
      <c r="D142">
        <v>25.648746490478501</v>
      </c>
      <c r="E142">
        <v>4397.9333713650703</v>
      </c>
      <c r="F142">
        <v>89.077644348144503</v>
      </c>
      <c r="G142">
        <v>0.28793695569038402</v>
      </c>
    </row>
    <row r="143" spans="1:7" x14ac:dyDescent="0.25">
      <c r="A143" t="s">
        <v>148</v>
      </c>
      <c r="B143">
        <v>437.53399658203102</v>
      </c>
      <c r="C143">
        <v>841.06109792922098</v>
      </c>
      <c r="D143">
        <v>24.715511322021499</v>
      </c>
      <c r="E143">
        <v>4237.9135265946397</v>
      </c>
      <c r="F143">
        <v>88.075714111328097</v>
      </c>
      <c r="G143">
        <v>0.28061664104461698</v>
      </c>
    </row>
    <row r="144" spans="1:7" x14ac:dyDescent="0.25">
      <c r="A144" t="s">
        <v>149</v>
      </c>
      <c r="B144">
        <v>441.13400268554699</v>
      </c>
      <c r="C144">
        <v>831.51078157432596</v>
      </c>
      <c r="D144">
        <v>24.937074661254901</v>
      </c>
      <c r="E144">
        <v>4275.9045027196398</v>
      </c>
      <c r="F144">
        <v>87.075607299804702</v>
      </c>
      <c r="G144">
        <v>0.28638416528701799</v>
      </c>
    </row>
    <row r="145" spans="1:7" x14ac:dyDescent="0.25">
      <c r="A145" t="s">
        <v>150</v>
      </c>
      <c r="B145">
        <v>444.72399902343801</v>
      </c>
      <c r="C145">
        <v>821.99244871789699</v>
      </c>
      <c r="D145">
        <v>25.2132472991943</v>
      </c>
      <c r="E145">
        <v>4323.2589960098303</v>
      </c>
      <c r="F145">
        <v>86.078849792480497</v>
      </c>
      <c r="G145">
        <v>0.29290872812271102</v>
      </c>
    </row>
    <row r="146" spans="1:7" x14ac:dyDescent="0.25">
      <c r="A146" t="s">
        <v>151</v>
      </c>
      <c r="B146">
        <v>448.32400512695301</v>
      </c>
      <c r="C146">
        <v>812.44570227513304</v>
      </c>
      <c r="D146">
        <v>24.902511596679702</v>
      </c>
      <c r="E146">
        <v>4269.9780315160797</v>
      </c>
      <c r="F146">
        <v>85.079116821289105</v>
      </c>
      <c r="G146">
        <v>0.292698293924332</v>
      </c>
    </row>
    <row r="147" spans="1:7" x14ac:dyDescent="0.25">
      <c r="A147" t="s">
        <v>152</v>
      </c>
      <c r="B147">
        <v>451.92401123046898</v>
      </c>
      <c r="C147">
        <v>802.90019437331102</v>
      </c>
      <c r="D147">
        <v>25.1862392425537</v>
      </c>
      <c r="E147">
        <v>4318.6279945075503</v>
      </c>
      <c r="F147">
        <v>84.079513549804702</v>
      </c>
      <c r="G147">
        <v>0.29955261945724498</v>
      </c>
    </row>
    <row r="148" spans="1:7" x14ac:dyDescent="0.25">
      <c r="A148" t="s">
        <v>153</v>
      </c>
      <c r="B148">
        <v>455.53399658203102</v>
      </c>
      <c r="C148">
        <v>793.32197441952803</v>
      </c>
      <c r="D148">
        <v>23.855556488037099</v>
      </c>
      <c r="E148">
        <v>4090.4590860009198</v>
      </c>
      <c r="F148">
        <v>83.076484680175795</v>
      </c>
      <c r="G148">
        <v>0.28715172410011303</v>
      </c>
    </row>
    <row r="149" spans="1:7" x14ac:dyDescent="0.25">
      <c r="A149" t="s">
        <v>154</v>
      </c>
      <c r="B149">
        <v>459.12399291992199</v>
      </c>
      <c r="C149">
        <v>783.80167446866005</v>
      </c>
      <c r="D149">
        <v>23.818414688110401</v>
      </c>
      <c r="E149">
        <v>4084.09023657441</v>
      </c>
      <c r="F149">
        <v>82.079521179199205</v>
      </c>
      <c r="G149">
        <v>0.29018706083297702</v>
      </c>
    </row>
    <row r="150" spans="1:7" x14ac:dyDescent="0.25">
      <c r="A150" t="s">
        <v>155</v>
      </c>
      <c r="B150">
        <v>462.72399902343801</v>
      </c>
      <c r="C150">
        <v>774.25580229009097</v>
      </c>
      <c r="D150">
        <v>23.634973526001001</v>
      </c>
      <c r="E150">
        <v>4052.6362136006401</v>
      </c>
      <c r="F150">
        <v>81.079879760742202</v>
      </c>
      <c r="G150">
        <v>0.29150232672691301</v>
      </c>
    </row>
    <row r="151" spans="1:7" x14ac:dyDescent="0.25">
      <c r="A151" t="s">
        <v>156</v>
      </c>
      <c r="B151">
        <v>466.32400512695301</v>
      </c>
      <c r="C151">
        <v>764.70541307984695</v>
      </c>
      <c r="D151">
        <v>22.537946701049801</v>
      </c>
      <c r="E151">
        <v>3864.5314052701001</v>
      </c>
      <c r="F151">
        <v>80.079765319824205</v>
      </c>
      <c r="G151">
        <v>0.28144371509552002</v>
      </c>
    </row>
    <row r="152" spans="1:7" x14ac:dyDescent="0.25">
      <c r="A152" t="s">
        <v>157</v>
      </c>
      <c r="B152">
        <v>469.92401123046898</v>
      </c>
      <c r="C152">
        <v>755.15757380683897</v>
      </c>
      <c r="D152">
        <v>22.0031623840332</v>
      </c>
      <c r="E152">
        <v>3772.83291891217</v>
      </c>
      <c r="F152">
        <v>79.079917907714801</v>
      </c>
      <c r="G152">
        <v>0.27823957800865201</v>
      </c>
    </row>
    <row r="153" spans="1:7" x14ac:dyDescent="0.25">
      <c r="A153" t="s">
        <v>158</v>
      </c>
      <c r="B153">
        <v>473.52398681640602</v>
      </c>
      <c r="C153">
        <v>745.60762172869204</v>
      </c>
      <c r="D153">
        <v>21.899635314941399</v>
      </c>
      <c r="E153">
        <v>3755.0814449787099</v>
      </c>
      <c r="F153">
        <v>78.079849243164105</v>
      </c>
      <c r="G153">
        <v>0.280477434396744</v>
      </c>
    </row>
    <row r="154" spans="1:7" x14ac:dyDescent="0.25">
      <c r="A154" t="s">
        <v>159</v>
      </c>
      <c r="B154">
        <v>477.12399291992199</v>
      </c>
      <c r="C154">
        <v>736.06663085854404</v>
      </c>
      <c r="D154">
        <v>22.080461502075199</v>
      </c>
      <c r="E154">
        <v>3786.0872689634598</v>
      </c>
      <c r="F154">
        <v>77.080718994140597</v>
      </c>
      <c r="G154">
        <v>0.28645893931388899</v>
      </c>
    </row>
    <row r="155" spans="1:7" x14ac:dyDescent="0.25">
      <c r="A155" t="s">
        <v>160</v>
      </c>
      <c r="B155">
        <v>480.72399902343801</v>
      </c>
      <c r="C155">
        <v>726.52039440322699</v>
      </c>
      <c r="D155">
        <v>21.893510818481399</v>
      </c>
      <c r="E155">
        <v>3754.03137877584</v>
      </c>
      <c r="F155">
        <v>76.081039428710895</v>
      </c>
      <c r="G155">
        <v>0.28776565194129899</v>
      </c>
    </row>
    <row r="156" spans="1:7" x14ac:dyDescent="0.25">
      <c r="A156" t="s">
        <v>161</v>
      </c>
      <c r="B156">
        <v>484.32400512695301</v>
      </c>
      <c r="C156">
        <v>716.96687241295103</v>
      </c>
      <c r="D156">
        <v>20.8249912261963</v>
      </c>
      <c r="E156">
        <v>3570.8146169781699</v>
      </c>
      <c r="F156">
        <v>75.080596923828097</v>
      </c>
      <c r="G156">
        <v>0.27736848592758201</v>
      </c>
    </row>
    <row r="157" spans="1:7" x14ac:dyDescent="0.25">
      <c r="A157" t="s">
        <v>162</v>
      </c>
      <c r="B157">
        <v>487.92401123046898</v>
      </c>
      <c r="C157">
        <v>707.43214710286702</v>
      </c>
      <c r="D157">
        <v>20.782579421997099</v>
      </c>
      <c r="E157">
        <v>3563.5423846542799</v>
      </c>
      <c r="F157">
        <v>74.082122802734403</v>
      </c>
      <c r="G157">
        <v>0.280534327030182</v>
      </c>
    </row>
    <row r="158" spans="1:7" x14ac:dyDescent="0.25">
      <c r="A158" t="s">
        <v>163</v>
      </c>
      <c r="B158">
        <v>491.52398681640602</v>
      </c>
      <c r="C158">
        <v>697.88722204384101</v>
      </c>
      <c r="D158">
        <v>21.057449340820298</v>
      </c>
      <c r="E158">
        <v>3610.67382618785</v>
      </c>
      <c r="F158">
        <v>73.082580566406307</v>
      </c>
      <c r="G158">
        <v>0.28813225030898998</v>
      </c>
    </row>
    <row r="159" spans="1:7" x14ac:dyDescent="0.25">
      <c r="A159" t="s">
        <v>164</v>
      </c>
      <c r="B159">
        <v>495.12399291992199</v>
      </c>
      <c r="C159">
        <v>688.33056727353403</v>
      </c>
      <c r="D159">
        <v>19.6853847503662</v>
      </c>
      <c r="E159">
        <v>3375.40893815458</v>
      </c>
      <c r="F159">
        <v>72.081809997558594</v>
      </c>
      <c r="G159">
        <v>0.27309781312942499</v>
      </c>
    </row>
    <row r="160" spans="1:7" x14ac:dyDescent="0.25">
      <c r="A160" t="s">
        <v>165</v>
      </c>
      <c r="B160">
        <v>498.72399902343801</v>
      </c>
      <c r="C160">
        <v>678.78884784988998</v>
      </c>
      <c r="D160">
        <v>19.962194442748999</v>
      </c>
      <c r="E160">
        <v>3422.8728618472801</v>
      </c>
      <c r="F160">
        <v>71.082603454589801</v>
      </c>
      <c r="G160">
        <v>0.280830949544907</v>
      </c>
    </row>
    <row r="161" spans="1:7" x14ac:dyDescent="0.25">
      <c r="A161" t="s">
        <v>166</v>
      </c>
      <c r="B161">
        <v>502.3330078125</v>
      </c>
      <c r="C161">
        <v>669.214562084985</v>
      </c>
      <c r="D161">
        <v>19.321262359619102</v>
      </c>
      <c r="E161">
        <v>3312.9737712442902</v>
      </c>
      <c r="F161">
        <v>70.079986572265597</v>
      </c>
      <c r="G161">
        <v>0.27570298314094499</v>
      </c>
    </row>
    <row r="162" spans="1:7" x14ac:dyDescent="0.25">
      <c r="A162" t="s">
        <v>167</v>
      </c>
      <c r="B162">
        <v>505.93301391601602</v>
      </c>
      <c r="C162">
        <v>659.66359003194395</v>
      </c>
      <c r="D162">
        <v>19.4167671203613</v>
      </c>
      <c r="E162">
        <v>3329.3496817350401</v>
      </c>
      <c r="F162">
        <v>69.079811096191406</v>
      </c>
      <c r="G162">
        <v>0.28107729554176297</v>
      </c>
    </row>
    <row r="163" spans="1:7" x14ac:dyDescent="0.25">
      <c r="A163" t="s">
        <v>168</v>
      </c>
      <c r="B163">
        <v>509.53298950195301</v>
      </c>
      <c r="C163">
        <v>650.11443936264402</v>
      </c>
      <c r="D163">
        <v>17.591253280639599</v>
      </c>
      <c r="E163">
        <v>3016.3328628987101</v>
      </c>
      <c r="F163">
        <v>68.079826354980497</v>
      </c>
      <c r="G163">
        <v>0.25839155912399298</v>
      </c>
    </row>
    <row r="164" spans="1:7" x14ac:dyDescent="0.25">
      <c r="A164" t="s">
        <v>169</v>
      </c>
      <c r="B164">
        <v>513.13299560546898</v>
      </c>
      <c r="C164">
        <v>640.56951430361801</v>
      </c>
      <c r="D164">
        <v>18.143795013427699</v>
      </c>
      <c r="E164">
        <v>3111.0760755837</v>
      </c>
      <c r="F164">
        <v>67.080284118652301</v>
      </c>
      <c r="G164">
        <v>0.27047881484031699</v>
      </c>
    </row>
    <row r="165" spans="1:7" x14ac:dyDescent="0.25">
      <c r="A165" t="s">
        <v>170</v>
      </c>
      <c r="B165">
        <v>516.73297119140602</v>
      </c>
      <c r="C165">
        <v>631.02626491763294</v>
      </c>
      <c r="D165">
        <v>17.487596511840799</v>
      </c>
      <c r="E165">
        <v>2998.5590372234601</v>
      </c>
      <c r="F165">
        <v>66.080917358398395</v>
      </c>
      <c r="G165">
        <v>0.26463913917541498</v>
      </c>
    </row>
    <row r="166" spans="1:7" x14ac:dyDescent="0.25">
      <c r="A166" t="s">
        <v>171</v>
      </c>
      <c r="B166">
        <v>520.3330078125</v>
      </c>
      <c r="C166">
        <v>621.47405432364997</v>
      </c>
      <c r="D166">
        <v>16.879041671752901</v>
      </c>
      <c r="E166">
        <v>2894.2115604877499</v>
      </c>
      <c r="F166">
        <v>65.080612182617202</v>
      </c>
      <c r="G166">
        <v>0.25935590267181402</v>
      </c>
    </row>
    <row r="167" spans="1:7" x14ac:dyDescent="0.25">
      <c r="A167" t="s">
        <v>172</v>
      </c>
      <c r="B167">
        <v>523.93298339843795</v>
      </c>
      <c r="C167">
        <v>611.93065922696599</v>
      </c>
      <c r="D167">
        <v>15.6103715896606</v>
      </c>
      <c r="E167">
        <v>2676.6755618154998</v>
      </c>
      <c r="F167">
        <v>64.081230163574205</v>
      </c>
      <c r="G167">
        <v>0.24360287189483601</v>
      </c>
    </row>
    <row r="168" spans="1:7" x14ac:dyDescent="0.25">
      <c r="A168" t="s">
        <v>173</v>
      </c>
      <c r="B168">
        <v>527.53302001953102</v>
      </c>
      <c r="C168">
        <v>602.37655439389403</v>
      </c>
      <c r="D168">
        <v>14.3198051452637</v>
      </c>
      <c r="E168">
        <v>2455.3849361836901</v>
      </c>
      <c r="F168">
        <v>63.080726623535199</v>
      </c>
      <c r="G168">
        <v>0.22700761258602101</v>
      </c>
    </row>
    <row r="169" spans="1:7" x14ac:dyDescent="0.25">
      <c r="A169" t="s">
        <v>174</v>
      </c>
      <c r="B169">
        <v>531.13299560546898</v>
      </c>
      <c r="C169">
        <v>592.83436141047798</v>
      </c>
      <c r="D169">
        <v>14.5650825500488</v>
      </c>
      <c r="E169">
        <v>2497.44206666946</v>
      </c>
      <c r="F169">
        <v>62.081470489502003</v>
      </c>
      <c r="G169">
        <v>0.23461239039897899</v>
      </c>
    </row>
    <row r="170" spans="1:7" x14ac:dyDescent="0.25">
      <c r="A170" t="s">
        <v>175</v>
      </c>
      <c r="B170">
        <v>534.73297119140602</v>
      </c>
      <c r="C170">
        <v>583.28655856514399</v>
      </c>
      <c r="D170">
        <v>13.725549697876</v>
      </c>
      <c r="E170">
        <v>2353.4893989563002</v>
      </c>
      <c r="F170">
        <v>61.081626892089801</v>
      </c>
      <c r="G170">
        <v>0.22470831871032701</v>
      </c>
    </row>
    <row r="171" spans="1:7" x14ac:dyDescent="0.25">
      <c r="A171" t="s">
        <v>176</v>
      </c>
      <c r="B171">
        <v>538.3330078125</v>
      </c>
      <c r="C171">
        <v>573.743637028232</v>
      </c>
      <c r="D171">
        <v>13.287234306335399</v>
      </c>
      <c r="E171">
        <v>2278.3323656767602</v>
      </c>
      <c r="F171">
        <v>60.0822944641113</v>
      </c>
      <c r="G171">
        <v>0.221150577068329</v>
      </c>
    </row>
    <row r="172" spans="1:7" x14ac:dyDescent="0.25">
      <c r="A172" t="s">
        <v>177</v>
      </c>
      <c r="B172">
        <v>541.93298339843795</v>
      </c>
      <c r="C172">
        <v>564.197182006866</v>
      </c>
      <c r="D172">
        <v>13.0336809158325</v>
      </c>
      <c r="E172">
        <v>2234.85613241792</v>
      </c>
      <c r="F172">
        <v>59.082592010497997</v>
      </c>
      <c r="G172">
        <v>0.22060103714466101</v>
      </c>
    </row>
    <row r="173" spans="1:7" x14ac:dyDescent="0.25">
      <c r="A173" t="s">
        <v>178</v>
      </c>
      <c r="B173">
        <v>545.53302001953102</v>
      </c>
      <c r="C173">
        <v>554.64926987850799</v>
      </c>
      <c r="D173">
        <v>12.7521667480469</v>
      </c>
      <c r="E173">
        <v>2186.5854505449502</v>
      </c>
      <c r="F173">
        <v>58.082736968994098</v>
      </c>
      <c r="G173">
        <v>0.219551756978035</v>
      </c>
    </row>
    <row r="174" spans="1:7" x14ac:dyDescent="0.25">
      <c r="A174" t="s">
        <v>179</v>
      </c>
      <c r="B174">
        <v>549.13299560546898</v>
      </c>
      <c r="C174">
        <v>545.10168559922295</v>
      </c>
      <c r="D174">
        <v>12.3240404129028</v>
      </c>
      <c r="E174">
        <v>2113.1755784153902</v>
      </c>
      <c r="F174">
        <v>57.082916259765597</v>
      </c>
      <c r="G174">
        <v>0.215897172689438</v>
      </c>
    </row>
    <row r="175" spans="1:7" x14ac:dyDescent="0.25">
      <c r="A175" t="s">
        <v>180</v>
      </c>
      <c r="B175">
        <v>552.73297119140602</v>
      </c>
      <c r="C175">
        <v>535.55275349597105</v>
      </c>
      <c r="D175">
        <v>12.642834663391101</v>
      </c>
      <c r="E175">
        <v>2167.8386256098702</v>
      </c>
      <c r="F175">
        <v>56.082954406738303</v>
      </c>
      <c r="G175">
        <v>0.22543096542358401</v>
      </c>
    </row>
    <row r="176" spans="1:7" x14ac:dyDescent="0.25">
      <c r="A176" t="s">
        <v>181</v>
      </c>
      <c r="B176">
        <v>556.3330078125</v>
      </c>
      <c r="C176">
        <v>526.00859341811599</v>
      </c>
      <c r="D176">
        <v>12.2799577713013</v>
      </c>
      <c r="E176">
        <v>2105.6169643998101</v>
      </c>
      <c r="F176">
        <v>55.083492279052699</v>
      </c>
      <c r="G176">
        <v>0.22293353080749501</v>
      </c>
    </row>
    <row r="177" spans="1:7" x14ac:dyDescent="0.25">
      <c r="A177" t="s">
        <v>182</v>
      </c>
      <c r="B177">
        <v>559.93298339843795</v>
      </c>
      <c r="C177">
        <v>516.460207729986</v>
      </c>
      <c r="D177">
        <v>12.0757303237915</v>
      </c>
      <c r="E177">
        <v>2070.5985371023398</v>
      </c>
      <c r="F177">
        <v>54.083587646484403</v>
      </c>
      <c r="G177">
        <v>0.223279014229774</v>
      </c>
    </row>
    <row r="178" spans="1:7" x14ac:dyDescent="0.25">
      <c r="A178" t="s">
        <v>183</v>
      </c>
      <c r="B178">
        <v>563.53302001953102</v>
      </c>
      <c r="C178">
        <v>506.91612050748103</v>
      </c>
      <c r="D178">
        <v>11.635857582092299</v>
      </c>
      <c r="E178">
        <v>1995.17444707453</v>
      </c>
      <c r="F178">
        <v>53.084133148193402</v>
      </c>
      <c r="G178">
        <v>0.21919652819633501</v>
      </c>
    </row>
    <row r="179" spans="1:7" x14ac:dyDescent="0.25">
      <c r="A179" t="s">
        <v>184</v>
      </c>
      <c r="B179">
        <v>567.13299560546898</v>
      </c>
      <c r="C179">
        <v>497.36405562419702</v>
      </c>
      <c r="D179">
        <v>11.920235633850099</v>
      </c>
      <c r="E179">
        <v>2043.9361687749599</v>
      </c>
      <c r="F179">
        <v>52.0838432312012</v>
      </c>
      <c r="G179">
        <v>0.22886627912521401</v>
      </c>
    </row>
    <row r="180" spans="1:7" x14ac:dyDescent="0.25">
      <c r="A180" t="s">
        <v>185</v>
      </c>
      <c r="B180">
        <v>570.73297119140602</v>
      </c>
      <c r="C180">
        <v>487.82186264078098</v>
      </c>
      <c r="D180">
        <v>11.2793426513672</v>
      </c>
      <c r="E180">
        <v>1934.0435974299901</v>
      </c>
      <c r="F180">
        <v>51.084587097167997</v>
      </c>
      <c r="G180">
        <v>0.220797374844551</v>
      </c>
    </row>
    <row r="181" spans="1:7" x14ac:dyDescent="0.25">
      <c r="A181" t="s">
        <v>186</v>
      </c>
      <c r="B181">
        <v>574.3330078125</v>
      </c>
      <c r="C181">
        <v>478.27340409730101</v>
      </c>
      <c r="D181">
        <v>10.7099361419678</v>
      </c>
      <c r="E181">
        <v>1836.4088609814601</v>
      </c>
      <c r="F181">
        <v>50.084674835205099</v>
      </c>
      <c r="G181">
        <v>0.213836595416069</v>
      </c>
    </row>
    <row r="182" spans="1:7" x14ac:dyDescent="0.25">
      <c r="A182" t="s">
        <v>187</v>
      </c>
      <c r="B182">
        <v>577.93298339843795</v>
      </c>
      <c r="C182">
        <v>468.72581981801602</v>
      </c>
      <c r="D182">
        <v>11.0460014343262</v>
      </c>
      <c r="E182">
        <v>1894.03316471726</v>
      </c>
      <c r="F182">
        <v>49.084854125976598</v>
      </c>
      <c r="G182">
        <v>0.22503890097141299</v>
      </c>
    </row>
    <row r="183" spans="1:7" x14ac:dyDescent="0.25">
      <c r="A183" t="s">
        <v>188</v>
      </c>
      <c r="B183">
        <v>581.53302001953102</v>
      </c>
      <c r="C183">
        <v>459.17918265827598</v>
      </c>
      <c r="D183">
        <v>8.4061746597290004</v>
      </c>
      <c r="E183">
        <v>1441.38792529702</v>
      </c>
      <c r="F183">
        <v>48.085132598877003</v>
      </c>
      <c r="G183">
        <v>0.174818575382233</v>
      </c>
    </row>
    <row r="184" spans="1:7" x14ac:dyDescent="0.25">
      <c r="A184" t="s">
        <v>189</v>
      </c>
      <c r="B184">
        <v>585.13299560546898</v>
      </c>
      <c r="C184">
        <v>449.63207193876298</v>
      </c>
      <c r="D184">
        <v>8.4934873580932599</v>
      </c>
      <c r="E184">
        <v>1456.35928492993</v>
      </c>
      <c r="F184">
        <v>47.085361480712898</v>
      </c>
      <c r="G184">
        <v>0.18038487434387199</v>
      </c>
    </row>
    <row r="185" spans="1:7" x14ac:dyDescent="0.25">
      <c r="A185" t="s">
        <v>190</v>
      </c>
      <c r="B185">
        <v>588.73297119140602</v>
      </c>
      <c r="C185">
        <v>440.08226557131599</v>
      </c>
      <c r="D185">
        <v>8.0815105438232404</v>
      </c>
      <c r="E185">
        <v>1385.7184676453501</v>
      </c>
      <c r="F185">
        <v>46.0853080749512</v>
      </c>
      <c r="G185">
        <v>0.17535980045795399</v>
      </c>
    </row>
    <row r="186" spans="1:7" x14ac:dyDescent="0.25">
      <c r="A186" t="s">
        <v>191</v>
      </c>
      <c r="B186">
        <v>592.3330078125</v>
      </c>
      <c r="C186">
        <v>430.53683052484399</v>
      </c>
      <c r="D186">
        <v>8.3954105377197301</v>
      </c>
      <c r="E186">
        <v>1439.5422767847799</v>
      </c>
      <c r="F186">
        <v>45.0857124328613</v>
      </c>
      <c r="G186">
        <v>0.186210006475449</v>
      </c>
    </row>
    <row r="187" spans="1:7" x14ac:dyDescent="0.25">
      <c r="A187" t="s">
        <v>192</v>
      </c>
      <c r="B187">
        <v>595.93298339843795</v>
      </c>
      <c r="C187">
        <v>420.99154118907001</v>
      </c>
      <c r="D187">
        <v>8.1543607711791992</v>
      </c>
      <c r="E187">
        <v>1398.2099480927</v>
      </c>
      <c r="F187">
        <v>44.086132049560497</v>
      </c>
      <c r="G187">
        <v>0.184964299201965</v>
      </c>
    </row>
    <row r="188" spans="1:7" x14ac:dyDescent="0.25">
      <c r="A188" t="s">
        <v>193</v>
      </c>
      <c r="B188">
        <v>599.53302001953102</v>
      </c>
      <c r="C188">
        <v>411.443337639314</v>
      </c>
      <c r="D188">
        <v>8.5217342376709002</v>
      </c>
      <c r="E188">
        <v>1461.2027443945401</v>
      </c>
      <c r="F188">
        <v>43.086246490478501</v>
      </c>
      <c r="G188">
        <v>0.19778317213058499</v>
      </c>
    </row>
    <row r="189" spans="1:7" x14ac:dyDescent="0.25">
      <c r="A189" t="s">
        <v>194</v>
      </c>
      <c r="B189">
        <v>603.13299560546898</v>
      </c>
      <c r="C189">
        <v>401.89815758656499</v>
      </c>
      <c r="D189">
        <v>8.3110980987548793</v>
      </c>
      <c r="E189">
        <v>1425.08547287434</v>
      </c>
      <c r="F189">
        <v>42.086677551269503</v>
      </c>
      <c r="G189">
        <v>0.197475746273994</v>
      </c>
    </row>
    <row r="190" spans="1:7" x14ac:dyDescent="0.25">
      <c r="A190" t="s">
        <v>195</v>
      </c>
      <c r="B190">
        <v>606.73297119140602</v>
      </c>
      <c r="C190">
        <v>392.350500451931</v>
      </c>
      <c r="D190">
        <v>7.9733462333679199</v>
      </c>
      <c r="E190">
        <v>1367.1718770638099</v>
      </c>
      <c r="F190">
        <v>41.086849212646499</v>
      </c>
      <c r="G190">
        <v>0.19406078755855599</v>
      </c>
    </row>
    <row r="191" spans="1:7" x14ac:dyDescent="0.25">
      <c r="A191" t="s">
        <v>196</v>
      </c>
      <c r="B191">
        <v>610.3330078125</v>
      </c>
      <c r="C191">
        <v>382.80313473869501</v>
      </c>
      <c r="D191">
        <v>7.8408532142639196</v>
      </c>
      <c r="E191">
        <v>1344.45354342461</v>
      </c>
      <c r="F191">
        <v>40.087051391601598</v>
      </c>
      <c r="G191">
        <v>0.19559565186500499</v>
      </c>
    </row>
    <row r="192" spans="1:7" x14ac:dyDescent="0.25">
      <c r="A192" t="s">
        <v>197</v>
      </c>
      <c r="B192">
        <v>613.93298339843795</v>
      </c>
      <c r="C192">
        <v>373.25310980519902</v>
      </c>
      <c r="D192">
        <v>7.7361316680908203</v>
      </c>
      <c r="E192">
        <v>1326.4971785247301</v>
      </c>
      <c r="F192">
        <v>39.0869750976563</v>
      </c>
      <c r="G192">
        <v>0.197920963168144</v>
      </c>
    </row>
    <row r="193" spans="1:7" x14ac:dyDescent="0.25">
      <c r="A193" t="s">
        <v>198</v>
      </c>
      <c r="B193">
        <v>617.53302001953102</v>
      </c>
      <c r="C193">
        <v>363.70993327456398</v>
      </c>
      <c r="D193">
        <v>7.0224285125732404</v>
      </c>
      <c r="E193">
        <v>1204.12011165172</v>
      </c>
      <c r="F193">
        <v>38.087615966796903</v>
      </c>
      <c r="G193">
        <v>0.18437564373016399</v>
      </c>
    </row>
    <row r="194" spans="1:7" x14ac:dyDescent="0.25">
      <c r="A194" t="s">
        <v>199</v>
      </c>
      <c r="B194">
        <v>621.13299560546898</v>
      </c>
      <c r="C194">
        <v>354.161948290856</v>
      </c>
      <c r="D194">
        <v>6.90157127380371</v>
      </c>
      <c r="E194">
        <v>1183.39702021331</v>
      </c>
      <c r="F194">
        <v>37.087753295898402</v>
      </c>
      <c r="G194">
        <v>0.18608760833740201</v>
      </c>
    </row>
    <row r="195" spans="1:7" x14ac:dyDescent="0.25">
      <c r="A195" t="s">
        <v>200</v>
      </c>
      <c r="B195">
        <v>624.73297119140602</v>
      </c>
      <c r="C195">
        <v>344.614327583896</v>
      </c>
      <c r="D195">
        <v>6.83644342422485</v>
      </c>
      <c r="E195">
        <v>1172.2296476364099</v>
      </c>
      <c r="F195">
        <v>36.087928771972699</v>
      </c>
      <c r="G195">
        <v>0.189438506960869</v>
      </c>
    </row>
    <row r="196" spans="1:7" x14ac:dyDescent="0.25">
      <c r="A196" t="s">
        <v>201</v>
      </c>
      <c r="B196">
        <v>628.3330078125</v>
      </c>
      <c r="C196">
        <v>335.06776327950598</v>
      </c>
      <c r="D196">
        <v>5.7364139556884801</v>
      </c>
      <c r="E196">
        <v>983.61005075275898</v>
      </c>
      <c r="F196">
        <v>35.088214874267599</v>
      </c>
      <c r="G196">
        <v>0.163485482335091</v>
      </c>
    </row>
    <row r="197" spans="1:7" x14ac:dyDescent="0.25">
      <c r="A197" t="s">
        <v>202</v>
      </c>
      <c r="B197">
        <v>631.93298339843795</v>
      </c>
      <c r="C197">
        <v>325.52141754116298</v>
      </c>
      <c r="D197">
        <v>5.6865315437316903</v>
      </c>
      <c r="E197">
        <v>975.056842435151</v>
      </c>
      <c r="F197">
        <v>34.088523864746101</v>
      </c>
      <c r="G197">
        <v>0.166816592216492</v>
      </c>
    </row>
    <row r="198" spans="1:7" x14ac:dyDescent="0.25">
      <c r="A198" t="s">
        <v>203</v>
      </c>
      <c r="B198">
        <v>635.53302001953102</v>
      </c>
      <c r="C198">
        <v>315.97354184047998</v>
      </c>
      <c r="D198">
        <v>4.9561953544616699</v>
      </c>
      <c r="E198">
        <v>849.82777480035998</v>
      </c>
      <c r="F198">
        <v>33.088672637939503</v>
      </c>
      <c r="G198">
        <v>0.14978525042533899</v>
      </c>
    </row>
    <row r="199" spans="1:7" x14ac:dyDescent="0.25">
      <c r="A199" t="s">
        <v>204</v>
      </c>
      <c r="B199">
        <v>639.13299560546898</v>
      </c>
      <c r="C199">
        <v>306.427196102138</v>
      </c>
      <c r="D199">
        <v>4.80517530441284</v>
      </c>
      <c r="E199">
        <v>823.93264165148105</v>
      </c>
      <c r="F199">
        <v>32.088981628417997</v>
      </c>
      <c r="G199">
        <v>0.14974533021450001</v>
      </c>
    </row>
    <row r="200" spans="1:7" x14ac:dyDescent="0.25">
      <c r="A200" t="s">
        <v>205</v>
      </c>
      <c r="B200">
        <v>642.73297119140602</v>
      </c>
      <c r="C200">
        <v>296.88068643925999</v>
      </c>
      <c r="D200">
        <v>4.1579823493957502</v>
      </c>
      <c r="E200">
        <v>712.95996895059898</v>
      </c>
      <c r="F200">
        <v>31.0892734527588</v>
      </c>
      <c r="G200">
        <v>0.133743315935135</v>
      </c>
    </row>
    <row r="201" spans="1:7" x14ac:dyDescent="0.25">
      <c r="A201" t="s">
        <v>206</v>
      </c>
      <c r="B201">
        <v>646.3330078125</v>
      </c>
      <c r="C201">
        <v>287.33322965683601</v>
      </c>
      <c r="D201">
        <v>3.87154269218445</v>
      </c>
      <c r="E201">
        <v>663.84475212544203</v>
      </c>
      <c r="F201">
        <v>30.0894660949707</v>
      </c>
      <c r="G201">
        <v>0.128667712211609</v>
      </c>
    </row>
    <row r="202" spans="1:7" x14ac:dyDescent="0.25">
      <c r="A202" t="s">
        <v>207</v>
      </c>
      <c r="B202">
        <v>649.93298339843795</v>
      </c>
      <c r="C202">
        <v>277.78615536499899</v>
      </c>
      <c r="D202">
        <v>3.2099535465240501</v>
      </c>
      <c r="E202">
        <v>550.40355073288094</v>
      </c>
      <c r="F202">
        <v>29.089698791503899</v>
      </c>
      <c r="G202">
        <v>0.110346741974354</v>
      </c>
    </row>
    <row r="203" spans="1:7" x14ac:dyDescent="0.25">
      <c r="A203" t="s">
        <v>208</v>
      </c>
      <c r="B203">
        <v>653.53302001953102</v>
      </c>
      <c r="C203">
        <v>268.23862572722601</v>
      </c>
      <c r="D203">
        <v>2.9395475387573202</v>
      </c>
      <c r="E203">
        <v>504.03765635564901</v>
      </c>
      <c r="F203">
        <v>28.0898838043213</v>
      </c>
      <c r="G203">
        <v>0.104647904634476</v>
      </c>
    </row>
    <row r="204" spans="1:7" x14ac:dyDescent="0.25">
      <c r="A204" t="s">
        <v>209</v>
      </c>
      <c r="B204">
        <v>657.13299560546898</v>
      </c>
      <c r="C204">
        <v>258.69127822782701</v>
      </c>
      <c r="D204">
        <v>2.5235023498535201</v>
      </c>
      <c r="E204">
        <v>432.69930756650899</v>
      </c>
      <c r="F204">
        <v>27.090087890625</v>
      </c>
      <c r="G204">
        <v>9.3152239918708801E-2</v>
      </c>
    </row>
    <row r="205" spans="1:7" x14ac:dyDescent="0.25">
      <c r="A205" t="s">
        <v>210</v>
      </c>
      <c r="B205">
        <v>660.73297119140602</v>
      </c>
      <c r="C205">
        <v>249.14444071587499</v>
      </c>
      <c r="D205">
        <v>2.3028595447540301</v>
      </c>
      <c r="E205">
        <v>394.86616151407401</v>
      </c>
      <c r="F205">
        <v>26.090345382690401</v>
      </c>
      <c r="G205">
        <v>8.8264815509319305E-2</v>
      </c>
    </row>
    <row r="206" spans="1:7" x14ac:dyDescent="0.25">
      <c r="A206" t="s">
        <v>211</v>
      </c>
      <c r="B206">
        <v>664.3330078125</v>
      </c>
      <c r="C206">
        <v>239.59749392089901</v>
      </c>
      <c r="D206">
        <v>2.08218622207642</v>
      </c>
      <c r="E206">
        <v>357.02780587598699</v>
      </c>
      <c r="F206">
        <v>25.090591430664102</v>
      </c>
      <c r="G206">
        <v>8.2986734807491302E-2</v>
      </c>
    </row>
    <row r="207" spans="1:7" x14ac:dyDescent="0.25">
      <c r="A207" t="s">
        <v>212</v>
      </c>
      <c r="B207">
        <v>667.93298339843795</v>
      </c>
      <c r="C207">
        <v>230.05184030837799</v>
      </c>
      <c r="D207">
        <v>1.8661792278289799</v>
      </c>
      <c r="E207">
        <v>319.989572744817</v>
      </c>
      <c r="F207">
        <v>24.0909729003906</v>
      </c>
      <c r="G207">
        <v>7.7463835477828993E-2</v>
      </c>
    </row>
    <row r="208" spans="1:7" x14ac:dyDescent="0.25">
      <c r="A208" t="s">
        <v>213</v>
      </c>
      <c r="B208">
        <v>671.53302001953102</v>
      </c>
      <c r="C208">
        <v>220.50378246932101</v>
      </c>
      <c r="D208">
        <v>1.6975677013397199</v>
      </c>
      <c r="E208">
        <v>291.07814771123202</v>
      </c>
      <c r="F208">
        <v>23.091102600097699</v>
      </c>
      <c r="G208">
        <v>7.3516093194484697E-2</v>
      </c>
    </row>
    <row r="209" spans="1:7" x14ac:dyDescent="0.25">
      <c r="A209" t="s">
        <v>214</v>
      </c>
      <c r="B209">
        <v>675.13299560546898</v>
      </c>
      <c r="C209">
        <v>210.956981385044</v>
      </c>
      <c r="D209">
        <v>1.5276597738266</v>
      </c>
      <c r="E209">
        <v>261.94439851678902</v>
      </c>
      <c r="F209">
        <v>22.091363906860401</v>
      </c>
      <c r="G209">
        <v>6.9151900708675398E-2</v>
      </c>
    </row>
    <row r="210" spans="1:7" x14ac:dyDescent="0.25">
      <c r="A210" t="s">
        <v>215</v>
      </c>
      <c r="B210">
        <v>678.73297119140602</v>
      </c>
      <c r="C210">
        <v>201.40932425041001</v>
      </c>
      <c r="D210">
        <v>1.4030798673629801</v>
      </c>
      <c r="E210">
        <v>240.58297276496901</v>
      </c>
      <c r="F210">
        <v>21.091535568237301</v>
      </c>
      <c r="G210">
        <v>6.6523365676403004E-2</v>
      </c>
    </row>
    <row r="211" spans="1:7" x14ac:dyDescent="0.25">
      <c r="A211" t="s">
        <v>216</v>
      </c>
      <c r="B211">
        <v>682.3330078125</v>
      </c>
      <c r="C211">
        <v>191.86323350579099</v>
      </c>
      <c r="D211">
        <v>1.2301900386810301</v>
      </c>
      <c r="E211">
        <v>210.937927477062</v>
      </c>
      <c r="F211">
        <v>20.091871261596701</v>
      </c>
      <c r="G211">
        <v>6.1228245496749899E-2</v>
      </c>
    </row>
    <row r="212" spans="1:7" x14ac:dyDescent="0.25">
      <c r="A212" t="s">
        <v>217</v>
      </c>
      <c r="B212">
        <v>685.93298339843795</v>
      </c>
      <c r="C212">
        <v>182.31532137743301</v>
      </c>
      <c r="D212">
        <v>1.1682587862014799</v>
      </c>
      <c r="E212">
        <v>200.31872554682201</v>
      </c>
      <c r="F212">
        <v>19.092016220092798</v>
      </c>
      <c r="G212">
        <v>6.11909590661526E-2</v>
      </c>
    </row>
    <row r="213" spans="1:7" x14ac:dyDescent="0.25">
      <c r="A213" t="s">
        <v>218</v>
      </c>
      <c r="B213">
        <v>689.53302001953102</v>
      </c>
      <c r="C213">
        <v>172.76877528687999</v>
      </c>
      <c r="D213">
        <v>0.99817085266113303</v>
      </c>
      <c r="E213">
        <v>171.15412629209499</v>
      </c>
      <c r="F213">
        <v>18.0923042297363</v>
      </c>
      <c r="G213">
        <v>5.51710203289986E-2</v>
      </c>
    </row>
    <row r="214" spans="1:7" x14ac:dyDescent="0.25">
      <c r="A214" t="s">
        <v>219</v>
      </c>
      <c r="B214">
        <v>693.13299560546898</v>
      </c>
      <c r="C214">
        <v>163.22204705795201</v>
      </c>
      <c r="D214">
        <v>0.73938125371932995</v>
      </c>
      <c r="E214">
        <v>126.780054415576</v>
      </c>
      <c r="F214">
        <v>17.092573165893601</v>
      </c>
      <c r="G214">
        <v>4.32574562728405E-2</v>
      </c>
    </row>
    <row r="215" spans="1:7" x14ac:dyDescent="0.25">
      <c r="A215" t="s">
        <v>220</v>
      </c>
      <c r="B215">
        <v>696.73297119140602</v>
      </c>
      <c r="C215">
        <v>153.67493633844001</v>
      </c>
      <c r="D215">
        <v>0.71392786502838101</v>
      </c>
      <c r="E215">
        <v>122.415614896454</v>
      </c>
      <c r="F215">
        <v>16.092802047729499</v>
      </c>
      <c r="G215">
        <v>4.4363178312778501E-2</v>
      </c>
    </row>
    <row r="216" spans="1:7" x14ac:dyDescent="0.25">
      <c r="A216" t="s">
        <v>221</v>
      </c>
      <c r="B216">
        <v>700.3330078125</v>
      </c>
      <c r="C216">
        <v>144.12442873825299</v>
      </c>
      <c r="D216">
        <v>0.668739974498749</v>
      </c>
      <c r="E216">
        <v>114.667353045661</v>
      </c>
      <c r="F216">
        <v>15.092675209045399</v>
      </c>
      <c r="G216">
        <v>4.4308908283710501E-2</v>
      </c>
    </row>
    <row r="217" spans="1:7" x14ac:dyDescent="0.25">
      <c r="A217" t="s">
        <v>222</v>
      </c>
      <c r="B217">
        <v>703.93200683593795</v>
      </c>
      <c r="C217">
        <v>134.574531301619</v>
      </c>
      <c r="D217">
        <v>0.64269894361496005</v>
      </c>
      <c r="E217">
        <v>110.20214878954</v>
      </c>
      <c r="F217">
        <v>14.092612266540501</v>
      </c>
      <c r="G217">
        <v>4.5605380088090897E-2</v>
      </c>
    </row>
    <row r="218" spans="1:7" x14ac:dyDescent="0.25">
      <c r="A218" t="s">
        <v>223</v>
      </c>
      <c r="B218">
        <v>707.531982421875</v>
      </c>
      <c r="C218">
        <v>125.02436976434301</v>
      </c>
      <c r="D218">
        <v>0.45731931924819902</v>
      </c>
      <c r="E218">
        <v>78.415519965346903</v>
      </c>
      <c r="F218">
        <v>13.092521667480501</v>
      </c>
      <c r="G218">
        <v>3.4929811954498298E-2</v>
      </c>
    </row>
    <row r="219" spans="1:7" x14ac:dyDescent="0.25">
      <c r="A219" t="s">
        <v>224</v>
      </c>
      <c r="B219">
        <v>711.13201904296898</v>
      </c>
      <c r="C219">
        <v>115.47440857927801</v>
      </c>
      <c r="D219">
        <v>0.36508080363273598</v>
      </c>
      <c r="E219">
        <v>62.599589000456</v>
      </c>
      <c r="F219">
        <v>12.0924520492554</v>
      </c>
      <c r="G219">
        <v>3.0190799385309199E-2</v>
      </c>
    </row>
    <row r="220" spans="1:7" x14ac:dyDescent="0.25">
      <c r="A220" t="s">
        <v>225</v>
      </c>
      <c r="B220">
        <v>714.73199462890602</v>
      </c>
      <c r="C220">
        <v>105.92391919292901</v>
      </c>
      <c r="D220">
        <v>0.269492387771606</v>
      </c>
      <c r="E220">
        <v>46.2092575617135</v>
      </c>
      <c r="F220">
        <v>11.092327117919901</v>
      </c>
      <c r="G220">
        <v>2.4295387789606999E-2</v>
      </c>
    </row>
    <row r="221" spans="1:7" x14ac:dyDescent="0.25">
      <c r="A221" t="s">
        <v>226</v>
      </c>
      <c r="B221">
        <v>718.33197021484398</v>
      </c>
      <c r="C221">
        <v>96.374058183969296</v>
      </c>
      <c r="D221">
        <v>0.22000584006309501</v>
      </c>
      <c r="E221">
        <v>37.723908462794498</v>
      </c>
      <c r="F221">
        <v>10.092267990112299</v>
      </c>
      <c r="G221">
        <v>2.1799445152282701E-2</v>
      </c>
    </row>
    <row r="222" spans="1:7" x14ac:dyDescent="0.25">
      <c r="A222" t="s">
        <v>227</v>
      </c>
      <c r="B222">
        <v>721.93200683593795</v>
      </c>
      <c r="C222">
        <v>86.8238237913435</v>
      </c>
      <c r="D222">
        <v>0.13458761572837799</v>
      </c>
      <c r="E222">
        <v>23.0774367082631</v>
      </c>
      <c r="F222">
        <v>9.0921697616577095</v>
      </c>
      <c r="G222">
        <v>1.48025853559375E-2</v>
      </c>
    </row>
    <row r="223" spans="1:7" x14ac:dyDescent="0.25">
      <c r="A223" t="s">
        <v>228</v>
      </c>
      <c r="B223">
        <v>725.531982421875</v>
      </c>
      <c r="C223">
        <v>77.273452794937199</v>
      </c>
      <c r="D223">
        <v>0.13499775528907801</v>
      </c>
      <c r="E223">
        <v>23.147762476583001</v>
      </c>
      <c r="F223">
        <v>8.0920572280883807</v>
      </c>
      <c r="G223">
        <v>1.6682747751474401E-2</v>
      </c>
    </row>
    <row r="224" spans="1:7" x14ac:dyDescent="0.25">
      <c r="A224" t="s">
        <v>229</v>
      </c>
      <c r="B224">
        <v>729.13201904296898</v>
      </c>
      <c r="C224">
        <v>67.724616314331399</v>
      </c>
      <c r="D224">
        <v>2.7581566944718399E-2</v>
      </c>
      <c r="E224">
        <v>4.7293497118516798</v>
      </c>
      <c r="F224">
        <v>7.0921053886413601</v>
      </c>
      <c r="G224">
        <v>3.88905196450651E-3</v>
      </c>
    </row>
    <row r="225" spans="1:7" x14ac:dyDescent="0.25">
      <c r="A225" t="s">
        <v>230</v>
      </c>
      <c r="B225">
        <v>732.73199462890602</v>
      </c>
      <c r="C225">
        <v>58.1759619720996</v>
      </c>
      <c r="D225">
        <v>6.2052991241216701E-2</v>
      </c>
      <c r="E225">
        <v>10.6400875665713</v>
      </c>
      <c r="F225">
        <v>6.0921726226806596</v>
      </c>
      <c r="G225">
        <v>1.01856915280223E-2</v>
      </c>
    </row>
    <row r="226" spans="1:7" x14ac:dyDescent="0.25">
      <c r="A226" t="s">
        <v>231</v>
      </c>
      <c r="B226">
        <v>736.33197021484398</v>
      </c>
      <c r="C226">
        <v>48.627184686465299</v>
      </c>
      <c r="D226">
        <v>3.9338176138699098E-3</v>
      </c>
      <c r="E226">
        <v>0.67452288021741003</v>
      </c>
      <c r="F226">
        <v>5.0922269821167001</v>
      </c>
      <c r="G226">
        <v>7.7251420589163899E-4</v>
      </c>
    </row>
    <row r="227" spans="1:7" x14ac:dyDescent="0.25">
      <c r="A227" t="s">
        <v>232</v>
      </c>
      <c r="B227">
        <v>739.93200683593795</v>
      </c>
      <c r="C227">
        <v>39.078457488883899</v>
      </c>
      <c r="D227">
        <v>3.84726817719638E-3</v>
      </c>
      <c r="E227">
        <v>0.65968248463832402</v>
      </c>
      <c r="F227">
        <v>4.0922865867614702</v>
      </c>
      <c r="G227">
        <v>9.4012677436694503E-4</v>
      </c>
    </row>
    <row r="228" spans="1:7" x14ac:dyDescent="0.25">
      <c r="A228" t="s">
        <v>233</v>
      </c>
      <c r="B228">
        <v>743.531982421875</v>
      </c>
      <c r="C228">
        <v>29.5293956120404</v>
      </c>
      <c r="D228">
        <v>1.17406866047531E-3</v>
      </c>
      <c r="E228">
        <v>0.20131491851316199</v>
      </c>
      <c r="F228">
        <v>3.0923111438751198</v>
      </c>
      <c r="G228">
        <v>3.7967352545820198E-4</v>
      </c>
    </row>
    <row r="229" spans="1:7" x14ac:dyDescent="0.25">
      <c r="A229" t="s">
        <v>234</v>
      </c>
      <c r="B229">
        <v>747.13201904296898</v>
      </c>
      <c r="C229">
        <v>19.979798703723301</v>
      </c>
      <c r="D229">
        <v>9.2235738411545806E-3</v>
      </c>
      <c r="E229">
        <v>1.58154557539092</v>
      </c>
      <c r="F229">
        <v>2.0922796726226802</v>
      </c>
      <c r="G229">
        <v>4.4083846732974096E-3</v>
      </c>
    </row>
    <row r="230" spans="1:7" x14ac:dyDescent="0.25">
      <c r="A230" t="s">
        <v>235</v>
      </c>
      <c r="B230">
        <v>750.73199462890602</v>
      </c>
      <c r="C230">
        <v>10.4303611664835</v>
      </c>
      <c r="D230">
        <v>0</v>
      </c>
      <c r="E230">
        <v>0</v>
      </c>
      <c r="F230">
        <v>1.0922648906707799</v>
      </c>
      <c r="G230">
        <v>0</v>
      </c>
    </row>
    <row r="231" spans="1:7" x14ac:dyDescent="0.25">
      <c r="A231" t="s">
        <v>236</v>
      </c>
      <c r="B231">
        <v>754.33197021484398</v>
      </c>
      <c r="C231">
        <v>0.881188441363978</v>
      </c>
      <c r="D231">
        <v>2.5022884830832499E-2</v>
      </c>
      <c r="E231">
        <v>4.2906181079160897</v>
      </c>
      <c r="F231">
        <v>9.2277839779853807E-2</v>
      </c>
      <c r="G231">
        <v>0.27116894721984902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tabSelected="1" topLeftCell="A214" workbookViewId="0">
      <selection activeCell="G230" sqref="F230:G230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6.3769998550415004</v>
      </c>
      <c r="C2">
        <v>8.8318328344551293</v>
      </c>
      <c r="D2">
        <v>0.32166746258735701</v>
      </c>
      <c r="E2">
        <v>55.1556004211307</v>
      </c>
      <c r="F2">
        <v>0.92486739158630404</v>
      </c>
      <c r="G2">
        <v>0.34779846668243403</v>
      </c>
    </row>
    <row r="3" spans="1:7" x14ac:dyDescent="0.25">
      <c r="A3" t="s">
        <v>8</v>
      </c>
      <c r="B3">
        <v>9.9770002365112305</v>
      </c>
      <c r="C3">
        <v>18.381749623291402</v>
      </c>
      <c r="D3">
        <v>0.28022846579551702</v>
      </c>
      <c r="E3">
        <v>48.050147597677999</v>
      </c>
      <c r="F3">
        <v>1.92493236064911</v>
      </c>
      <c r="G3">
        <v>0.14557833969593001</v>
      </c>
    </row>
    <row r="4" spans="1:7" x14ac:dyDescent="0.25">
      <c r="A4" t="s">
        <v>9</v>
      </c>
      <c r="B4">
        <v>13.5769996643066</v>
      </c>
      <c r="C4">
        <v>27.930915091335098</v>
      </c>
      <c r="D4">
        <v>0.43009877204894997</v>
      </c>
      <c r="E4">
        <v>73.748073191382005</v>
      </c>
      <c r="F4">
        <v>2.9249186515808101</v>
      </c>
      <c r="G4">
        <v>0.14704640209674799</v>
      </c>
    </row>
    <row r="5" spans="1:7" x14ac:dyDescent="0.25">
      <c r="A5" t="s">
        <v>10</v>
      </c>
      <c r="B5">
        <v>17.177000045776399</v>
      </c>
      <c r="C5">
        <v>37.479692376969403</v>
      </c>
      <c r="D5">
        <v>0.445513755083084</v>
      </c>
      <c r="E5">
        <v>76.391246693674503</v>
      </c>
      <c r="F5">
        <v>3.9248642921447798</v>
      </c>
      <c r="G5">
        <v>0.11351061612367599</v>
      </c>
    </row>
    <row r="6" spans="1:7" x14ac:dyDescent="0.25">
      <c r="A6" t="s">
        <v>11</v>
      </c>
      <c r="B6">
        <v>20.777000427246101</v>
      </c>
      <c r="C6">
        <v>47.028975096591303</v>
      </c>
      <c r="D6">
        <v>0.60685139894485496</v>
      </c>
      <c r="E6">
        <v>104.055448900908</v>
      </c>
      <c r="F6">
        <v>4.9248628616332999</v>
      </c>
      <c r="G6">
        <v>0.12322198599577</v>
      </c>
    </row>
    <row r="7" spans="1:7" x14ac:dyDescent="0.25">
      <c r="A7" t="s">
        <v>12</v>
      </c>
      <c r="B7">
        <v>24.377000808715799</v>
      </c>
      <c r="C7">
        <v>56.577729614928799</v>
      </c>
      <c r="D7">
        <v>0.98524177074432395</v>
      </c>
      <c r="E7">
        <v>168.93720021471401</v>
      </c>
      <c r="F7">
        <v>5.9248061180114702</v>
      </c>
      <c r="G7">
        <v>0.16629096865654</v>
      </c>
    </row>
    <row r="8" spans="1:7" x14ac:dyDescent="0.25">
      <c r="A8" t="s">
        <v>13</v>
      </c>
      <c r="B8">
        <v>27.9869995117188</v>
      </c>
      <c r="C8">
        <v>66.152484386147293</v>
      </c>
      <c r="D8">
        <v>1.12692058086395</v>
      </c>
      <c r="E8">
        <v>193.230560398661</v>
      </c>
      <c r="F8">
        <v>6.9274721145629901</v>
      </c>
      <c r="G8">
        <v>0.16267414391040799</v>
      </c>
    </row>
    <row r="9" spans="1:7" x14ac:dyDescent="0.25">
      <c r="A9" t="s">
        <v>14</v>
      </c>
      <c r="B9">
        <v>31.586999893188501</v>
      </c>
      <c r="C9">
        <v>75.701161495675905</v>
      </c>
      <c r="D9">
        <v>1.41981077194214</v>
      </c>
      <c r="E9">
        <v>243.451780988835</v>
      </c>
      <c r="F9">
        <v>7.92740726470947</v>
      </c>
      <c r="G9">
        <v>0.179101526737213</v>
      </c>
    </row>
    <row r="10" spans="1:7" x14ac:dyDescent="0.25">
      <c r="A10" t="s">
        <v>15</v>
      </c>
      <c r="B10">
        <v>35.187000274658203</v>
      </c>
      <c r="C10">
        <v>85.251077146147296</v>
      </c>
      <c r="D10">
        <v>1.8091453313827499</v>
      </c>
      <c r="E10">
        <v>310.210103634745</v>
      </c>
      <c r="F10">
        <v>8.9274721145629901</v>
      </c>
      <c r="G10">
        <v>0.202649220824242</v>
      </c>
    </row>
    <row r="11" spans="1:7" x14ac:dyDescent="0.25">
      <c r="A11" t="s">
        <v>16</v>
      </c>
      <c r="B11">
        <v>38.777000427246101</v>
      </c>
      <c r="C11">
        <v>94.774846833038595</v>
      </c>
      <c r="D11">
        <v>1.8887257575988801</v>
      </c>
      <c r="E11">
        <v>323.85558006353699</v>
      </c>
      <c r="F11">
        <v>9.9247989654540998</v>
      </c>
      <c r="G11">
        <v>0.19030368328094499</v>
      </c>
    </row>
    <row r="12" spans="1:7" x14ac:dyDescent="0.25">
      <c r="A12" t="s">
        <v>17</v>
      </c>
      <c r="B12">
        <v>42.376998901367202</v>
      </c>
      <c r="C12">
        <v>104.32448016903</v>
      </c>
      <c r="D12">
        <v>2.3376019001007098</v>
      </c>
      <c r="E12">
        <v>400.82336636260197</v>
      </c>
      <c r="F12">
        <v>10.9248342514038</v>
      </c>
      <c r="G12">
        <v>0.21397137641906699</v>
      </c>
    </row>
    <row r="13" spans="1:7" x14ac:dyDescent="0.25">
      <c r="A13" t="s">
        <v>18</v>
      </c>
      <c r="B13">
        <v>45.977001190185497</v>
      </c>
      <c r="C13">
        <v>113.875124372998</v>
      </c>
      <c r="D13">
        <v>2.2183680534362802</v>
      </c>
      <c r="E13">
        <v>380.378623958677</v>
      </c>
      <c r="F13">
        <v>11.924975395202599</v>
      </c>
      <c r="G13">
        <v>0.18602705001831099</v>
      </c>
    </row>
    <row r="14" spans="1:7" x14ac:dyDescent="0.25">
      <c r="A14" t="s">
        <v>19</v>
      </c>
      <c r="B14">
        <v>49.576999664306598</v>
      </c>
      <c r="C14">
        <v>123.424703067477</v>
      </c>
      <c r="D14">
        <v>2.7502415180206299</v>
      </c>
      <c r="E14">
        <v>471.57774679362802</v>
      </c>
      <c r="F14">
        <v>12.925004959106399</v>
      </c>
      <c r="G14">
        <v>0.212784558534622</v>
      </c>
    </row>
    <row r="15" spans="1:7" x14ac:dyDescent="0.25">
      <c r="A15" t="s">
        <v>20</v>
      </c>
      <c r="B15">
        <v>53.176998138427699</v>
      </c>
      <c r="C15">
        <v>132.97513781231399</v>
      </c>
      <c r="D15">
        <v>2.7780339717864999</v>
      </c>
      <c r="E15">
        <v>476.343266200274</v>
      </c>
      <c r="F15">
        <v>13.925124168396</v>
      </c>
      <c r="G15">
        <v>0.19949796795845001</v>
      </c>
    </row>
    <row r="16" spans="1:7" x14ac:dyDescent="0.25">
      <c r="A16" t="s">
        <v>21</v>
      </c>
      <c r="B16">
        <v>56.785999298095703</v>
      </c>
      <c r="C16">
        <v>142.55266564027599</v>
      </c>
      <c r="D16">
        <v>3.02711009979248</v>
      </c>
      <c r="E16">
        <v>519.05179861933004</v>
      </c>
      <c r="F16">
        <v>14.9280805587769</v>
      </c>
      <c r="G16">
        <v>0.202779591083527</v>
      </c>
    </row>
    <row r="17" spans="1:7" x14ac:dyDescent="0.25">
      <c r="A17" t="s">
        <v>22</v>
      </c>
      <c r="B17">
        <v>60.386001586914098</v>
      </c>
      <c r="C17">
        <v>152.10096025921899</v>
      </c>
      <c r="D17">
        <v>3.2147512435913099</v>
      </c>
      <c r="E17">
        <v>551.22619960457098</v>
      </c>
      <c r="F17">
        <v>15.927975654602101</v>
      </c>
      <c r="G17">
        <v>0.20183049142360701</v>
      </c>
    </row>
    <row r="18" spans="1:7" x14ac:dyDescent="0.25">
      <c r="A18" t="s">
        <v>23</v>
      </c>
      <c r="B18">
        <v>63.986000061035199</v>
      </c>
      <c r="C18">
        <v>161.651431431731</v>
      </c>
      <c r="D18">
        <v>3.5530834197997998</v>
      </c>
      <c r="E18">
        <v>609.23927230760501</v>
      </c>
      <c r="F18">
        <v>16.928098678588899</v>
      </c>
      <c r="G18">
        <v>0.20989264547824901</v>
      </c>
    </row>
    <row r="19" spans="1:7" x14ac:dyDescent="0.25">
      <c r="A19" t="s">
        <v>24</v>
      </c>
      <c r="B19">
        <v>67.585998535156307</v>
      </c>
      <c r="C19">
        <v>171.19777717007301</v>
      </c>
      <c r="D19">
        <v>3.91791915893555</v>
      </c>
      <c r="E19">
        <v>671.79684992879595</v>
      </c>
      <c r="F19">
        <v>17.927789688110401</v>
      </c>
      <c r="G19">
        <v>0.21853888034820601</v>
      </c>
    </row>
    <row r="20" spans="1:7" x14ac:dyDescent="0.25">
      <c r="A20" t="s">
        <v>25</v>
      </c>
      <c r="B20">
        <v>71.185997009277301</v>
      </c>
      <c r="C20">
        <v>180.74375863166799</v>
      </c>
      <c r="D20">
        <v>3.9203200340271001</v>
      </c>
      <c r="E20">
        <v>672.20849450677599</v>
      </c>
      <c r="F20">
        <v>18.927442550659201</v>
      </c>
      <c r="G20">
        <v>0.207123592495918</v>
      </c>
    </row>
    <row r="21" spans="1:7" x14ac:dyDescent="0.25">
      <c r="A21" t="s">
        <v>26</v>
      </c>
      <c r="B21">
        <v>74.786003112792997</v>
      </c>
      <c r="C21">
        <v>190.290851137343</v>
      </c>
      <c r="D21">
        <v>4.5492005348205602</v>
      </c>
      <c r="E21">
        <v>780.041271355003</v>
      </c>
      <c r="F21">
        <v>19.927211761474599</v>
      </c>
      <c r="G21">
        <v>0.228290870785713</v>
      </c>
    </row>
    <row r="22" spans="1:7" x14ac:dyDescent="0.25">
      <c r="A22" t="s">
        <v>27</v>
      </c>
      <c r="B22">
        <v>78.386001586914105</v>
      </c>
      <c r="C22">
        <v>199.83927325314801</v>
      </c>
      <c r="D22">
        <v>5.1086692810058603</v>
      </c>
      <c r="E22">
        <v>875.97209494561002</v>
      </c>
      <c r="F22">
        <v>20.927120208740199</v>
      </c>
      <c r="G22">
        <v>0.24411717057228099</v>
      </c>
    </row>
    <row r="23" spans="1:7" x14ac:dyDescent="0.25">
      <c r="A23" t="s">
        <v>28</v>
      </c>
      <c r="B23">
        <v>81.986000061035199</v>
      </c>
      <c r="C23">
        <v>209.38620183428699</v>
      </c>
      <c r="D23">
        <v>5.3312921524047896</v>
      </c>
      <c r="E23">
        <v>914.14473718032195</v>
      </c>
      <c r="F23">
        <v>21.926872253418001</v>
      </c>
      <c r="G23">
        <v>0.24313965439796401</v>
      </c>
    </row>
    <row r="24" spans="1:7" x14ac:dyDescent="0.25">
      <c r="A24" t="s">
        <v>29</v>
      </c>
      <c r="B24">
        <v>85.585998535156307</v>
      </c>
      <c r="C24">
        <v>218.934787874628</v>
      </c>
      <c r="D24">
        <v>6.2843670845031703</v>
      </c>
      <c r="E24">
        <v>1077.5664122775199</v>
      </c>
      <c r="F24">
        <v>22.9267978668213</v>
      </c>
      <c r="G24">
        <v>0.27410575747489901</v>
      </c>
    </row>
    <row r="25" spans="1:7" x14ac:dyDescent="0.25">
      <c r="A25" t="s">
        <v>30</v>
      </c>
      <c r="B25">
        <v>89.185997009277301</v>
      </c>
      <c r="C25">
        <v>228.479676505979</v>
      </c>
      <c r="D25">
        <v>5.4907307624816903</v>
      </c>
      <c r="E25">
        <v>941.48330390453305</v>
      </c>
      <c r="F25">
        <v>23.926336288452099</v>
      </c>
      <c r="G25">
        <v>0.22948481142520899</v>
      </c>
    </row>
    <row r="26" spans="1:7" x14ac:dyDescent="0.25">
      <c r="A26" t="s">
        <v>31</v>
      </c>
      <c r="B26">
        <v>92.786003112792997</v>
      </c>
      <c r="C26">
        <v>238.023308382549</v>
      </c>
      <c r="D26">
        <v>6.0695743560790998</v>
      </c>
      <c r="E26">
        <v>1040.7363297417801</v>
      </c>
      <c r="F26">
        <v>24.925743103027301</v>
      </c>
      <c r="G26">
        <v>0.24350625276565599</v>
      </c>
    </row>
    <row r="27" spans="1:7" x14ac:dyDescent="0.25">
      <c r="A27" t="s">
        <v>32</v>
      </c>
      <c r="B27">
        <v>96.386001586914105</v>
      </c>
      <c r="C27">
        <v>247.57180335370401</v>
      </c>
      <c r="D27">
        <v>6.4840049743652299</v>
      </c>
      <c r="E27">
        <v>1111.7978719994401</v>
      </c>
      <c r="F27">
        <v>25.9256591796875</v>
      </c>
      <c r="G27">
        <v>0.250099897384644</v>
      </c>
    </row>
    <row r="28" spans="1:7" x14ac:dyDescent="0.25">
      <c r="A28" t="s">
        <v>33</v>
      </c>
      <c r="B28">
        <v>99.986000061035199</v>
      </c>
      <c r="C28">
        <v>257.12308504198</v>
      </c>
      <c r="D28">
        <v>6.4281277656555202</v>
      </c>
      <c r="E28">
        <v>1102.2166581824399</v>
      </c>
      <c r="F28">
        <v>26.925867080688501</v>
      </c>
      <c r="G28">
        <v>0.23873429000377699</v>
      </c>
    </row>
    <row r="29" spans="1:7" x14ac:dyDescent="0.25">
      <c r="A29" t="s">
        <v>34</v>
      </c>
      <c r="B29">
        <v>103.58599853515599</v>
      </c>
      <c r="C29">
        <v>266.66493196248501</v>
      </c>
      <c r="D29">
        <v>7.05405521392822</v>
      </c>
      <c r="E29">
        <v>1209.54308658838</v>
      </c>
      <c r="F29">
        <v>27.925086975097699</v>
      </c>
      <c r="G29">
        <v>0.252606391906738</v>
      </c>
    </row>
    <row r="30" spans="1:7" x14ac:dyDescent="0.25">
      <c r="A30" t="s">
        <v>35</v>
      </c>
      <c r="B30">
        <v>107.185997009277</v>
      </c>
      <c r="C30">
        <v>276.21555795261497</v>
      </c>
      <c r="D30">
        <v>8.1352930068969709</v>
      </c>
      <c r="E30">
        <v>1394.94054019451</v>
      </c>
      <c r="F30">
        <v>28.925226211547901</v>
      </c>
      <c r="G30">
        <v>0.28125253319740301</v>
      </c>
    </row>
    <row r="31" spans="1:7" x14ac:dyDescent="0.25">
      <c r="A31" t="s">
        <v>36</v>
      </c>
      <c r="B31">
        <v>110.786003112793</v>
      </c>
      <c r="C31">
        <v>285.764235062144</v>
      </c>
      <c r="D31">
        <v>7.8184318542480504</v>
      </c>
      <c r="E31">
        <v>1340.60904383659</v>
      </c>
      <c r="F31">
        <v>29.9251613616943</v>
      </c>
      <c r="G31">
        <v>0.26126614212989802</v>
      </c>
    </row>
    <row r="32" spans="1:7" x14ac:dyDescent="0.25">
      <c r="A32" t="s">
        <v>37</v>
      </c>
      <c r="B32">
        <v>114.38600158691401</v>
      </c>
      <c r="C32">
        <v>295.30584520276301</v>
      </c>
      <c r="D32">
        <v>8.7457380294799805</v>
      </c>
      <c r="E32">
        <v>1499.6121171861901</v>
      </c>
      <c r="F32">
        <v>30.9243564605713</v>
      </c>
      <c r="G32">
        <v>0.282810658216476</v>
      </c>
    </row>
    <row r="33" spans="1:7" x14ac:dyDescent="0.25">
      <c r="A33" t="s">
        <v>38</v>
      </c>
      <c r="B33">
        <v>117.986000061035</v>
      </c>
      <c r="C33">
        <v>304.85244593482901</v>
      </c>
      <c r="D33">
        <v>9.6038312911987305</v>
      </c>
      <c r="E33">
        <v>1646.7474633827801</v>
      </c>
      <c r="F33">
        <v>31.924074172973601</v>
      </c>
      <c r="G33">
        <v>0.30083352327346802</v>
      </c>
    </row>
    <row r="34" spans="1:7" x14ac:dyDescent="0.25">
      <c r="A34" t="s">
        <v>39</v>
      </c>
      <c r="B34">
        <v>121.58599853515599</v>
      </c>
      <c r="C34">
        <v>314.39283574834297</v>
      </c>
      <c r="D34">
        <v>9.3078145980834996</v>
      </c>
      <c r="E34">
        <v>1595.9901502355899</v>
      </c>
      <c r="F34">
        <v>32.923141479492202</v>
      </c>
      <c r="G34">
        <v>0.282713443040848</v>
      </c>
    </row>
    <row r="35" spans="1:7" x14ac:dyDescent="0.25">
      <c r="A35" t="s">
        <v>40</v>
      </c>
      <c r="B35">
        <v>125.185997009277</v>
      </c>
      <c r="C35">
        <v>323.95116619168999</v>
      </c>
      <c r="D35">
        <v>9.7665672302246094</v>
      </c>
      <c r="E35">
        <v>1674.6514011174399</v>
      </c>
      <c r="F35">
        <v>33.924087524414098</v>
      </c>
      <c r="G35">
        <v>0.28789475560188299</v>
      </c>
    </row>
    <row r="36" spans="1:7" x14ac:dyDescent="0.25">
      <c r="A36" t="s">
        <v>41</v>
      </c>
      <c r="B36">
        <v>128.78599548339801</v>
      </c>
      <c r="C36">
        <v>333.495144131171</v>
      </c>
      <c r="D36">
        <v>10.2941226959229</v>
      </c>
      <c r="E36">
        <v>1765.11018071324</v>
      </c>
      <c r="F36">
        <v>34.923530578613303</v>
      </c>
      <c r="G36">
        <v>0.29476180672645602</v>
      </c>
    </row>
    <row r="37" spans="1:7" x14ac:dyDescent="0.25">
      <c r="A37" t="s">
        <v>42</v>
      </c>
      <c r="B37">
        <v>132.38600158691401</v>
      </c>
      <c r="C37">
        <v>343.04141701416398</v>
      </c>
      <c r="D37">
        <v>9.6237602233886701</v>
      </c>
      <c r="E37">
        <v>1650.16460232437</v>
      </c>
      <c r="F37">
        <v>35.923213958740199</v>
      </c>
      <c r="G37">
        <v>0.26789808273315402</v>
      </c>
    </row>
    <row r="38" spans="1:7" x14ac:dyDescent="0.25">
      <c r="A38" t="s">
        <v>43</v>
      </c>
      <c r="B38">
        <v>135.98599243164099</v>
      </c>
      <c r="C38">
        <v>352.59074982183802</v>
      </c>
      <c r="D38">
        <v>10.5098876953125</v>
      </c>
      <c r="E38">
        <v>1802.1069699898401</v>
      </c>
      <c r="F38">
        <v>36.9232177734375</v>
      </c>
      <c r="G38">
        <v>0.284641712903976</v>
      </c>
    </row>
    <row r="39" spans="1:7" x14ac:dyDescent="0.25">
      <c r="A39" t="s">
        <v>44</v>
      </c>
      <c r="B39">
        <v>139.58599853515599</v>
      </c>
      <c r="C39">
        <v>362.14033762323697</v>
      </c>
      <c r="D39">
        <v>11.289894104003899</v>
      </c>
      <c r="E39">
        <v>1935.85292436182</v>
      </c>
      <c r="F39">
        <v>37.923248291015597</v>
      </c>
      <c r="G39">
        <v>0.29770377278327897</v>
      </c>
    </row>
    <row r="40" spans="1:7" x14ac:dyDescent="0.25">
      <c r="A40" t="s">
        <v>45</v>
      </c>
      <c r="B40">
        <v>143.18600463867199</v>
      </c>
      <c r="C40">
        <v>371.68340487084799</v>
      </c>
      <c r="D40">
        <v>12.229490280151399</v>
      </c>
      <c r="E40">
        <v>2096.9633478671299</v>
      </c>
      <c r="F40">
        <v>38.922595977783203</v>
      </c>
      <c r="G40">
        <v>0.31420028209686302</v>
      </c>
    </row>
    <row r="41" spans="1:7" x14ac:dyDescent="0.25">
      <c r="A41" t="s">
        <v>46</v>
      </c>
      <c r="B41">
        <v>146.78599548339801</v>
      </c>
      <c r="C41">
        <v>381.23470477296098</v>
      </c>
      <c r="D41">
        <v>11.6678810119629</v>
      </c>
      <c r="E41">
        <v>2000.6655249744699</v>
      </c>
      <c r="F41">
        <v>39.922805786132798</v>
      </c>
      <c r="G41">
        <v>0.29226103425025901</v>
      </c>
    </row>
    <row r="42" spans="1:7" x14ac:dyDescent="0.25">
      <c r="A42" t="s">
        <v>47</v>
      </c>
      <c r="B42">
        <v>150.38600158691401</v>
      </c>
      <c r="C42">
        <v>390.77536779403601</v>
      </c>
      <c r="D42">
        <v>11.403703689575201</v>
      </c>
      <c r="E42">
        <v>1955.36762475967</v>
      </c>
      <c r="F42">
        <v>40.921901702880902</v>
      </c>
      <c r="G42">
        <v>0.27866992354393</v>
      </c>
    </row>
    <row r="43" spans="1:7" x14ac:dyDescent="0.25">
      <c r="A43" t="s">
        <v>48</v>
      </c>
      <c r="B43">
        <v>153.98599243164099</v>
      </c>
      <c r="C43">
        <v>400.32950905478299</v>
      </c>
      <c r="D43">
        <v>14.117052078247101</v>
      </c>
      <c r="E43">
        <v>2420.6193629652298</v>
      </c>
      <c r="F43">
        <v>41.922409057617202</v>
      </c>
      <c r="G43">
        <v>0.33674240112304699</v>
      </c>
    </row>
    <row r="44" spans="1:7" x14ac:dyDescent="0.25">
      <c r="A44" t="s">
        <v>49</v>
      </c>
      <c r="B44">
        <v>157.58599853515599</v>
      </c>
      <c r="C44">
        <v>409.86805927071998</v>
      </c>
      <c r="D44">
        <v>13.929827690124499</v>
      </c>
      <c r="E44">
        <v>2388.5164409875902</v>
      </c>
      <c r="F44">
        <v>42.9212837219238</v>
      </c>
      <c r="G44">
        <v>0.32454359531402599</v>
      </c>
    </row>
    <row r="45" spans="1:7" x14ac:dyDescent="0.25">
      <c r="A45" t="s">
        <v>50</v>
      </c>
      <c r="B45">
        <v>161.18600463867199</v>
      </c>
      <c r="C45">
        <v>419.41644495884998</v>
      </c>
      <c r="D45">
        <v>15.5645046234131</v>
      </c>
      <c r="E45">
        <v>2668.8107755035198</v>
      </c>
      <c r="F45">
        <v>43.921188354492202</v>
      </c>
      <c r="G45">
        <v>0.35437348484992998</v>
      </c>
    </row>
    <row r="46" spans="1:7" x14ac:dyDescent="0.25">
      <c r="A46" t="s">
        <v>51</v>
      </c>
      <c r="B46">
        <v>164.78599548339801</v>
      </c>
      <c r="C46">
        <v>428.956561564803</v>
      </c>
      <c r="D46">
        <v>14.7322101593018</v>
      </c>
      <c r="E46">
        <v>2526.0990951210301</v>
      </c>
      <c r="F46">
        <v>44.9202270507813</v>
      </c>
      <c r="G46">
        <v>0.32796382904052701</v>
      </c>
    </row>
    <row r="47" spans="1:7" x14ac:dyDescent="0.25">
      <c r="A47" t="s">
        <v>52</v>
      </c>
      <c r="B47">
        <v>168.38600158691401</v>
      </c>
      <c r="C47">
        <v>438.51256063696502</v>
      </c>
      <c r="D47">
        <v>15.060121536254901</v>
      </c>
      <c r="E47">
        <v>2582.3253672569999</v>
      </c>
      <c r="F47">
        <v>45.920928955078097</v>
      </c>
      <c r="G47">
        <v>0.32795768976211498</v>
      </c>
    </row>
    <row r="48" spans="1:7" x14ac:dyDescent="0.25">
      <c r="A48" t="s">
        <v>53</v>
      </c>
      <c r="B48">
        <v>171.98599243164099</v>
      </c>
      <c r="C48">
        <v>448.05850567088402</v>
      </c>
      <c r="D48">
        <v>17.067411422729499</v>
      </c>
      <c r="E48">
        <v>2926.5107586979898</v>
      </c>
      <c r="F48">
        <v>46.920578002929702</v>
      </c>
      <c r="G48">
        <v>0.36375108361244202</v>
      </c>
    </row>
    <row r="49" spans="1:7" x14ac:dyDescent="0.25">
      <c r="A49" t="s">
        <v>54</v>
      </c>
      <c r="B49">
        <v>175.58599853515599</v>
      </c>
      <c r="C49">
        <v>457.61027913277002</v>
      </c>
      <c r="D49">
        <v>16.838026046752901</v>
      </c>
      <c r="E49">
        <v>2887.1786780655402</v>
      </c>
      <c r="F49">
        <v>47.9208374023438</v>
      </c>
      <c r="G49">
        <v>0.35137170553207397</v>
      </c>
    </row>
    <row r="50" spans="1:7" x14ac:dyDescent="0.25">
      <c r="A50" t="s">
        <v>55</v>
      </c>
      <c r="B50">
        <v>179.18600463867199</v>
      </c>
      <c r="C50">
        <v>467.15564132389301</v>
      </c>
      <c r="D50">
        <v>17.418848037719702</v>
      </c>
      <c r="E50">
        <v>2986.7708217352601</v>
      </c>
      <c r="F50">
        <v>48.920425415039098</v>
      </c>
      <c r="G50">
        <v>0.35606494545936601</v>
      </c>
    </row>
    <row r="51" spans="1:7" x14ac:dyDescent="0.25">
      <c r="A51" t="s">
        <v>56</v>
      </c>
      <c r="B51">
        <v>182.78599548339801</v>
      </c>
      <c r="C51">
        <v>476.70242419433202</v>
      </c>
      <c r="D51">
        <v>18.977207183837901</v>
      </c>
      <c r="E51">
        <v>3253.97914275527</v>
      </c>
      <c r="F51">
        <v>49.920162200927699</v>
      </c>
      <c r="G51">
        <v>0.38015115261077898</v>
      </c>
    </row>
    <row r="52" spans="1:7" x14ac:dyDescent="0.25">
      <c r="A52" t="s">
        <v>57</v>
      </c>
      <c r="B52">
        <v>186.38600158691401</v>
      </c>
      <c r="C52">
        <v>486.241593680741</v>
      </c>
      <c r="D52">
        <v>20.787521362304702</v>
      </c>
      <c r="E52">
        <v>3564.38965536654</v>
      </c>
      <c r="F52">
        <v>50.919101715087898</v>
      </c>
      <c r="G52">
        <v>0.408246040344238</v>
      </c>
    </row>
    <row r="53" spans="1:7" x14ac:dyDescent="0.25">
      <c r="A53" t="s">
        <v>58</v>
      </c>
      <c r="B53">
        <v>189.98599243164099</v>
      </c>
      <c r="C53">
        <v>495.79759275290201</v>
      </c>
      <c r="D53">
        <v>20.838203430175799</v>
      </c>
      <c r="E53">
        <v>3573.0802919715602</v>
      </c>
      <c r="F53">
        <v>51.919803619384801</v>
      </c>
      <c r="G53">
        <v>0.40135365724563599</v>
      </c>
    </row>
    <row r="54" spans="1:7" x14ac:dyDescent="0.25">
      <c r="A54" t="s">
        <v>59</v>
      </c>
      <c r="B54">
        <v>193.58599853515599</v>
      </c>
      <c r="C54">
        <v>505.34138855400897</v>
      </c>
      <c r="D54">
        <v>22.170719146728501</v>
      </c>
      <c r="E54">
        <v>3801.5637546777698</v>
      </c>
      <c r="F54">
        <v>52.919227600097699</v>
      </c>
      <c r="G54">
        <v>0.41895395517349199</v>
      </c>
    </row>
    <row r="55" spans="1:7" x14ac:dyDescent="0.25">
      <c r="A55" t="s">
        <v>60</v>
      </c>
      <c r="B55">
        <v>197.18600463867199</v>
      </c>
      <c r="C55">
        <v>514.88889997794399</v>
      </c>
      <c r="D55">
        <v>23.615606307983398</v>
      </c>
      <c r="E55">
        <v>4049.3151172995599</v>
      </c>
      <c r="F55">
        <v>53.919040679931598</v>
      </c>
      <c r="G55">
        <v>0.437982678413391</v>
      </c>
    </row>
    <row r="56" spans="1:7" x14ac:dyDescent="0.25">
      <c r="A56" t="s">
        <v>61</v>
      </c>
      <c r="B56">
        <v>200.78599548339801</v>
      </c>
      <c r="C56">
        <v>524.43517286093595</v>
      </c>
      <c r="D56">
        <v>23.078588485717798</v>
      </c>
      <c r="E56">
        <v>3957.2338573634602</v>
      </c>
      <c r="F56">
        <v>54.918724060058601</v>
      </c>
      <c r="G56">
        <v>0.42023169994354198</v>
      </c>
    </row>
    <row r="57" spans="1:7" x14ac:dyDescent="0.25">
      <c r="A57" t="s">
        <v>62</v>
      </c>
      <c r="B57">
        <v>204.38600158691401</v>
      </c>
      <c r="C57">
        <v>533.98035291368501</v>
      </c>
      <c r="D57">
        <v>25.633428573608398</v>
      </c>
      <c r="E57">
        <v>4395.3065760433701</v>
      </c>
      <c r="F57">
        <v>55.918292999267599</v>
      </c>
      <c r="G57">
        <v>0.458408623933792</v>
      </c>
    </row>
    <row r="58" spans="1:7" x14ac:dyDescent="0.25">
      <c r="A58" t="s">
        <v>63</v>
      </c>
      <c r="B58">
        <v>207.98599243164099</v>
      </c>
      <c r="C58">
        <v>543.52742720552305</v>
      </c>
      <c r="D58">
        <v>25.813877105712901</v>
      </c>
      <c r="E58">
        <v>4426.2479059398202</v>
      </c>
      <c r="F58">
        <v>56.918060302734403</v>
      </c>
      <c r="G58">
        <v>0.45352700352668801</v>
      </c>
    </row>
    <row r="59" spans="1:7" x14ac:dyDescent="0.25">
      <c r="A59" t="s">
        <v>64</v>
      </c>
      <c r="B59">
        <v>211.58599853515599</v>
      </c>
      <c r="C59">
        <v>553.08036635300198</v>
      </c>
      <c r="D59">
        <v>28.637731552123999</v>
      </c>
      <c r="E59">
        <v>4910.4476347565696</v>
      </c>
      <c r="F59">
        <v>57.918441772460902</v>
      </c>
      <c r="G59">
        <v>0.49444928765296903</v>
      </c>
    </row>
    <row r="60" spans="1:7" x14ac:dyDescent="0.25">
      <c r="A60" t="s">
        <v>65</v>
      </c>
      <c r="B60">
        <v>215.18600463867199</v>
      </c>
      <c r="C60">
        <v>562.6214300785</v>
      </c>
      <c r="D60">
        <v>30.653964996337901</v>
      </c>
      <c r="E60">
        <v>5256.1666816472998</v>
      </c>
      <c r="F60">
        <v>58.917579650878899</v>
      </c>
      <c r="G60">
        <v>0.52028554677963301</v>
      </c>
    </row>
    <row r="61" spans="1:7" x14ac:dyDescent="0.25">
      <c r="A61" t="s">
        <v>66</v>
      </c>
      <c r="B61">
        <v>218.78599548339801</v>
      </c>
      <c r="C61">
        <v>572.17648203111605</v>
      </c>
      <c r="D61">
        <v>30.636283874511701</v>
      </c>
      <c r="E61">
        <v>5253.1352266669301</v>
      </c>
      <c r="F61">
        <v>59.918182373046903</v>
      </c>
      <c r="G61">
        <v>0.51130193471908603</v>
      </c>
    </row>
    <row r="62" spans="1:7" x14ac:dyDescent="0.25">
      <c r="A62" t="s">
        <v>67</v>
      </c>
      <c r="B62">
        <v>222.38600158691401</v>
      </c>
      <c r="C62">
        <v>581.71419441053297</v>
      </c>
      <c r="D62">
        <v>30.663570404052699</v>
      </c>
      <c r="E62">
        <v>5257.81372562051</v>
      </c>
      <c r="F62">
        <v>60.916969299316399</v>
      </c>
      <c r="G62">
        <v>0.50336664915084794</v>
      </c>
    </row>
    <row r="63" spans="1:7" x14ac:dyDescent="0.25">
      <c r="A63" t="s">
        <v>68</v>
      </c>
      <c r="B63">
        <v>225.98599243164099</v>
      </c>
      <c r="C63">
        <v>591.26338150750905</v>
      </c>
      <c r="D63">
        <v>34.846546173095703</v>
      </c>
      <c r="E63">
        <v>5975.0592336058598</v>
      </c>
      <c r="F63">
        <v>61.916957855224602</v>
      </c>
      <c r="G63">
        <v>0.56279486417770397</v>
      </c>
    </row>
    <row r="64" spans="1:7" x14ac:dyDescent="0.25">
      <c r="A64" t="s">
        <v>69</v>
      </c>
      <c r="B64">
        <v>229.58599853515599</v>
      </c>
      <c r="C64">
        <v>600.80896226467996</v>
      </c>
      <c r="D64">
        <v>33.769729614257798</v>
      </c>
      <c r="E64">
        <v>5790.42034223676</v>
      </c>
      <c r="F64">
        <v>62.916568756103501</v>
      </c>
      <c r="G64">
        <v>0.53673827648162797</v>
      </c>
    </row>
    <row r="65" spans="1:7" x14ac:dyDescent="0.25">
      <c r="A65" t="s">
        <v>70</v>
      </c>
      <c r="B65">
        <v>233.18600463867199</v>
      </c>
      <c r="C65">
        <v>610.35607298419302</v>
      </c>
      <c r="D65">
        <v>34.528244018554702</v>
      </c>
      <c r="E65">
        <v>5920.4809367656699</v>
      </c>
      <c r="F65">
        <v>63.916339874267599</v>
      </c>
      <c r="G65">
        <v>0.54020994901657104</v>
      </c>
    </row>
    <row r="66" spans="1:7" x14ac:dyDescent="0.25">
      <c r="A66" t="s">
        <v>71</v>
      </c>
      <c r="B66">
        <v>236.78599548339801</v>
      </c>
      <c r="C66">
        <v>619.91152564123195</v>
      </c>
      <c r="D66">
        <v>36.750633239746101</v>
      </c>
      <c r="E66">
        <v>6301.5487976372196</v>
      </c>
      <c r="F66">
        <v>64.916984558105497</v>
      </c>
      <c r="G66">
        <v>0.56611740589141801</v>
      </c>
    </row>
    <row r="67" spans="1:7" x14ac:dyDescent="0.25">
      <c r="A67" t="s">
        <v>72</v>
      </c>
      <c r="B67">
        <v>240.38600158691401</v>
      </c>
      <c r="C67">
        <v>629.44734378155999</v>
      </c>
      <c r="D67">
        <v>37.171867370605497</v>
      </c>
      <c r="E67">
        <v>6373.7770542502403</v>
      </c>
      <c r="F67">
        <v>65.915573120117202</v>
      </c>
      <c r="G67">
        <v>0.563931465148926</v>
      </c>
    </row>
    <row r="68" spans="1:7" x14ac:dyDescent="0.25">
      <c r="A68" t="s">
        <v>73</v>
      </c>
      <c r="B68">
        <v>243.98599243164099</v>
      </c>
      <c r="C68">
        <v>638.99707729365798</v>
      </c>
      <c r="D68">
        <v>38.865234375</v>
      </c>
      <c r="E68">
        <v>6664.1345620155298</v>
      </c>
      <c r="F68">
        <v>66.915618896484403</v>
      </c>
      <c r="G68">
        <v>0.58080959320068404</v>
      </c>
    </row>
    <row r="69" spans="1:7" x14ac:dyDescent="0.25">
      <c r="A69" t="s">
        <v>74</v>
      </c>
      <c r="B69">
        <v>247.58599853515599</v>
      </c>
      <c r="C69">
        <v>648.54892361089298</v>
      </c>
      <c r="D69">
        <v>42.0862846374512</v>
      </c>
      <c r="E69">
        <v>7216.4409793913401</v>
      </c>
      <c r="F69">
        <v>67.915885925292997</v>
      </c>
      <c r="G69">
        <v>0.61968249082565297</v>
      </c>
    </row>
    <row r="70" spans="1:7" x14ac:dyDescent="0.25">
      <c r="A70" t="s">
        <v>75</v>
      </c>
      <c r="B70">
        <v>251.18600463867199</v>
      </c>
      <c r="C70">
        <v>658.09275583967496</v>
      </c>
      <c r="D70">
        <v>42.597820281982401</v>
      </c>
      <c r="E70">
        <v>7304.1529394686204</v>
      </c>
      <c r="F70">
        <v>68.915313720703097</v>
      </c>
      <c r="G70">
        <v>0.61811834573745705</v>
      </c>
    </row>
    <row r="71" spans="1:7" x14ac:dyDescent="0.25">
      <c r="A71" t="s">
        <v>76</v>
      </c>
      <c r="B71">
        <v>254.78500366210901</v>
      </c>
      <c r="C71">
        <v>667.64168794292698</v>
      </c>
      <c r="D71">
        <v>41.265125274658203</v>
      </c>
      <c r="E71">
        <v>7075.6385102868098</v>
      </c>
      <c r="F71">
        <v>69.915275573730497</v>
      </c>
      <c r="G71">
        <v>0.59021615982055697</v>
      </c>
    </row>
    <row r="72" spans="1:7" x14ac:dyDescent="0.25">
      <c r="A72" t="s">
        <v>77</v>
      </c>
      <c r="B72">
        <v>258.385009765625</v>
      </c>
      <c r="C72">
        <v>677.18683156800103</v>
      </c>
      <c r="D72">
        <v>44.912162780761697</v>
      </c>
      <c r="E72">
        <v>7700.9880915284202</v>
      </c>
      <c r="F72">
        <v>70.914840698242202</v>
      </c>
      <c r="G72">
        <v>0.63332527875900302</v>
      </c>
    </row>
    <row r="73" spans="1:7" x14ac:dyDescent="0.25">
      <c r="A73" t="s">
        <v>78</v>
      </c>
      <c r="B73">
        <v>261.98498535156301</v>
      </c>
      <c r="C73">
        <v>686.73008095398598</v>
      </c>
      <c r="D73">
        <v>45.099647521972699</v>
      </c>
      <c r="E73">
        <v>7733.1359498202801</v>
      </c>
      <c r="F73">
        <v>71.914207458496094</v>
      </c>
      <c r="G73">
        <v>0.62713128328323398</v>
      </c>
    </row>
    <row r="74" spans="1:7" x14ac:dyDescent="0.25">
      <c r="A74" t="s">
        <v>79</v>
      </c>
      <c r="B74">
        <v>265.58499145507801</v>
      </c>
      <c r="C74">
        <v>696.27493315766105</v>
      </c>
      <c r="D74">
        <v>44.247707366943402</v>
      </c>
      <c r="E74">
        <v>7587.0556756854103</v>
      </c>
      <c r="F74">
        <v>72.913742065429702</v>
      </c>
      <c r="G74">
        <v>0.60685002803802501</v>
      </c>
    </row>
    <row r="75" spans="1:7" x14ac:dyDescent="0.25">
      <c r="A75" t="s">
        <v>80</v>
      </c>
      <c r="B75">
        <v>269.18499755859398</v>
      </c>
      <c r="C75">
        <v>705.83107794052205</v>
      </c>
      <c r="D75">
        <v>45.841453552246101</v>
      </c>
      <c r="E75">
        <v>7860.33179610968</v>
      </c>
      <c r="F75">
        <v>73.914459228515597</v>
      </c>
      <c r="G75">
        <v>0.62019604444503795</v>
      </c>
    </row>
    <row r="76" spans="1:7" x14ac:dyDescent="0.25">
      <c r="A76" t="s">
        <v>81</v>
      </c>
      <c r="B76">
        <v>272.78500366210898</v>
      </c>
      <c r="C76">
        <v>715.379208634929</v>
      </c>
      <c r="D76">
        <v>48.509029388427699</v>
      </c>
      <c r="E76">
        <v>8317.7350461483002</v>
      </c>
      <c r="F76">
        <v>74.914337158203097</v>
      </c>
      <c r="G76">
        <v>0.64752662181854204</v>
      </c>
    </row>
    <row r="77" spans="1:7" x14ac:dyDescent="0.25">
      <c r="A77" t="s">
        <v>82</v>
      </c>
      <c r="B77">
        <v>276.385009765625</v>
      </c>
      <c r="C77">
        <v>724.92610078839198</v>
      </c>
      <c r="D77">
        <v>48.595706939697301</v>
      </c>
      <c r="E77">
        <v>8332.5970917940103</v>
      </c>
      <c r="F77">
        <v>75.914085388183594</v>
      </c>
      <c r="G77">
        <v>0.64014083147048995</v>
      </c>
    </row>
    <row r="78" spans="1:7" x14ac:dyDescent="0.25">
      <c r="A78" t="s">
        <v>83</v>
      </c>
      <c r="B78">
        <v>279.98498535156301</v>
      </c>
      <c r="C78">
        <v>734.46803877808497</v>
      </c>
      <c r="D78">
        <v>51.063713073730497</v>
      </c>
      <c r="E78">
        <v>8755.7807564735394</v>
      </c>
      <c r="F78">
        <v>76.913314819335895</v>
      </c>
      <c r="G78">
        <v>0.66391253471374501</v>
      </c>
    </row>
    <row r="79" spans="1:7" x14ac:dyDescent="0.25">
      <c r="A79" t="s">
        <v>84</v>
      </c>
      <c r="B79">
        <v>283.58499145507801</v>
      </c>
      <c r="C79">
        <v>744.01041389987495</v>
      </c>
      <c r="D79">
        <v>50.594261169433601</v>
      </c>
      <c r="E79">
        <v>8675.2846837043799</v>
      </c>
      <c r="F79">
        <v>77.912590026855497</v>
      </c>
      <c r="G79">
        <v>0.64937210083007801</v>
      </c>
    </row>
    <row r="80" spans="1:7" x14ac:dyDescent="0.25">
      <c r="A80" t="s">
        <v>85</v>
      </c>
      <c r="B80">
        <v>287.18499755859398</v>
      </c>
      <c r="C80">
        <v>753.56233307245998</v>
      </c>
      <c r="D80">
        <v>51.239692687988303</v>
      </c>
      <c r="E80">
        <v>8785.9556078910791</v>
      </c>
      <c r="F80">
        <v>78.912864685058594</v>
      </c>
      <c r="G80">
        <v>0.64931988716125499</v>
      </c>
    </row>
    <row r="81" spans="1:7" x14ac:dyDescent="0.25">
      <c r="A81" t="s">
        <v>86</v>
      </c>
      <c r="B81">
        <v>290.78500366210898</v>
      </c>
      <c r="C81">
        <v>763.10798668498103</v>
      </c>
      <c r="D81">
        <v>52.359992980957003</v>
      </c>
      <c r="E81">
        <v>8978.0511334538496</v>
      </c>
      <c r="F81">
        <v>79.912483215332003</v>
      </c>
      <c r="G81">
        <v>0.65521669387817405</v>
      </c>
    </row>
    <row r="82" spans="1:7" x14ac:dyDescent="0.25">
      <c r="A82" t="s">
        <v>87</v>
      </c>
      <c r="B82">
        <v>294.385009765625</v>
      </c>
      <c r="C82">
        <v>772.65495169379403</v>
      </c>
      <c r="D82">
        <v>55.443153381347699</v>
      </c>
      <c r="E82">
        <v>9506.7135989666003</v>
      </c>
      <c r="F82">
        <v>80.912239074707003</v>
      </c>
      <c r="G82">
        <v>0.68522578477859497</v>
      </c>
    </row>
    <row r="83" spans="1:7" x14ac:dyDescent="0.25">
      <c r="A83" t="s">
        <v>88</v>
      </c>
      <c r="B83">
        <v>297.98498535156301</v>
      </c>
      <c r="C83">
        <v>782.20257240075398</v>
      </c>
      <c r="D83">
        <v>55.025413513183601</v>
      </c>
      <c r="E83">
        <v>9435.0846484303493</v>
      </c>
      <c r="F83">
        <v>81.912063598632798</v>
      </c>
      <c r="G83">
        <v>0.67176204919815097</v>
      </c>
    </row>
    <row r="84" spans="1:7" x14ac:dyDescent="0.25">
      <c r="A84" t="s">
        <v>89</v>
      </c>
      <c r="B84">
        <v>301.58499145507801</v>
      </c>
      <c r="C84">
        <v>791.75675008917597</v>
      </c>
      <c r="D84">
        <v>55.340755462646499</v>
      </c>
      <c r="E84">
        <v>9489.1553744673693</v>
      </c>
      <c r="F84">
        <v>82.912574768066406</v>
      </c>
      <c r="G84">
        <v>0.66745913028716997</v>
      </c>
    </row>
    <row r="85" spans="1:7" x14ac:dyDescent="0.25">
      <c r="A85" t="s">
        <v>90</v>
      </c>
      <c r="B85">
        <v>305.18499755859398</v>
      </c>
      <c r="C85">
        <v>801.29905235561603</v>
      </c>
      <c r="D85">
        <v>54.062854766845703</v>
      </c>
      <c r="E85">
        <v>9270.0365930795706</v>
      </c>
      <c r="F85">
        <v>83.911842346191406</v>
      </c>
      <c r="G85">
        <v>0.644281566143036</v>
      </c>
    </row>
    <row r="86" spans="1:7" x14ac:dyDescent="0.25">
      <c r="A86" t="s">
        <v>91</v>
      </c>
      <c r="B86">
        <v>308.78500366210898</v>
      </c>
      <c r="C86">
        <v>810.83771185457795</v>
      </c>
      <c r="D86">
        <v>55.712379455566399</v>
      </c>
      <c r="E86">
        <v>9552.8773963451404</v>
      </c>
      <c r="F86">
        <v>84.910728454589801</v>
      </c>
      <c r="G86">
        <v>0.65612888336181596</v>
      </c>
    </row>
    <row r="87" spans="1:7" x14ac:dyDescent="0.25">
      <c r="A87" t="s">
        <v>92</v>
      </c>
      <c r="B87">
        <v>312.385009765625</v>
      </c>
      <c r="C87">
        <v>820.38963102716298</v>
      </c>
      <c r="D87">
        <v>55.856761932372997</v>
      </c>
      <c r="E87">
        <v>9577.6338130235708</v>
      </c>
      <c r="F87">
        <v>85.911003112792997</v>
      </c>
      <c r="G87">
        <v>0.65017008781433105</v>
      </c>
    </row>
    <row r="88" spans="1:7" x14ac:dyDescent="0.25">
      <c r="A88" t="s">
        <v>93</v>
      </c>
      <c r="B88">
        <v>315.98498535156301</v>
      </c>
      <c r="C88">
        <v>829.93375467734199</v>
      </c>
      <c r="D88">
        <v>53.550117492675803</v>
      </c>
      <c r="E88">
        <v>9182.1188107132893</v>
      </c>
      <c r="F88">
        <v>86.910461425781307</v>
      </c>
      <c r="G88">
        <v>0.616152703762054</v>
      </c>
    </row>
    <row r="89" spans="1:7" x14ac:dyDescent="0.25">
      <c r="A89" t="s">
        <v>94</v>
      </c>
      <c r="B89">
        <v>319.58499145507801</v>
      </c>
      <c r="C89">
        <v>839.49055515834903</v>
      </c>
      <c r="D89">
        <v>59.334968566894503</v>
      </c>
      <c r="E89">
        <v>10174.0341633558</v>
      </c>
      <c r="F89">
        <v>87.911247253417997</v>
      </c>
      <c r="G89">
        <v>0.67494171857833896</v>
      </c>
    </row>
    <row r="90" spans="1:7" x14ac:dyDescent="0.25">
      <c r="A90" t="s">
        <v>95</v>
      </c>
      <c r="B90">
        <v>323.18499755859398</v>
      </c>
      <c r="C90">
        <v>849.03752016716305</v>
      </c>
      <c r="D90">
        <v>54.194179534912102</v>
      </c>
      <c r="E90">
        <v>9292.5550416111892</v>
      </c>
      <c r="F90">
        <v>88.911003112792997</v>
      </c>
      <c r="G90">
        <v>0.60953289270401001</v>
      </c>
    </row>
    <row r="91" spans="1:7" x14ac:dyDescent="0.25">
      <c r="A91" t="s">
        <v>96</v>
      </c>
      <c r="B91">
        <v>326.78500366210898</v>
      </c>
      <c r="C91">
        <v>858.57960386755406</v>
      </c>
      <c r="D91">
        <v>53.184970855712898</v>
      </c>
      <c r="E91">
        <v>9119.50785666704</v>
      </c>
      <c r="F91">
        <v>89.910247802734403</v>
      </c>
      <c r="G91">
        <v>0.59153401851654097</v>
      </c>
    </row>
    <row r="92" spans="1:7" x14ac:dyDescent="0.25">
      <c r="A92" t="s">
        <v>97</v>
      </c>
      <c r="B92">
        <v>330.385009765625</v>
      </c>
      <c r="C92">
        <v>868.12729742986403</v>
      </c>
      <c r="D92">
        <v>58.925601959228501</v>
      </c>
      <c r="E92">
        <v>10103.841312229601</v>
      </c>
      <c r="F92">
        <v>90.910079956054702</v>
      </c>
      <c r="G92">
        <v>0.64817458391189597</v>
      </c>
    </row>
    <row r="93" spans="1:7" x14ac:dyDescent="0.25">
      <c r="A93" t="s">
        <v>98</v>
      </c>
      <c r="B93">
        <v>333.98498535156301</v>
      </c>
      <c r="C93">
        <v>877.67528241357104</v>
      </c>
      <c r="D93">
        <v>56.7582397460938</v>
      </c>
      <c r="E93">
        <v>9732.2082147002202</v>
      </c>
      <c r="F93">
        <v>91.909942626953097</v>
      </c>
      <c r="G93">
        <v>0.61754190921783403</v>
      </c>
    </row>
    <row r="94" spans="1:7" x14ac:dyDescent="0.25">
      <c r="A94" t="s">
        <v>99</v>
      </c>
      <c r="B94">
        <v>337.58499145507801</v>
      </c>
      <c r="C94">
        <v>887.22334025262796</v>
      </c>
      <c r="D94">
        <v>57.037746429443402</v>
      </c>
      <c r="E94">
        <v>9780.1350057125092</v>
      </c>
      <c r="F94">
        <v>92.909812927246094</v>
      </c>
      <c r="G94">
        <v>0.61390441656112704</v>
      </c>
    </row>
    <row r="95" spans="1:7" x14ac:dyDescent="0.25">
      <c r="A95" t="s">
        <v>100</v>
      </c>
      <c r="B95">
        <v>341.18499755859398</v>
      </c>
      <c r="C95">
        <v>896.76046978924899</v>
      </c>
      <c r="D95">
        <v>60.949642181396499</v>
      </c>
      <c r="E95">
        <v>10450.8986696601</v>
      </c>
      <c r="F95">
        <v>93.908538818359403</v>
      </c>
      <c r="G95">
        <v>0.64903193712234497</v>
      </c>
    </row>
    <row r="96" spans="1:7" x14ac:dyDescent="0.25">
      <c r="A96" t="s">
        <v>101</v>
      </c>
      <c r="B96">
        <v>344.78500366210898</v>
      </c>
      <c r="C96">
        <v>906.31727027025499</v>
      </c>
      <c r="D96">
        <v>57.243080139160199</v>
      </c>
      <c r="E96">
        <v>9815.3427243232709</v>
      </c>
      <c r="F96">
        <v>94.909324645996094</v>
      </c>
      <c r="G96">
        <v>0.60313439369201705</v>
      </c>
    </row>
    <row r="97" spans="1:7" x14ac:dyDescent="0.25">
      <c r="A97" t="s">
        <v>102</v>
      </c>
      <c r="B97">
        <v>348.385009765625</v>
      </c>
      <c r="C97">
        <v>915.86234103998004</v>
      </c>
      <c r="D97">
        <v>57.438224792480497</v>
      </c>
      <c r="E97">
        <v>9848.8042131066304</v>
      </c>
      <c r="F97">
        <v>95.908882141113295</v>
      </c>
      <c r="G97">
        <v>0.59888327121734597</v>
      </c>
    </row>
    <row r="98" spans="1:7" x14ac:dyDescent="0.25">
      <c r="A98" t="s">
        <v>103</v>
      </c>
      <c r="B98">
        <v>351.98498535156301</v>
      </c>
      <c r="C98">
        <v>925.40937890414295</v>
      </c>
      <c r="D98">
        <v>62.239517211914098</v>
      </c>
      <c r="E98">
        <v>10672.071017324901</v>
      </c>
      <c r="F98">
        <v>96.908645629882798</v>
      </c>
      <c r="G98">
        <v>0.64224940538406405</v>
      </c>
    </row>
    <row r="99" spans="1:7" x14ac:dyDescent="0.25">
      <c r="A99" t="s">
        <v>104</v>
      </c>
      <c r="B99">
        <v>355.58499145507801</v>
      </c>
      <c r="C99">
        <v>934.95313827757502</v>
      </c>
      <c r="D99">
        <v>62.172554016113303</v>
      </c>
      <c r="E99">
        <v>10660.588741302499</v>
      </c>
      <c r="F99">
        <v>97.908065795898395</v>
      </c>
      <c r="G99">
        <v>0.63500952720642101</v>
      </c>
    </row>
    <row r="100" spans="1:7" x14ac:dyDescent="0.25">
      <c r="A100" t="s">
        <v>105</v>
      </c>
      <c r="B100">
        <v>359.18499755859398</v>
      </c>
      <c r="C100">
        <v>944.504401752013</v>
      </c>
      <c r="D100">
        <v>60.23046875</v>
      </c>
      <c r="E100">
        <v>10327.5841102004</v>
      </c>
      <c r="F100">
        <v>98.908271789550795</v>
      </c>
      <c r="G100">
        <v>0.60895282030105602</v>
      </c>
    </row>
    <row r="101" spans="1:7" x14ac:dyDescent="0.25">
      <c r="A101" t="s">
        <v>106</v>
      </c>
      <c r="B101">
        <v>362.78500366210898</v>
      </c>
      <c r="C101">
        <v>954.057632320891</v>
      </c>
      <c r="D101">
        <v>61.804466247558601</v>
      </c>
      <c r="E101">
        <v>10597.473941743399</v>
      </c>
      <c r="F101">
        <v>99.908683776855497</v>
      </c>
      <c r="G101">
        <v>0.61860954761505105</v>
      </c>
    </row>
    <row r="102" spans="1:7" x14ac:dyDescent="0.25">
      <c r="A102" t="s">
        <v>107</v>
      </c>
      <c r="B102">
        <v>363.83499145507801</v>
      </c>
      <c r="C102">
        <v>954.94136771128206</v>
      </c>
      <c r="D102">
        <v>66.358016967773395</v>
      </c>
      <c r="E102">
        <v>11378.261260688299</v>
      </c>
      <c r="F102">
        <v>100.00122833252</v>
      </c>
      <c r="G102">
        <v>0.66357201337814298</v>
      </c>
    </row>
    <row r="103" spans="1:7" x14ac:dyDescent="0.25">
      <c r="A103" t="s">
        <v>108</v>
      </c>
      <c r="B103">
        <v>364.82501220703102</v>
      </c>
      <c r="C103">
        <v>954.942096264778</v>
      </c>
      <c r="D103">
        <v>63.993186950683601</v>
      </c>
      <c r="E103">
        <v>10972.768999636201</v>
      </c>
      <c r="F103">
        <v>100.001304626465</v>
      </c>
      <c r="G103">
        <v>0.63992351293563798</v>
      </c>
    </row>
    <row r="104" spans="1:7" x14ac:dyDescent="0.25">
      <c r="A104" t="s">
        <v>109</v>
      </c>
      <c r="B104">
        <v>365.82501220703102</v>
      </c>
      <c r="C104">
        <v>954.94238768617595</v>
      </c>
      <c r="D104">
        <v>61.103427886962898</v>
      </c>
      <c r="E104">
        <v>10477.2681370378</v>
      </c>
      <c r="F104">
        <v>100.001335144043</v>
      </c>
      <c r="G104">
        <v>0.61102610826492298</v>
      </c>
    </row>
    <row r="105" spans="1:7" x14ac:dyDescent="0.25">
      <c r="A105" t="s">
        <v>110</v>
      </c>
      <c r="B105">
        <v>366.82501220703102</v>
      </c>
      <c r="C105">
        <v>954.93699639030694</v>
      </c>
      <c r="D105">
        <v>62.030548095703097</v>
      </c>
      <c r="E105">
        <v>10636.239312589199</v>
      </c>
      <c r="F105">
        <v>100.000770568848</v>
      </c>
      <c r="G105">
        <v>0.62030071020126298</v>
      </c>
    </row>
    <row r="106" spans="1:7" x14ac:dyDescent="0.25">
      <c r="A106" t="s">
        <v>111</v>
      </c>
      <c r="B106">
        <v>367.82501220703102</v>
      </c>
      <c r="C106">
        <v>954.92665093066705</v>
      </c>
      <c r="D106">
        <v>61.076000213622997</v>
      </c>
      <c r="E106">
        <v>10472.5649580359</v>
      </c>
      <c r="F106">
        <v>99.999687194824205</v>
      </c>
      <c r="G106">
        <v>0.61076194047927901</v>
      </c>
    </row>
    <row r="107" spans="1:7" x14ac:dyDescent="0.25">
      <c r="A107" t="s">
        <v>112</v>
      </c>
      <c r="B107">
        <v>368.82501220703102</v>
      </c>
      <c r="C107">
        <v>954.936704968909</v>
      </c>
      <c r="D107">
        <v>64.109062194824205</v>
      </c>
      <c r="E107">
        <v>10992.6369041204</v>
      </c>
      <c r="F107">
        <v>100.00074005127</v>
      </c>
      <c r="G107">
        <v>0.64108586311340299</v>
      </c>
    </row>
    <row r="108" spans="1:7" x14ac:dyDescent="0.25">
      <c r="A108" t="s">
        <v>113</v>
      </c>
      <c r="B108">
        <v>369.82501220703102</v>
      </c>
      <c r="C108">
        <v>954.933280767479</v>
      </c>
      <c r="D108">
        <v>60.904945373535199</v>
      </c>
      <c r="E108">
        <v>10443.234816193601</v>
      </c>
      <c r="F108">
        <v>100.000381469727</v>
      </c>
      <c r="G108">
        <v>0.60904711484909102</v>
      </c>
    </row>
    <row r="109" spans="1:7" x14ac:dyDescent="0.25">
      <c r="A109" t="s">
        <v>114</v>
      </c>
      <c r="B109">
        <v>370.82501220703102</v>
      </c>
      <c r="C109">
        <v>954.9469775732</v>
      </c>
      <c r="D109">
        <v>63.043491363525398</v>
      </c>
      <c r="E109">
        <v>10809.9263161421</v>
      </c>
      <c r="F109">
        <v>100.001815795898</v>
      </c>
      <c r="G109">
        <v>0.63042348623275801</v>
      </c>
    </row>
    <row r="110" spans="1:7" x14ac:dyDescent="0.25">
      <c r="A110" t="s">
        <v>115</v>
      </c>
      <c r="B110">
        <v>371.82501220703102</v>
      </c>
      <c r="C110">
        <v>954.92023965990404</v>
      </c>
      <c r="D110">
        <v>62.692550659179702</v>
      </c>
      <c r="E110">
        <v>10749.751701951</v>
      </c>
      <c r="F110">
        <v>99.999015808105497</v>
      </c>
      <c r="G110">
        <v>0.62693166732788097</v>
      </c>
    </row>
    <row r="111" spans="1:7" x14ac:dyDescent="0.25">
      <c r="A111" t="s">
        <v>116</v>
      </c>
      <c r="B111">
        <v>372.82501220703102</v>
      </c>
      <c r="C111">
        <v>954.94071201313602</v>
      </c>
      <c r="D111">
        <v>65.422439575195298</v>
      </c>
      <c r="E111">
        <v>11217.8400158882</v>
      </c>
      <c r="F111">
        <v>100.00115966796901</v>
      </c>
      <c r="G111">
        <v>0.65421682596206698</v>
      </c>
    </row>
    <row r="112" spans="1:7" x14ac:dyDescent="0.25">
      <c r="A112" t="s">
        <v>117</v>
      </c>
      <c r="B112">
        <v>373.82501220703102</v>
      </c>
      <c r="C112">
        <v>954.93495644051904</v>
      </c>
      <c r="D112">
        <v>57.076366424560497</v>
      </c>
      <c r="E112">
        <v>9786.7567092180307</v>
      </c>
      <c r="F112">
        <v>100.00055694580099</v>
      </c>
      <c r="G112">
        <v>0.57076048851013195</v>
      </c>
    </row>
    <row r="113" spans="1:7" x14ac:dyDescent="0.25">
      <c r="A113" t="s">
        <v>118</v>
      </c>
      <c r="B113">
        <v>374.82501220703102</v>
      </c>
      <c r="C113">
        <v>954.92453812552901</v>
      </c>
      <c r="D113">
        <v>66.484611511230497</v>
      </c>
      <c r="E113">
        <v>11399.967595934901</v>
      </c>
      <c r="F113">
        <v>99.999465942382798</v>
      </c>
      <c r="G113">
        <v>0.66484963893890403</v>
      </c>
    </row>
    <row r="114" spans="1:7" x14ac:dyDescent="0.25">
      <c r="A114" t="s">
        <v>119</v>
      </c>
      <c r="B114">
        <v>375.82501220703102</v>
      </c>
      <c r="C114">
        <v>954.92869088045495</v>
      </c>
      <c r="D114">
        <v>62.844348907470703</v>
      </c>
      <c r="E114">
        <v>10775.7803052664</v>
      </c>
      <c r="F114">
        <v>99.999900817871094</v>
      </c>
      <c r="G114">
        <v>0.62844413518905595</v>
      </c>
    </row>
    <row r="115" spans="1:7" x14ac:dyDescent="0.25">
      <c r="A115" t="s">
        <v>120</v>
      </c>
      <c r="B115">
        <v>376.82501220703102</v>
      </c>
      <c r="C115">
        <v>954.93940061684395</v>
      </c>
      <c r="D115">
        <v>66.871040344238295</v>
      </c>
      <c r="E115">
        <v>11466.227471828501</v>
      </c>
      <c r="F115">
        <v>100.001022338867</v>
      </c>
      <c r="G115">
        <v>0.66870355606079102</v>
      </c>
    </row>
    <row r="116" spans="1:7" x14ac:dyDescent="0.25">
      <c r="A116" t="s">
        <v>121</v>
      </c>
      <c r="B116">
        <v>377.82501220703102</v>
      </c>
      <c r="C116">
        <v>954.92125963479805</v>
      </c>
      <c r="D116">
        <v>59.182037353515597</v>
      </c>
      <c r="E116">
        <v>10147.811844944999</v>
      </c>
      <c r="F116">
        <v>99.999122619628906</v>
      </c>
      <c r="G116">
        <v>0.59182554483413696</v>
      </c>
    </row>
    <row r="117" spans="1:7" x14ac:dyDescent="0.25">
      <c r="A117" t="s">
        <v>122</v>
      </c>
      <c r="B117">
        <v>378.82501220703102</v>
      </c>
      <c r="C117">
        <v>954.92847231440703</v>
      </c>
      <c r="D117">
        <v>63.567173004150398</v>
      </c>
      <c r="E117">
        <v>10899.720713496199</v>
      </c>
      <c r="F117">
        <v>99.9998779296875</v>
      </c>
      <c r="G117">
        <v>0.63567250967025801</v>
      </c>
    </row>
    <row r="118" spans="1:7" x14ac:dyDescent="0.25">
      <c r="A118" t="s">
        <v>123</v>
      </c>
      <c r="B118">
        <v>379.82501220703102</v>
      </c>
      <c r="C118">
        <v>954.93335362282801</v>
      </c>
      <c r="D118">
        <v>67.670646667480497</v>
      </c>
      <c r="E118">
        <v>11603.3349186182</v>
      </c>
      <c r="F118">
        <v>100.00038909912099</v>
      </c>
      <c r="G118">
        <v>0.67670381069183405</v>
      </c>
    </row>
    <row r="119" spans="1:7" x14ac:dyDescent="0.25">
      <c r="A119" t="s">
        <v>124</v>
      </c>
      <c r="B119">
        <v>380.82501220703102</v>
      </c>
      <c r="C119">
        <v>954.95360741001105</v>
      </c>
      <c r="D119">
        <v>60.694931030273402</v>
      </c>
      <c r="E119">
        <v>10407.2242975235</v>
      </c>
      <c r="F119">
        <v>100.00251007080099</v>
      </c>
      <c r="G119">
        <v>0.60693407058715798</v>
      </c>
    </row>
    <row r="120" spans="1:7" x14ac:dyDescent="0.25">
      <c r="A120" t="s">
        <v>125</v>
      </c>
      <c r="B120">
        <v>381.82501220703102</v>
      </c>
      <c r="C120">
        <v>954.93852635264898</v>
      </c>
      <c r="D120">
        <v>57.891880035400398</v>
      </c>
      <c r="E120">
        <v>9926.5910685062408</v>
      </c>
      <c r="F120">
        <v>100.000930786133</v>
      </c>
      <c r="G120">
        <v>0.57891339063644398</v>
      </c>
    </row>
    <row r="121" spans="1:7" x14ac:dyDescent="0.25">
      <c r="A121" t="s">
        <v>126</v>
      </c>
      <c r="B121">
        <v>382.82501220703102</v>
      </c>
      <c r="C121">
        <v>954.94020202568902</v>
      </c>
      <c r="D121">
        <v>60.307781219482401</v>
      </c>
      <c r="E121">
        <v>10340.8405557275</v>
      </c>
      <c r="F121">
        <v>100.001106262207</v>
      </c>
      <c r="G121">
        <v>0.60307115316391002</v>
      </c>
    </row>
    <row r="122" spans="1:7" x14ac:dyDescent="0.25">
      <c r="A122" t="s">
        <v>127</v>
      </c>
      <c r="B122">
        <v>383.82501220703102</v>
      </c>
      <c r="C122">
        <v>954.94216912012701</v>
      </c>
      <c r="D122">
        <v>63.518314361572301</v>
      </c>
      <c r="E122">
        <v>10891.3434669375</v>
      </c>
      <c r="F122">
        <v>100.00131225585901</v>
      </c>
      <c r="G122">
        <v>0.63517481088638295</v>
      </c>
    </row>
    <row r="123" spans="1:7" x14ac:dyDescent="0.25">
      <c r="A123" t="s">
        <v>128</v>
      </c>
      <c r="B123">
        <v>384.82501220703102</v>
      </c>
      <c r="C123">
        <v>954.93255221398294</v>
      </c>
      <c r="D123">
        <v>60.788440704345703</v>
      </c>
      <c r="E123">
        <v>10423.2579469681</v>
      </c>
      <c r="F123">
        <v>100.00030517578099</v>
      </c>
      <c r="G123">
        <v>0.60788255929946899</v>
      </c>
    </row>
    <row r="124" spans="1:7" x14ac:dyDescent="0.25">
      <c r="A124" t="s">
        <v>129</v>
      </c>
      <c r="B124">
        <v>385.82501220703102</v>
      </c>
      <c r="C124">
        <v>954.93138652839002</v>
      </c>
      <c r="D124">
        <v>61.749595642089801</v>
      </c>
      <c r="E124">
        <v>10588.064789771999</v>
      </c>
      <c r="F124">
        <v>100.00018310546901</v>
      </c>
      <c r="G124">
        <v>0.61749482154846203</v>
      </c>
    </row>
    <row r="125" spans="1:7" x14ac:dyDescent="0.25">
      <c r="A125" t="s">
        <v>130</v>
      </c>
      <c r="B125">
        <v>386.82501220703102</v>
      </c>
      <c r="C125">
        <v>954.94136771128206</v>
      </c>
      <c r="D125">
        <v>63.496242523193402</v>
      </c>
      <c r="E125">
        <v>10887.558571994299</v>
      </c>
      <c r="F125">
        <v>100.00122833252</v>
      </c>
      <c r="G125">
        <v>0.63495463132858299</v>
      </c>
    </row>
    <row r="126" spans="1:7" x14ac:dyDescent="0.25">
      <c r="A126" t="s">
        <v>131</v>
      </c>
      <c r="B126">
        <v>387.82501220703102</v>
      </c>
      <c r="C126">
        <v>954.937652088454</v>
      </c>
      <c r="D126">
        <v>60.098018646240199</v>
      </c>
      <c r="E126">
        <v>10304.872877895799</v>
      </c>
      <c r="F126">
        <v>100.000839233398</v>
      </c>
      <c r="G126">
        <v>0.60097515583038297</v>
      </c>
    </row>
    <row r="127" spans="1:7" x14ac:dyDescent="0.25">
      <c r="A127" t="s">
        <v>132</v>
      </c>
      <c r="B127">
        <v>388.82501220703102</v>
      </c>
      <c r="C127">
        <v>954.92847231440703</v>
      </c>
      <c r="D127">
        <v>63.2029418945313</v>
      </c>
      <c r="E127">
        <v>10837.2671529651</v>
      </c>
      <c r="F127">
        <v>99.9998779296875</v>
      </c>
      <c r="G127">
        <v>0.632030189037323</v>
      </c>
    </row>
    <row r="128" spans="1:7" x14ac:dyDescent="0.25">
      <c r="A128" t="s">
        <v>133</v>
      </c>
      <c r="B128">
        <v>389.82501220703102</v>
      </c>
      <c r="C128">
        <v>954.92563095577304</v>
      </c>
      <c r="D128">
        <v>65.876762390136705</v>
      </c>
      <c r="E128">
        <v>11295.7414239645</v>
      </c>
      <c r="F128">
        <v>99.999580383300795</v>
      </c>
      <c r="G128">
        <v>0.65877038240432695</v>
      </c>
    </row>
    <row r="129" spans="1:7" x14ac:dyDescent="0.25">
      <c r="A129" t="s">
        <v>134</v>
      </c>
      <c r="B129">
        <v>390.82501220703102</v>
      </c>
      <c r="C129">
        <v>954.93116796234096</v>
      </c>
      <c r="D129">
        <v>65.071449279785199</v>
      </c>
      <c r="E129">
        <v>11157.6560884714</v>
      </c>
      <c r="F129">
        <v>100.000160217285</v>
      </c>
      <c r="G129">
        <v>0.65071344375610396</v>
      </c>
    </row>
    <row r="130" spans="1:7" x14ac:dyDescent="0.25">
      <c r="A130" t="s">
        <v>135</v>
      </c>
      <c r="B130">
        <v>391.82501220703102</v>
      </c>
      <c r="C130">
        <v>954.92410099343203</v>
      </c>
      <c r="D130">
        <v>61.916286468505902</v>
      </c>
      <c r="E130">
        <v>10616.647079586999</v>
      </c>
      <c r="F130">
        <v>99.999420166015597</v>
      </c>
      <c r="G130">
        <v>0.61916643381118797</v>
      </c>
    </row>
    <row r="131" spans="1:7" x14ac:dyDescent="0.25">
      <c r="A131" t="s">
        <v>136</v>
      </c>
      <c r="B131">
        <v>392.82501220703102</v>
      </c>
      <c r="C131">
        <v>954.92067679200204</v>
      </c>
      <c r="D131">
        <v>61.039707183837898</v>
      </c>
      <c r="E131">
        <v>10466.3418605924</v>
      </c>
      <c r="F131">
        <v>99.999061584472699</v>
      </c>
      <c r="G131">
        <v>0.61040282249450695</v>
      </c>
    </row>
    <row r="132" spans="1:7" x14ac:dyDescent="0.25">
      <c r="A132" t="s">
        <v>137</v>
      </c>
      <c r="B132">
        <v>396.50500488281301</v>
      </c>
      <c r="C132">
        <v>946.10466950551302</v>
      </c>
      <c r="D132">
        <v>66.042747497558594</v>
      </c>
      <c r="E132">
        <v>11324.2017105222</v>
      </c>
      <c r="F132">
        <v>99.075851440429702</v>
      </c>
      <c r="G132">
        <v>0.66658771038055398</v>
      </c>
    </row>
    <row r="133" spans="1:7" x14ac:dyDescent="0.25">
      <c r="A133" t="s">
        <v>138</v>
      </c>
      <c r="B133">
        <v>400.10501098632801</v>
      </c>
      <c r="C133">
        <v>936.55799591809796</v>
      </c>
      <c r="D133">
        <v>60.868919372558601</v>
      </c>
      <c r="E133">
        <v>10437.0573535562</v>
      </c>
      <c r="F133">
        <v>98.076126098632798</v>
      </c>
      <c r="G133">
        <v>0.62062931060791005</v>
      </c>
    </row>
    <row r="134" spans="1:7" x14ac:dyDescent="0.25">
      <c r="A134" t="s">
        <v>139</v>
      </c>
      <c r="B134">
        <v>403.71499633789102</v>
      </c>
      <c r="C134">
        <v>926.99551271982398</v>
      </c>
      <c r="D134">
        <v>61.673915863037102</v>
      </c>
      <c r="E134">
        <v>10575.0886723399</v>
      </c>
      <c r="F134">
        <v>97.074745178222699</v>
      </c>
      <c r="G134">
        <v>0.63532400131225597</v>
      </c>
    </row>
    <row r="135" spans="1:7" x14ac:dyDescent="0.25">
      <c r="A135" t="s">
        <v>140</v>
      </c>
      <c r="B135">
        <v>407.31500244140602</v>
      </c>
      <c r="C135">
        <v>917.42727394893302</v>
      </c>
      <c r="D135">
        <v>57.537544250488303</v>
      </c>
      <c r="E135">
        <v>9865.8343777060509</v>
      </c>
      <c r="F135">
        <v>96.072761535644503</v>
      </c>
      <c r="G135">
        <v>0.59889549016952504</v>
      </c>
    </row>
    <row r="136" spans="1:7" x14ac:dyDescent="0.25">
      <c r="A136" t="s">
        <v>141</v>
      </c>
      <c r="B136">
        <v>410.90499877929699</v>
      </c>
      <c r="C136">
        <v>907.90478833757902</v>
      </c>
      <c r="D136">
        <v>57.6505317687988</v>
      </c>
      <c r="E136">
        <v>9885.2077499032002</v>
      </c>
      <c r="F136">
        <v>95.075569152832003</v>
      </c>
      <c r="G136">
        <v>0.60636538267135598</v>
      </c>
    </row>
    <row r="137" spans="1:7" x14ac:dyDescent="0.25">
      <c r="A137" t="s">
        <v>142</v>
      </c>
      <c r="B137">
        <v>414.50500488281301</v>
      </c>
      <c r="C137">
        <v>898.36897019725097</v>
      </c>
      <c r="D137">
        <v>57.756786346435497</v>
      </c>
      <c r="E137">
        <v>9903.4272134303992</v>
      </c>
      <c r="F137">
        <v>94.076980590820298</v>
      </c>
      <c r="G137">
        <v>0.61393111944198597</v>
      </c>
    </row>
    <row r="138" spans="1:7" x14ac:dyDescent="0.25">
      <c r="A138" t="s">
        <v>143</v>
      </c>
      <c r="B138">
        <v>418.10501098632801</v>
      </c>
      <c r="C138">
        <v>888.80845409341498</v>
      </c>
      <c r="D138">
        <v>54.774421691894503</v>
      </c>
      <c r="E138">
        <v>9392.0473009347897</v>
      </c>
      <c r="F138">
        <v>93.0758056640625</v>
      </c>
      <c r="G138">
        <v>0.588492572307587</v>
      </c>
    </row>
    <row r="139" spans="1:7" x14ac:dyDescent="0.25">
      <c r="A139" t="s">
        <v>144</v>
      </c>
      <c r="B139">
        <v>421.71499633789102</v>
      </c>
      <c r="C139">
        <v>879.22921416473901</v>
      </c>
      <c r="D139">
        <v>53.744503021240199</v>
      </c>
      <c r="E139">
        <v>9215.4499143362009</v>
      </c>
      <c r="F139">
        <v>92.072669982910199</v>
      </c>
      <c r="G139">
        <v>0.58371829986572299</v>
      </c>
    </row>
    <row r="140" spans="1:7" x14ac:dyDescent="0.25">
      <c r="A140" t="s">
        <v>145</v>
      </c>
      <c r="B140">
        <v>425.31500244140602</v>
      </c>
      <c r="C140">
        <v>869.690627521127</v>
      </c>
      <c r="D140">
        <v>54.005001068115199</v>
      </c>
      <c r="E140">
        <v>9260.1170763373393</v>
      </c>
      <c r="F140">
        <v>91.073791503906307</v>
      </c>
      <c r="G140">
        <v>0.59298068284988403</v>
      </c>
    </row>
    <row r="141" spans="1:7" x14ac:dyDescent="0.25">
      <c r="A141" t="s">
        <v>146</v>
      </c>
      <c r="B141">
        <v>428.90499877929699</v>
      </c>
      <c r="C141">
        <v>860.16806905442195</v>
      </c>
      <c r="D141">
        <v>53.906398773193402</v>
      </c>
      <c r="E141">
        <v>9243.2098463177699</v>
      </c>
      <c r="F141">
        <v>90.076591491699205</v>
      </c>
      <c r="G141">
        <v>0.59845072031021096</v>
      </c>
    </row>
    <row r="142" spans="1:7" x14ac:dyDescent="0.25">
      <c r="A142" t="s">
        <v>147</v>
      </c>
      <c r="B142">
        <v>432.50500488281301</v>
      </c>
      <c r="C142">
        <v>850.63960930440203</v>
      </c>
      <c r="D142">
        <v>52.290172576904297</v>
      </c>
      <c r="E142">
        <v>8966.0789817571604</v>
      </c>
      <c r="F142">
        <v>89.078773498535199</v>
      </c>
      <c r="G142">
        <v>0.58701044321060203</v>
      </c>
    </row>
    <row r="143" spans="1:7" x14ac:dyDescent="0.25">
      <c r="A143" t="s">
        <v>148</v>
      </c>
      <c r="B143">
        <v>436.10501098632801</v>
      </c>
      <c r="C143">
        <v>841.08441164108604</v>
      </c>
      <c r="D143">
        <v>53.6583862304688</v>
      </c>
      <c r="E143">
        <v>9200.6837949156798</v>
      </c>
      <c r="F143">
        <v>88.078155517578097</v>
      </c>
      <c r="G143">
        <v>0.60921335220336903</v>
      </c>
    </row>
    <row r="144" spans="1:7" x14ac:dyDescent="0.25">
      <c r="A144" t="s">
        <v>149</v>
      </c>
      <c r="B144">
        <v>439.71499633789102</v>
      </c>
      <c r="C144">
        <v>831.51835853068303</v>
      </c>
      <c r="D144">
        <v>52.470417022705099</v>
      </c>
      <c r="E144">
        <v>8996.9849213957805</v>
      </c>
      <c r="F144">
        <v>87.076400756835895</v>
      </c>
      <c r="G144">
        <v>0.60257905721664395</v>
      </c>
    </row>
    <row r="145" spans="1:7" x14ac:dyDescent="0.25">
      <c r="A145" t="s">
        <v>150</v>
      </c>
      <c r="B145">
        <v>443.30499267578102</v>
      </c>
      <c r="C145">
        <v>821.98851452901999</v>
      </c>
      <c r="D145">
        <v>48.566501617431598</v>
      </c>
      <c r="E145">
        <v>8327.5893703103102</v>
      </c>
      <c r="F145">
        <v>86.078437805175795</v>
      </c>
      <c r="G145">
        <v>0.56421214342117298</v>
      </c>
    </row>
    <row r="146" spans="1:7" x14ac:dyDescent="0.25">
      <c r="A146" t="s">
        <v>151</v>
      </c>
      <c r="B146">
        <v>446.90499877929699</v>
      </c>
      <c r="C146">
        <v>812.43958242576798</v>
      </c>
      <c r="D146">
        <v>50.492603302002003</v>
      </c>
      <c r="E146">
        <v>8657.8540503978693</v>
      </c>
      <c r="F146">
        <v>85.078475952148395</v>
      </c>
      <c r="G146">
        <v>0.59348267316818204</v>
      </c>
    </row>
    <row r="147" spans="1:7" x14ac:dyDescent="0.25">
      <c r="A147" t="s">
        <v>152</v>
      </c>
      <c r="B147">
        <v>450.50500488281301</v>
      </c>
      <c r="C147">
        <v>802.89961153051399</v>
      </c>
      <c r="D147">
        <v>47.540294647216797</v>
      </c>
      <c r="E147">
        <v>8151.6280770301801</v>
      </c>
      <c r="F147">
        <v>84.079452514648395</v>
      </c>
      <c r="G147">
        <v>0.56542110443115201</v>
      </c>
    </row>
    <row r="148" spans="1:7" x14ac:dyDescent="0.25">
      <c r="A148" t="s">
        <v>153</v>
      </c>
      <c r="B148">
        <v>454.114013671875</v>
      </c>
      <c r="C148">
        <v>793.32816712424199</v>
      </c>
      <c r="D148">
        <v>46.275482177734403</v>
      </c>
      <c r="E148">
        <v>7934.7537830472002</v>
      </c>
      <c r="F148">
        <v>83.077133178710895</v>
      </c>
      <c r="G148">
        <v>0.55701828002929699</v>
      </c>
    </row>
    <row r="149" spans="1:7" x14ac:dyDescent="0.25">
      <c r="A149" t="s">
        <v>154</v>
      </c>
      <c r="B149">
        <v>457.71398925781301</v>
      </c>
      <c r="C149">
        <v>783.770492379041</v>
      </c>
      <c r="D149">
        <v>46.819648742675803</v>
      </c>
      <c r="E149">
        <v>8028.0601978302002</v>
      </c>
      <c r="F149">
        <v>82.076255798339801</v>
      </c>
      <c r="G149">
        <v>0.57044082880020097</v>
      </c>
    </row>
    <row r="150" spans="1:7" x14ac:dyDescent="0.25">
      <c r="A150" t="s">
        <v>155</v>
      </c>
      <c r="B150">
        <v>461.31399536132801</v>
      </c>
      <c r="C150">
        <v>774.22338165952794</v>
      </c>
      <c r="D150">
        <v>44.713737487792997</v>
      </c>
      <c r="E150">
        <v>7666.9645495712803</v>
      </c>
      <c r="F150">
        <v>81.076484680175795</v>
      </c>
      <c r="G150">
        <v>0.55150067806243896</v>
      </c>
    </row>
    <row r="151" spans="1:7" x14ac:dyDescent="0.25">
      <c r="A151" t="s">
        <v>156</v>
      </c>
      <c r="B151">
        <v>464.91400146484398</v>
      </c>
      <c r="C151">
        <v>764.68231793403004</v>
      </c>
      <c r="D151">
        <v>46.491645812988303</v>
      </c>
      <c r="E151">
        <v>7971.8185588717497</v>
      </c>
      <c r="F151">
        <v>80.077346801757798</v>
      </c>
      <c r="G151">
        <v>0.58058422803878795</v>
      </c>
    </row>
    <row r="152" spans="1:7" x14ac:dyDescent="0.25">
      <c r="A152" t="s">
        <v>157</v>
      </c>
      <c r="B152">
        <v>468.51400756835898</v>
      </c>
      <c r="C152">
        <v>755.13717430895599</v>
      </c>
      <c r="D152">
        <v>45.820724487304702</v>
      </c>
      <c r="E152">
        <v>7856.77693784237</v>
      </c>
      <c r="F152">
        <v>79.077781677246094</v>
      </c>
      <c r="G152">
        <v>0.57943868637085005</v>
      </c>
    </row>
    <row r="153" spans="1:7" x14ac:dyDescent="0.25">
      <c r="A153" t="s">
        <v>158</v>
      </c>
      <c r="B153">
        <v>472.114013671875</v>
      </c>
      <c r="C153">
        <v>745.58969931269598</v>
      </c>
      <c r="D153">
        <v>46.655338287353501</v>
      </c>
      <c r="E153">
        <v>7999.8867586255101</v>
      </c>
      <c r="F153">
        <v>78.077972412109403</v>
      </c>
      <c r="G153">
        <v>0.597548007965088</v>
      </c>
    </row>
    <row r="154" spans="1:7" x14ac:dyDescent="0.25">
      <c r="A154" t="s">
        <v>159</v>
      </c>
      <c r="B154">
        <v>475.71398925781301</v>
      </c>
      <c r="C154">
        <v>736.03676016521695</v>
      </c>
      <c r="D154">
        <v>43.363563537597699</v>
      </c>
      <c r="E154">
        <v>7435.4535900056399</v>
      </c>
      <c r="F154">
        <v>77.077590942382798</v>
      </c>
      <c r="G154">
        <v>0.56259626150131203</v>
      </c>
    </row>
    <row r="155" spans="1:7" x14ac:dyDescent="0.25">
      <c r="A155" t="s">
        <v>160</v>
      </c>
      <c r="B155">
        <v>479.31399536132801</v>
      </c>
      <c r="C155">
        <v>726.49977633929598</v>
      </c>
      <c r="D155">
        <v>41.762134552002003</v>
      </c>
      <c r="E155">
        <v>7160.8601137995702</v>
      </c>
      <c r="F155">
        <v>76.078880310058594</v>
      </c>
      <c r="G155">
        <v>0.54893201589584395</v>
      </c>
    </row>
    <row r="156" spans="1:7" x14ac:dyDescent="0.25">
      <c r="A156" t="s">
        <v>161</v>
      </c>
      <c r="B156">
        <v>482.91400146484398</v>
      </c>
      <c r="C156">
        <v>716.94312156898798</v>
      </c>
      <c r="D156">
        <v>41.425502777099602</v>
      </c>
      <c r="E156">
        <v>7103.1386032700502</v>
      </c>
      <c r="F156">
        <v>75.078109741210895</v>
      </c>
      <c r="G156">
        <v>0.55176538228988603</v>
      </c>
    </row>
    <row r="157" spans="1:7" x14ac:dyDescent="0.25">
      <c r="A157" t="s">
        <v>162</v>
      </c>
      <c r="B157">
        <v>486.51400756835898</v>
      </c>
      <c r="C157">
        <v>707.39681225832101</v>
      </c>
      <c r="D157">
        <v>41.0518798828125</v>
      </c>
      <c r="E157">
        <v>7039.0738546848297</v>
      </c>
      <c r="F157">
        <v>74.078422546386705</v>
      </c>
      <c r="G157">
        <v>0.55416786670684803</v>
      </c>
    </row>
    <row r="158" spans="1:7" x14ac:dyDescent="0.25">
      <c r="A158" t="s">
        <v>163</v>
      </c>
      <c r="B158">
        <v>490.114013671875</v>
      </c>
      <c r="C158">
        <v>697.85698707376605</v>
      </c>
      <c r="D158">
        <v>40.091091156005902</v>
      </c>
      <c r="E158">
        <v>6874.3298761546603</v>
      </c>
      <c r="F158">
        <v>73.079414367675795</v>
      </c>
      <c r="G158">
        <v>0.54859620332717896</v>
      </c>
    </row>
    <row r="159" spans="1:7" x14ac:dyDescent="0.25">
      <c r="A159" t="s">
        <v>164</v>
      </c>
      <c r="B159">
        <v>493.71398925781301</v>
      </c>
      <c r="C159">
        <v>688.311843448692</v>
      </c>
      <c r="D159">
        <v>38.415611267089801</v>
      </c>
      <c r="E159">
        <v>6587.0392136275796</v>
      </c>
      <c r="F159">
        <v>72.079849243164105</v>
      </c>
      <c r="G159">
        <v>0.53295910358428999</v>
      </c>
    </row>
    <row r="160" spans="1:7" x14ac:dyDescent="0.25">
      <c r="A160" t="s">
        <v>165</v>
      </c>
      <c r="B160">
        <v>497.31399536132801</v>
      </c>
      <c r="C160">
        <v>678.76349418823702</v>
      </c>
      <c r="D160">
        <v>36.602363586425803</v>
      </c>
      <c r="E160">
        <v>6276.12555399537</v>
      </c>
      <c r="F160">
        <v>71.079948425292997</v>
      </c>
      <c r="G160">
        <v>0.51494640111923196</v>
      </c>
    </row>
    <row r="161" spans="1:7" x14ac:dyDescent="0.25">
      <c r="A161" t="s">
        <v>166</v>
      </c>
      <c r="B161">
        <v>500.91400146484398</v>
      </c>
      <c r="C161">
        <v>669.21077360680704</v>
      </c>
      <c r="D161">
        <v>38.8575439453125</v>
      </c>
      <c r="E161">
        <v>6662.8162749111698</v>
      </c>
      <c r="F161">
        <v>70.07958984375</v>
      </c>
      <c r="G161">
        <v>0.55447733402252197</v>
      </c>
    </row>
    <row r="162" spans="1:7" x14ac:dyDescent="0.25">
      <c r="A162" t="s">
        <v>167</v>
      </c>
      <c r="B162">
        <v>504.51400756835898</v>
      </c>
      <c r="C162">
        <v>659.66613996917999</v>
      </c>
      <c r="D162">
        <v>36.788288116455099</v>
      </c>
      <c r="E162">
        <v>6308.0056570470297</v>
      </c>
      <c r="F162">
        <v>69.080078125</v>
      </c>
      <c r="G162">
        <v>0.532545566558838</v>
      </c>
    </row>
    <row r="163" spans="1:7" x14ac:dyDescent="0.25">
      <c r="A163" t="s">
        <v>168</v>
      </c>
      <c r="B163">
        <v>508.114013671875</v>
      </c>
      <c r="C163">
        <v>650.11669787848098</v>
      </c>
      <c r="D163">
        <v>35.420001983642599</v>
      </c>
      <c r="E163">
        <v>6073.3887366950503</v>
      </c>
      <c r="F163">
        <v>68.080062866210895</v>
      </c>
      <c r="G163">
        <v>0.52026981115341198</v>
      </c>
    </row>
    <row r="164" spans="1:7" x14ac:dyDescent="0.25">
      <c r="A164" t="s">
        <v>169</v>
      </c>
      <c r="B164">
        <v>511.71398925781301</v>
      </c>
      <c r="C164">
        <v>640.569004316171</v>
      </c>
      <c r="D164">
        <v>34.974376678466797</v>
      </c>
      <c r="E164">
        <v>5996.9783760607197</v>
      </c>
      <c r="F164">
        <v>67.080230712890597</v>
      </c>
      <c r="G164">
        <v>0.52138125896453902</v>
      </c>
    </row>
    <row r="165" spans="1:7" x14ac:dyDescent="0.25">
      <c r="A165" t="s">
        <v>170</v>
      </c>
      <c r="B165">
        <v>515.31402587890602</v>
      </c>
      <c r="C165">
        <v>631.02480781064196</v>
      </c>
      <c r="D165">
        <v>34.108127593994098</v>
      </c>
      <c r="E165">
        <v>5848.44453260303</v>
      </c>
      <c r="F165">
        <v>66.080764770507798</v>
      </c>
      <c r="G165">
        <v>0.51615816354751598</v>
      </c>
    </row>
    <row r="166" spans="1:7" x14ac:dyDescent="0.25">
      <c r="A166" t="s">
        <v>171</v>
      </c>
      <c r="B166">
        <v>518.91400146484398</v>
      </c>
      <c r="C166">
        <v>621.47820707857602</v>
      </c>
      <c r="D166">
        <v>35.005413055419901</v>
      </c>
      <c r="E166">
        <v>6002.2999532520798</v>
      </c>
      <c r="F166">
        <v>65.081047058105497</v>
      </c>
      <c r="G166">
        <v>0.53787416219711304</v>
      </c>
    </row>
    <row r="167" spans="1:7" x14ac:dyDescent="0.25">
      <c r="A167" t="s">
        <v>172</v>
      </c>
      <c r="B167">
        <v>522.51397705078102</v>
      </c>
      <c r="C167">
        <v>611.92971210742201</v>
      </c>
      <c r="D167">
        <v>33.318061828613303</v>
      </c>
      <c r="E167">
        <v>5712.9734195768797</v>
      </c>
      <c r="F167">
        <v>64.081130981445298</v>
      </c>
      <c r="G167">
        <v>0.51993560791015603</v>
      </c>
    </row>
    <row r="168" spans="1:7" x14ac:dyDescent="0.25">
      <c r="A168" t="s">
        <v>173</v>
      </c>
      <c r="B168">
        <v>526.114013671875</v>
      </c>
      <c r="C168">
        <v>602.38376707350199</v>
      </c>
      <c r="D168">
        <v>30.659765243530298</v>
      </c>
      <c r="E168">
        <v>5257.1613341569901</v>
      </c>
      <c r="F168">
        <v>63.0814819335938</v>
      </c>
      <c r="G168">
        <v>0.48603433370590199</v>
      </c>
    </row>
    <row r="169" spans="1:7" x14ac:dyDescent="0.25">
      <c r="A169" t="s">
        <v>174</v>
      </c>
      <c r="B169">
        <v>529.71398925781295</v>
      </c>
      <c r="C169">
        <v>592.83385142303098</v>
      </c>
      <c r="D169">
        <v>30.188806533813501</v>
      </c>
      <c r="E169">
        <v>5176.4072850346602</v>
      </c>
      <c r="F169">
        <v>62.081417083740199</v>
      </c>
      <c r="G169">
        <v>0.48627766966819802</v>
      </c>
    </row>
    <row r="170" spans="1:7" x14ac:dyDescent="0.25">
      <c r="A170" t="s">
        <v>175</v>
      </c>
      <c r="B170">
        <v>533.31402587890602</v>
      </c>
      <c r="C170">
        <v>583.29402623847602</v>
      </c>
      <c r="D170">
        <v>29.098884582519499</v>
      </c>
      <c r="E170">
        <v>4989.5206466317204</v>
      </c>
      <c r="F170">
        <v>61.082408905029297</v>
      </c>
      <c r="G170">
        <v>0.47638732194900502</v>
      </c>
    </row>
    <row r="171" spans="1:7" x14ac:dyDescent="0.25">
      <c r="A171" t="s">
        <v>176</v>
      </c>
      <c r="B171">
        <v>536.91400146484398</v>
      </c>
      <c r="C171">
        <v>573.74629624849194</v>
      </c>
      <c r="D171">
        <v>27.831325531005898</v>
      </c>
      <c r="E171">
        <v>4772.1751034259796</v>
      </c>
      <c r="F171">
        <v>60.082572937011697</v>
      </c>
      <c r="G171">
        <v>0.463217943906784</v>
      </c>
    </row>
    <row r="172" spans="1:7" x14ac:dyDescent="0.25">
      <c r="A172" t="s">
        <v>177</v>
      </c>
      <c r="B172">
        <v>540.51397705078102</v>
      </c>
      <c r="C172">
        <v>564.19095287447703</v>
      </c>
      <c r="D172">
        <v>27.3387775421143</v>
      </c>
      <c r="E172">
        <v>4687.7190470695496</v>
      </c>
      <c r="F172">
        <v>59.081939697265597</v>
      </c>
      <c r="G172">
        <v>0.46272647380828902</v>
      </c>
    </row>
    <row r="173" spans="1:7" x14ac:dyDescent="0.25">
      <c r="A173" t="s">
        <v>178</v>
      </c>
      <c r="B173">
        <v>544.114013671875</v>
      </c>
      <c r="C173">
        <v>554.64937916153201</v>
      </c>
      <c r="D173">
        <v>27.036941528320298</v>
      </c>
      <c r="E173">
        <v>4635.96405461431</v>
      </c>
      <c r="F173">
        <v>58.082748413085902</v>
      </c>
      <c r="G173">
        <v>0.4654900431633</v>
      </c>
    </row>
    <row r="174" spans="1:7" x14ac:dyDescent="0.25">
      <c r="A174" t="s">
        <v>179</v>
      </c>
      <c r="B174">
        <v>547.71398925781295</v>
      </c>
      <c r="C174">
        <v>545.10503694530405</v>
      </c>
      <c r="D174">
        <v>24.608247756958001</v>
      </c>
      <c r="E174">
        <v>4219.5213027298496</v>
      </c>
      <c r="F174">
        <v>57.083267211914098</v>
      </c>
      <c r="G174">
        <v>0.43109390139579801</v>
      </c>
    </row>
    <row r="175" spans="1:7" x14ac:dyDescent="0.25">
      <c r="A175" t="s">
        <v>180</v>
      </c>
      <c r="B175">
        <v>551.31402587890602</v>
      </c>
      <c r="C175">
        <v>535.55413774761303</v>
      </c>
      <c r="D175">
        <v>23.507165908813501</v>
      </c>
      <c r="E175">
        <v>4030.7212620973601</v>
      </c>
      <c r="F175">
        <v>56.083099365234403</v>
      </c>
      <c r="G175">
        <v>0.41914883255958602</v>
      </c>
    </row>
    <row r="176" spans="1:7" x14ac:dyDescent="0.25">
      <c r="A176" t="s">
        <v>181</v>
      </c>
      <c r="B176">
        <v>554.91400146484398</v>
      </c>
      <c r="C176">
        <v>526.00349354364596</v>
      </c>
      <c r="D176">
        <v>22.3100776672363</v>
      </c>
      <c r="E176">
        <v>3825.4591636359701</v>
      </c>
      <c r="F176">
        <v>55.082958221435497</v>
      </c>
      <c r="G176">
        <v>0.40502685308456399</v>
      </c>
    </row>
    <row r="177" spans="1:7" x14ac:dyDescent="0.25">
      <c r="A177" t="s">
        <v>182</v>
      </c>
      <c r="B177">
        <v>558.51397705078102</v>
      </c>
      <c r="C177">
        <v>516.46385049746505</v>
      </c>
      <c r="D177">
        <v>21.876865386962901</v>
      </c>
      <c r="E177">
        <v>3751.17710791528</v>
      </c>
      <c r="F177">
        <v>54.083969116210902</v>
      </c>
      <c r="G177">
        <v>0.40449815988540599</v>
      </c>
    </row>
    <row r="178" spans="1:7" x14ac:dyDescent="0.25">
      <c r="A178" t="s">
        <v>183</v>
      </c>
      <c r="B178">
        <v>562.114013671875</v>
      </c>
      <c r="C178">
        <v>506.91025565183998</v>
      </c>
      <c r="D178">
        <v>20.027685165405298</v>
      </c>
      <c r="E178">
        <v>3434.1025166213499</v>
      </c>
      <c r="F178">
        <v>53.083518981933601</v>
      </c>
      <c r="G178">
        <v>0.37728631496429399</v>
      </c>
    </row>
    <row r="179" spans="1:7" x14ac:dyDescent="0.25">
      <c r="A179" t="s">
        <v>184</v>
      </c>
      <c r="B179">
        <v>565.71398925781295</v>
      </c>
      <c r="C179">
        <v>497.36700626585503</v>
      </c>
      <c r="D179">
        <v>19.847742080688501</v>
      </c>
      <c r="E179">
        <v>3403.24803255498</v>
      </c>
      <c r="F179">
        <v>52.084152221679702</v>
      </c>
      <c r="G179">
        <v>0.38107064366340598</v>
      </c>
    </row>
    <row r="180" spans="1:7" x14ac:dyDescent="0.25">
      <c r="A180" t="s">
        <v>185</v>
      </c>
      <c r="B180">
        <v>569.31402587890602</v>
      </c>
      <c r="C180">
        <v>487.81887557144802</v>
      </c>
      <c r="D180">
        <v>18.106029510498001</v>
      </c>
      <c r="E180">
        <v>3104.6003568917499</v>
      </c>
      <c r="F180">
        <v>51.084274291992202</v>
      </c>
      <c r="G180">
        <v>0.35443452000617998</v>
      </c>
    </row>
    <row r="181" spans="1:7" x14ac:dyDescent="0.25">
      <c r="A181" t="s">
        <v>186</v>
      </c>
      <c r="B181">
        <v>572.91400146484398</v>
      </c>
      <c r="C181">
        <v>478.27227483938202</v>
      </c>
      <c r="D181">
        <v>18.021255493164102</v>
      </c>
      <c r="E181">
        <v>3090.0645069778002</v>
      </c>
      <c r="F181">
        <v>50.084556579589801</v>
      </c>
      <c r="G181">
        <v>0.35981661081314098</v>
      </c>
    </row>
    <row r="182" spans="1:7" x14ac:dyDescent="0.25">
      <c r="A182" t="s">
        <v>187</v>
      </c>
      <c r="B182">
        <v>576.51397705078102</v>
      </c>
      <c r="C182">
        <v>468.72356130217901</v>
      </c>
      <c r="D182">
        <v>17.4628009796143</v>
      </c>
      <c r="E182">
        <v>2994.3073168397</v>
      </c>
      <c r="F182">
        <v>49.084617614746101</v>
      </c>
      <c r="G182">
        <v>0.35576930642128002</v>
      </c>
    </row>
    <row r="183" spans="1:7" x14ac:dyDescent="0.25">
      <c r="A183" t="s">
        <v>188</v>
      </c>
      <c r="B183">
        <v>580.114013671875</v>
      </c>
      <c r="C183">
        <v>459.17750698523503</v>
      </c>
      <c r="D183">
        <v>16.098793029785199</v>
      </c>
      <c r="E183">
        <v>2760.4240458458698</v>
      </c>
      <c r="F183">
        <v>48.084957122802699</v>
      </c>
      <c r="G183">
        <v>0.33479896187782299</v>
      </c>
    </row>
    <row r="184" spans="1:7" x14ac:dyDescent="0.25">
      <c r="A184" t="s">
        <v>189</v>
      </c>
      <c r="B184">
        <v>583.71398925781295</v>
      </c>
      <c r="C184">
        <v>449.63560542321801</v>
      </c>
      <c r="D184">
        <v>16.429685592651399</v>
      </c>
      <c r="E184">
        <v>2817.1616140752999</v>
      </c>
      <c r="F184">
        <v>47.085731506347699</v>
      </c>
      <c r="G184">
        <v>0.34893131256103499</v>
      </c>
    </row>
    <row r="185" spans="1:7" x14ac:dyDescent="0.25">
      <c r="A185" t="s">
        <v>190</v>
      </c>
      <c r="B185">
        <v>587.31402587890602</v>
      </c>
      <c r="C185">
        <v>440.08470622552699</v>
      </c>
      <c r="D185">
        <v>14.8521528244019</v>
      </c>
      <c r="E185">
        <v>2546.6654915362601</v>
      </c>
      <c r="F185">
        <v>46.085563659667997</v>
      </c>
      <c r="G185">
        <v>0.32227343320846602</v>
      </c>
    </row>
    <row r="186" spans="1:7" x14ac:dyDescent="0.25">
      <c r="A186" t="s">
        <v>191</v>
      </c>
      <c r="B186">
        <v>590.91400146484398</v>
      </c>
      <c r="C186">
        <v>430.535919832974</v>
      </c>
      <c r="D186">
        <v>16.156377792358398</v>
      </c>
      <c r="E186">
        <v>2770.29792778194</v>
      </c>
      <c r="F186">
        <v>45.085617065429702</v>
      </c>
      <c r="G186">
        <v>0.35834881663322399</v>
      </c>
    </row>
    <row r="187" spans="1:7" x14ac:dyDescent="0.25">
      <c r="A187" t="s">
        <v>192</v>
      </c>
      <c r="B187">
        <v>594.51397705078102</v>
      </c>
      <c r="C187">
        <v>420.99081263557503</v>
      </c>
      <c r="D187">
        <v>14.7841739654541</v>
      </c>
      <c r="E187">
        <v>2535.0092910230201</v>
      </c>
      <c r="F187">
        <v>44.086055755615199</v>
      </c>
      <c r="G187">
        <v>0.335348069667816</v>
      </c>
    </row>
    <row r="188" spans="1:7" x14ac:dyDescent="0.25">
      <c r="A188" t="s">
        <v>193</v>
      </c>
      <c r="B188">
        <v>598.114013671875</v>
      </c>
      <c r="C188">
        <v>411.444284758859</v>
      </c>
      <c r="D188">
        <v>13.944369316101101</v>
      </c>
      <c r="E188">
        <v>2391.0098243504799</v>
      </c>
      <c r="F188">
        <v>43.086345672607401</v>
      </c>
      <c r="G188">
        <v>0.32363778352737399</v>
      </c>
    </row>
    <row r="189" spans="1:7" x14ac:dyDescent="0.25">
      <c r="A189" t="s">
        <v>194</v>
      </c>
      <c r="B189">
        <v>601.71398925781295</v>
      </c>
      <c r="C189">
        <v>401.89757474376898</v>
      </c>
      <c r="D189">
        <v>13.827706336975099</v>
      </c>
      <c r="E189">
        <v>2371.0059467703099</v>
      </c>
      <c r="F189">
        <v>42.086616516113303</v>
      </c>
      <c r="G189">
        <v>0.328553527593613</v>
      </c>
    </row>
    <row r="190" spans="1:7" x14ac:dyDescent="0.25">
      <c r="A190" t="s">
        <v>195</v>
      </c>
      <c r="B190">
        <v>605.31402587890602</v>
      </c>
      <c r="C190">
        <v>392.34521843908601</v>
      </c>
      <c r="D190">
        <v>12.2349529266357</v>
      </c>
      <c r="E190">
        <v>2097.9000255465498</v>
      </c>
      <c r="F190">
        <v>41.086296081542997</v>
      </c>
      <c r="G190">
        <v>0.29778671264648399</v>
      </c>
    </row>
    <row r="191" spans="1:7" x14ac:dyDescent="0.25">
      <c r="A191" t="s">
        <v>196</v>
      </c>
      <c r="B191">
        <v>608.91400146484398</v>
      </c>
      <c r="C191">
        <v>382.80437327963801</v>
      </c>
      <c r="D191">
        <v>11.903322219848601</v>
      </c>
      <c r="E191">
        <v>2041.0360302776101</v>
      </c>
      <c r="F191">
        <v>40.087181091308601</v>
      </c>
      <c r="G191">
        <v>0.29693588614463801</v>
      </c>
    </row>
    <row r="192" spans="1:7" x14ac:dyDescent="0.25">
      <c r="A192" t="s">
        <v>197</v>
      </c>
      <c r="B192">
        <v>612.51397705078102</v>
      </c>
      <c r="C192">
        <v>373.25963035898599</v>
      </c>
      <c r="D192">
        <v>12.407561302185099</v>
      </c>
      <c r="E192">
        <v>2127.4967584759002</v>
      </c>
      <c r="F192">
        <v>39.087657928466797</v>
      </c>
      <c r="G192">
        <v>0.31742912530898998</v>
      </c>
    </row>
    <row r="193" spans="1:7" x14ac:dyDescent="0.25">
      <c r="A193" t="s">
        <v>198</v>
      </c>
      <c r="B193">
        <v>616.114013671875</v>
      </c>
      <c r="C193">
        <v>363.71102610480699</v>
      </c>
      <c r="D193">
        <v>10.6215925216675</v>
      </c>
      <c r="E193">
        <v>1821.2606664747</v>
      </c>
      <c r="F193">
        <v>38.087730407714801</v>
      </c>
      <c r="G193">
        <v>0.27887177467346203</v>
      </c>
    </row>
    <row r="194" spans="1:7" x14ac:dyDescent="0.25">
      <c r="A194" t="s">
        <v>199</v>
      </c>
      <c r="B194">
        <v>619.71398925781295</v>
      </c>
      <c r="C194">
        <v>354.16442537274202</v>
      </c>
      <c r="D194">
        <v>9.7343921661377006</v>
      </c>
      <c r="E194">
        <v>1669.1344790160699</v>
      </c>
      <c r="F194">
        <v>37.0880126953125</v>
      </c>
      <c r="G194">
        <v>0.26246735453605702</v>
      </c>
    </row>
    <row r="195" spans="1:7" x14ac:dyDescent="0.25">
      <c r="A195" t="s">
        <v>200</v>
      </c>
      <c r="B195">
        <v>623.31402587890602</v>
      </c>
      <c r="C195">
        <v>344.61461900529503</v>
      </c>
      <c r="D195">
        <v>8.8098440170288104</v>
      </c>
      <c r="E195">
        <v>1510.6042847037299</v>
      </c>
      <c r="F195">
        <v>36.087959289550803</v>
      </c>
      <c r="G195">
        <v>0.24412141740322099</v>
      </c>
    </row>
    <row r="196" spans="1:7" x14ac:dyDescent="0.25">
      <c r="A196" t="s">
        <v>201</v>
      </c>
      <c r="B196">
        <v>626.91400146484398</v>
      </c>
      <c r="C196">
        <v>335.07111462558601</v>
      </c>
      <c r="D196">
        <v>7.8873920440673801</v>
      </c>
      <c r="E196">
        <v>1352.43346448988</v>
      </c>
      <c r="F196">
        <v>35.088565826416001</v>
      </c>
      <c r="G196">
        <v>0.22478525340557101</v>
      </c>
    </row>
    <row r="197" spans="1:7" x14ac:dyDescent="0.25">
      <c r="A197" t="s">
        <v>202</v>
      </c>
      <c r="B197">
        <v>630.51397705078102</v>
      </c>
      <c r="C197">
        <v>325.52006971719601</v>
      </c>
      <c r="D197">
        <v>9.0048542022705096</v>
      </c>
      <c r="E197">
        <v>1544.04225759208</v>
      </c>
      <c r="F197">
        <v>34.088382720947301</v>
      </c>
      <c r="G197">
        <v>0.26416197419166598</v>
      </c>
    </row>
    <row r="198" spans="1:7" x14ac:dyDescent="0.25">
      <c r="A198" t="s">
        <v>203</v>
      </c>
      <c r="B198">
        <v>634.114013671875</v>
      </c>
      <c r="C198">
        <v>315.975326796545</v>
      </c>
      <c r="D198">
        <v>9.1214561462402308</v>
      </c>
      <c r="E198">
        <v>1564.0356577932801</v>
      </c>
      <c r="F198">
        <v>33.088859558105497</v>
      </c>
      <c r="G198">
        <v>0.27566546201705899</v>
      </c>
    </row>
    <row r="199" spans="1:7" x14ac:dyDescent="0.25">
      <c r="A199" t="s">
        <v>204</v>
      </c>
      <c r="B199">
        <v>637.71398925781295</v>
      </c>
      <c r="C199">
        <v>306.42635826561798</v>
      </c>
      <c r="D199">
        <v>7.9763703346252397</v>
      </c>
      <c r="E199">
        <v>1367.69039090723</v>
      </c>
      <c r="F199">
        <v>32.088893890380902</v>
      </c>
      <c r="G199">
        <v>0.24857105314731601</v>
      </c>
    </row>
    <row r="200" spans="1:7" x14ac:dyDescent="0.25">
      <c r="A200" t="s">
        <v>205</v>
      </c>
      <c r="B200">
        <v>641.31402587890602</v>
      </c>
      <c r="C200">
        <v>296.879320401455</v>
      </c>
      <c r="D200">
        <v>7.4345049858093297</v>
      </c>
      <c r="E200">
        <v>1274.7779255732901</v>
      </c>
      <c r="F200">
        <v>31.0891304016113</v>
      </c>
      <c r="G200">
        <v>0.23913519084453599</v>
      </c>
    </row>
    <row r="201" spans="1:7" x14ac:dyDescent="0.25">
      <c r="A201" t="s">
        <v>206</v>
      </c>
      <c r="B201">
        <v>644.91400146484398</v>
      </c>
      <c r="C201">
        <v>287.33027901517897</v>
      </c>
      <c r="D201">
        <v>6.1837873458862296</v>
      </c>
      <c r="E201">
        <v>1060.32018084079</v>
      </c>
      <c r="F201">
        <v>30.089157104492202</v>
      </c>
      <c r="G201">
        <v>0.20551547408103901</v>
      </c>
    </row>
    <row r="202" spans="1:7" x14ac:dyDescent="0.25">
      <c r="A202" t="s">
        <v>207</v>
      </c>
      <c r="B202">
        <v>648.51397705078102</v>
      </c>
      <c r="C202">
        <v>277.785317528478</v>
      </c>
      <c r="D202">
        <v>5.9459214210510298</v>
      </c>
      <c r="E202">
        <v>1019.53384000808</v>
      </c>
      <c r="F202">
        <v>29.0896110534668</v>
      </c>
      <c r="G202">
        <v>0.20440016686916401</v>
      </c>
    </row>
    <row r="203" spans="1:7" x14ac:dyDescent="0.25">
      <c r="A203" t="s">
        <v>208</v>
      </c>
      <c r="B203">
        <v>652.114013671875</v>
      </c>
      <c r="C203">
        <v>268.234655110674</v>
      </c>
      <c r="D203">
        <v>6.4253506660461399</v>
      </c>
      <c r="E203">
        <v>1101.74051951617</v>
      </c>
      <c r="F203">
        <v>28.0894680023193</v>
      </c>
      <c r="G203">
        <v>0.22874590754509</v>
      </c>
    </row>
    <row r="204" spans="1:7" x14ac:dyDescent="0.25">
      <c r="A204" t="s">
        <v>209</v>
      </c>
      <c r="B204">
        <v>655.71301269531295</v>
      </c>
      <c r="C204">
        <v>258.68892864280298</v>
      </c>
      <c r="D204">
        <v>5.7941532135009801</v>
      </c>
      <c r="E204">
        <v>993.51047538220905</v>
      </c>
      <c r="F204">
        <v>27.089841842651399</v>
      </c>
      <c r="G204">
        <v>0.213886559009552</v>
      </c>
    </row>
    <row r="205" spans="1:7" x14ac:dyDescent="0.25">
      <c r="A205" t="s">
        <v>210</v>
      </c>
      <c r="B205">
        <v>659.31298828125</v>
      </c>
      <c r="C205">
        <v>249.14697243927299</v>
      </c>
      <c r="D205">
        <v>5.8418931961059597</v>
      </c>
      <c r="E205">
        <v>1001.69633515179</v>
      </c>
      <c r="F205">
        <v>26.090610504150401</v>
      </c>
      <c r="G205">
        <v>0.22390787303447701</v>
      </c>
    </row>
    <row r="206" spans="1:7" x14ac:dyDescent="0.25">
      <c r="A206" t="s">
        <v>211</v>
      </c>
      <c r="B206">
        <v>662.91302490234398</v>
      </c>
      <c r="C206">
        <v>239.596109669257</v>
      </c>
      <c r="D206">
        <v>5.22080326080322</v>
      </c>
      <c r="E206">
        <v>895.19948232919</v>
      </c>
      <c r="F206">
        <v>25.090446472168001</v>
      </c>
      <c r="G206">
        <v>0.208079323172569</v>
      </c>
    </row>
    <row r="207" spans="1:7" x14ac:dyDescent="0.25">
      <c r="A207" t="s">
        <v>212</v>
      </c>
      <c r="B207">
        <v>666.51300048828102</v>
      </c>
      <c r="C207">
        <v>230.05362526444301</v>
      </c>
      <c r="D207">
        <v>4.0048069953918501</v>
      </c>
      <c r="E207">
        <v>686.69533357024204</v>
      </c>
      <c r="F207">
        <v>24.091159820556602</v>
      </c>
      <c r="G207">
        <v>0.166235536336899</v>
      </c>
    </row>
    <row r="208" spans="1:7" x14ac:dyDescent="0.25">
      <c r="A208" t="s">
        <v>213</v>
      </c>
      <c r="B208">
        <v>670.11297607421898</v>
      </c>
      <c r="C208">
        <v>220.506550972605</v>
      </c>
      <c r="D208">
        <v>4.6026506423950204</v>
      </c>
      <c r="E208">
        <v>789.20624218881096</v>
      </c>
      <c r="F208">
        <v>23.091392517089801</v>
      </c>
      <c r="G208">
        <v>0.19932322204113001</v>
      </c>
    </row>
    <row r="209" spans="1:7" x14ac:dyDescent="0.25">
      <c r="A209" t="s">
        <v>214</v>
      </c>
      <c r="B209">
        <v>673.71301269531295</v>
      </c>
      <c r="C209">
        <v>210.957582441678</v>
      </c>
      <c r="D209">
        <v>4.4968214035034197</v>
      </c>
      <c r="E209">
        <v>771.05988748371601</v>
      </c>
      <c r="F209">
        <v>22.091426849365199</v>
      </c>
      <c r="G209">
        <v>0.203555047512054</v>
      </c>
    </row>
    <row r="210" spans="1:7" x14ac:dyDescent="0.25">
      <c r="A210" t="s">
        <v>215</v>
      </c>
      <c r="B210">
        <v>677.31298828125</v>
      </c>
      <c r="C210">
        <v>201.41041708065299</v>
      </c>
      <c r="D210">
        <v>3.7640445232391402</v>
      </c>
      <c r="E210">
        <v>645.41230676695704</v>
      </c>
      <c r="F210">
        <v>21.091650009155298</v>
      </c>
      <c r="G210">
        <v>0.178461357951164</v>
      </c>
    </row>
    <row r="211" spans="1:7" x14ac:dyDescent="0.25">
      <c r="A211" t="s">
        <v>216</v>
      </c>
      <c r="B211">
        <v>680.91302490234398</v>
      </c>
      <c r="C211">
        <v>191.86357956870199</v>
      </c>
      <c r="D211">
        <v>3.43506526947021</v>
      </c>
      <c r="E211">
        <v>589.00297153741099</v>
      </c>
      <c r="F211">
        <v>20.0919075012207</v>
      </c>
      <c r="G211">
        <v>0.17096760869026201</v>
      </c>
    </row>
    <row r="212" spans="1:7" x14ac:dyDescent="0.25">
      <c r="A212" t="s">
        <v>217</v>
      </c>
      <c r="B212">
        <v>684.51300048828102</v>
      </c>
      <c r="C212">
        <v>182.31699705047399</v>
      </c>
      <c r="D212">
        <v>3.88515973091125</v>
      </c>
      <c r="E212">
        <v>666.17963602766395</v>
      </c>
      <c r="F212">
        <v>19.092191696166999</v>
      </c>
      <c r="G212">
        <v>0.203494697809219</v>
      </c>
    </row>
    <row r="213" spans="1:7" x14ac:dyDescent="0.25">
      <c r="A213" t="s">
        <v>218</v>
      </c>
      <c r="B213">
        <v>688.11297607421898</v>
      </c>
      <c r="C213">
        <v>172.76939455735101</v>
      </c>
      <c r="D213">
        <v>3.5404427051544198</v>
      </c>
      <c r="E213">
        <v>607.07179363816999</v>
      </c>
      <c r="F213">
        <v>18.092369079589801</v>
      </c>
      <c r="G213">
        <v>0.19568707048893</v>
      </c>
    </row>
    <row r="214" spans="1:7" x14ac:dyDescent="0.25">
      <c r="A214" t="s">
        <v>219</v>
      </c>
      <c r="B214">
        <v>691.71301269531295</v>
      </c>
      <c r="C214">
        <v>163.22217455481399</v>
      </c>
      <c r="D214">
        <v>3.2594139575958301</v>
      </c>
      <c r="E214">
        <v>558.88440692797303</v>
      </c>
      <c r="F214">
        <v>17.092586517333999</v>
      </c>
      <c r="G214">
        <v>0.19069167971611001</v>
      </c>
    </row>
    <row r="215" spans="1:7" x14ac:dyDescent="0.25">
      <c r="A215" t="s">
        <v>220</v>
      </c>
      <c r="B215">
        <v>695.31298828125</v>
      </c>
      <c r="C215">
        <v>153.67426242645601</v>
      </c>
      <c r="D215">
        <v>2.7986528873443599</v>
      </c>
      <c r="E215">
        <v>479.87874131649698</v>
      </c>
      <c r="F215">
        <v>16.092731475830099</v>
      </c>
      <c r="G215">
        <v>0.173907890915871</v>
      </c>
    </row>
    <row r="216" spans="1:7" x14ac:dyDescent="0.25">
      <c r="A216" t="s">
        <v>221</v>
      </c>
      <c r="B216">
        <v>698.91302490234398</v>
      </c>
      <c r="C216">
        <v>144.12619548047999</v>
      </c>
      <c r="D216">
        <v>2.75513863563538</v>
      </c>
      <c r="E216">
        <v>472.41747961379599</v>
      </c>
      <c r="F216">
        <v>15.0928602218628</v>
      </c>
      <c r="G216">
        <v>0.182545825839043</v>
      </c>
    </row>
    <row r="217" spans="1:7" x14ac:dyDescent="0.25">
      <c r="A217" t="s">
        <v>222</v>
      </c>
      <c r="B217">
        <v>702.51300048828102</v>
      </c>
      <c r="C217">
        <v>134.57455862237501</v>
      </c>
      <c r="D217">
        <v>2.5085647106170699</v>
      </c>
      <c r="E217">
        <v>430.137966759503</v>
      </c>
      <c r="F217">
        <v>14.0926151275635</v>
      </c>
      <c r="G217">
        <v>0.178005620837212</v>
      </c>
    </row>
    <row r="218" spans="1:7" x14ac:dyDescent="0.25">
      <c r="A218" t="s">
        <v>223</v>
      </c>
      <c r="B218">
        <v>706.11297607421898</v>
      </c>
      <c r="C218">
        <v>125.0242513744</v>
      </c>
      <c r="D218">
        <v>2.2195246219635001</v>
      </c>
      <c r="E218">
        <v>380.57690835557901</v>
      </c>
      <c r="F218">
        <v>13.0925092697144</v>
      </c>
      <c r="G218">
        <v>0.16952629387378701</v>
      </c>
    </row>
    <row r="219" spans="1:7" x14ac:dyDescent="0.25">
      <c r="A219" t="s">
        <v>224</v>
      </c>
      <c r="B219">
        <v>709.71301269531295</v>
      </c>
      <c r="C219">
        <v>115.474727321432</v>
      </c>
      <c r="D219">
        <v>2.1459045410156299</v>
      </c>
      <c r="E219">
        <v>367.95344203710602</v>
      </c>
      <c r="F219">
        <v>12.092485427856399</v>
      </c>
      <c r="G219">
        <v>0.177457690238953</v>
      </c>
    </row>
    <row r="220" spans="1:7" x14ac:dyDescent="0.25">
      <c r="A220" t="s">
        <v>225</v>
      </c>
      <c r="B220">
        <v>713.31298828125</v>
      </c>
      <c r="C220">
        <v>105.924283469676</v>
      </c>
      <c r="D220">
        <v>1.6969567537307699</v>
      </c>
      <c r="E220">
        <v>290.97337392158801</v>
      </c>
      <c r="F220">
        <v>11.092365264892599</v>
      </c>
      <c r="G220">
        <v>0.15298421680927299</v>
      </c>
    </row>
    <row r="221" spans="1:7" x14ac:dyDescent="0.25">
      <c r="A221" t="s">
        <v>226</v>
      </c>
      <c r="B221">
        <v>716.91302490234398</v>
      </c>
      <c r="C221">
        <v>96.373985328619696</v>
      </c>
      <c r="D221">
        <v>1.4691015481948899</v>
      </c>
      <c r="E221">
        <v>251.90354790538501</v>
      </c>
      <c r="F221">
        <v>10.0922603607178</v>
      </c>
      <c r="G221">
        <v>0.14556714892387401</v>
      </c>
    </row>
    <row r="222" spans="1:7" x14ac:dyDescent="0.25">
      <c r="A222" t="s">
        <v>227</v>
      </c>
      <c r="B222">
        <v>720.51300048828102</v>
      </c>
      <c r="C222">
        <v>86.823486835351702</v>
      </c>
      <c r="D222">
        <v>1.21266937255859</v>
      </c>
      <c r="E222">
        <v>207.93371368199601</v>
      </c>
      <c r="F222">
        <v>9.0921344757080096</v>
      </c>
      <c r="G222">
        <v>0.133375659584999</v>
      </c>
    </row>
    <row r="223" spans="1:7" x14ac:dyDescent="0.25">
      <c r="A223" t="s">
        <v>228</v>
      </c>
      <c r="B223">
        <v>724.11297607421898</v>
      </c>
      <c r="C223">
        <v>77.273033876677104</v>
      </c>
      <c r="D223">
        <v>1.0419057607650799</v>
      </c>
      <c r="E223">
        <v>178.65325207821999</v>
      </c>
      <c r="F223">
        <v>8.0920133590698207</v>
      </c>
      <c r="G223">
        <v>0.12875729799270599</v>
      </c>
    </row>
    <row r="224" spans="1:7" x14ac:dyDescent="0.25">
      <c r="A224" t="s">
        <v>229</v>
      </c>
      <c r="B224">
        <v>727.71301269531295</v>
      </c>
      <c r="C224">
        <v>67.724752918111903</v>
      </c>
      <c r="D224">
        <v>0.82160675525665305</v>
      </c>
      <c r="E224">
        <v>140.879070386291</v>
      </c>
      <c r="F224">
        <v>7.0921196937561</v>
      </c>
      <c r="G224">
        <v>0.11584784090519</v>
      </c>
    </row>
    <row r="225" spans="1:7" x14ac:dyDescent="0.25">
      <c r="A225" t="s">
        <v>230</v>
      </c>
      <c r="B225">
        <v>731.31298828125</v>
      </c>
      <c r="C225">
        <v>58.176180538148301</v>
      </c>
      <c r="D225">
        <v>0.67301625013351396</v>
      </c>
      <c r="E225">
        <v>115.40058767423</v>
      </c>
      <c r="F225">
        <v>6.0921955108642596</v>
      </c>
      <c r="G225">
        <v>0.110471874475479</v>
      </c>
    </row>
    <row r="226" spans="1:7" x14ac:dyDescent="0.25">
      <c r="A226" t="s">
        <v>231</v>
      </c>
      <c r="B226">
        <v>734.91302490234398</v>
      </c>
      <c r="C226">
        <v>48.627193793384002</v>
      </c>
      <c r="D226">
        <v>0.51058578491210904</v>
      </c>
      <c r="E226">
        <v>87.5490004546009</v>
      </c>
      <c r="F226">
        <v>5.0922279357910201</v>
      </c>
      <c r="G226">
        <v>0.100267663598061</v>
      </c>
    </row>
    <row r="227" spans="1:7" x14ac:dyDescent="0.25">
      <c r="A227" t="s">
        <v>232</v>
      </c>
      <c r="B227">
        <v>738.51300048828102</v>
      </c>
      <c r="C227">
        <v>39.078493916558699</v>
      </c>
      <c r="D227">
        <v>0.38053643703460699</v>
      </c>
      <c r="E227">
        <v>65.249732870142907</v>
      </c>
      <c r="F227">
        <v>4.0922904014587402</v>
      </c>
      <c r="G227">
        <v>9.2988617718219799E-2</v>
      </c>
    </row>
    <row r="228" spans="1:7" x14ac:dyDescent="0.25">
      <c r="A228" t="s">
        <v>233</v>
      </c>
      <c r="B228">
        <v>742.11297607421898</v>
      </c>
      <c r="C228">
        <v>29.529605071170401</v>
      </c>
      <c r="D228">
        <v>0.26227289438247697</v>
      </c>
      <c r="E228">
        <v>44.971347961109103</v>
      </c>
      <c r="F228">
        <v>3.0923330783843999</v>
      </c>
      <c r="G228">
        <v>8.4813922643661499E-2</v>
      </c>
    </row>
    <row r="229" spans="1:7" x14ac:dyDescent="0.25">
      <c r="A229" t="s">
        <v>234</v>
      </c>
      <c r="B229">
        <v>745.71301269531295</v>
      </c>
      <c r="C229">
        <v>19.979969458448899</v>
      </c>
      <c r="D229">
        <v>0.22770842909812899</v>
      </c>
      <c r="E229">
        <v>39.044654840836301</v>
      </c>
      <c r="F229">
        <v>2.0922975540161102</v>
      </c>
      <c r="G229">
        <v>0.10883176326751701</v>
      </c>
    </row>
    <row r="230" spans="1:7" x14ac:dyDescent="0.25">
      <c r="A230" t="s">
        <v>235</v>
      </c>
      <c r="B230">
        <v>749.31298828125</v>
      </c>
      <c r="C230">
        <v>10.4312206319356</v>
      </c>
      <c r="D230">
        <v>2.54768971353769E-3</v>
      </c>
      <c r="E230">
        <v>0.43684664774446003</v>
      </c>
    </row>
    <row r="231" spans="1:7" x14ac:dyDescent="0.25">
      <c r="A231" t="s">
        <v>236</v>
      </c>
      <c r="B231">
        <v>752.91302490234398</v>
      </c>
      <c r="C231">
        <v>0.88174254044847</v>
      </c>
      <c r="D231">
        <v>5.2558891475200702E-2</v>
      </c>
      <c r="E231">
        <v>9.0121557150268892</v>
      </c>
      <c r="F231">
        <v>9.2335864901542705E-2</v>
      </c>
      <c r="G231">
        <v>0.56921428442001298</v>
      </c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topLeftCell="A209"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5.8249998092651403</v>
      </c>
      <c r="C2">
        <v>8.8454306024351208</v>
      </c>
      <c r="D2">
        <v>4.1078987121581996</v>
      </c>
      <c r="E2">
        <v>704.37224349006999</v>
      </c>
      <c r="F2">
        <v>0.92629134654998802</v>
      </c>
      <c r="G2">
        <v>4.4347805976867702</v>
      </c>
    </row>
    <row r="3" spans="1:7" x14ac:dyDescent="0.25">
      <c r="A3" t="s">
        <v>8</v>
      </c>
      <c r="B3">
        <v>9.4250001907348597</v>
      </c>
      <c r="C3">
        <v>18.3939847685613</v>
      </c>
      <c r="D3">
        <v>1.9773827791214</v>
      </c>
      <c r="E3">
        <v>339.05741292983299</v>
      </c>
      <c r="F3">
        <v>1.9262136220932</v>
      </c>
      <c r="G3">
        <v>1.0265645980835001</v>
      </c>
    </row>
    <row r="4" spans="1:7" x14ac:dyDescent="0.25">
      <c r="A4" t="s">
        <v>9</v>
      </c>
      <c r="B4">
        <v>13.0249996185303</v>
      </c>
      <c r="C4">
        <v>27.944595959948199</v>
      </c>
      <c r="D4">
        <v>1.15112328529358</v>
      </c>
      <c r="E4">
        <v>197.380533791147</v>
      </c>
      <c r="F4">
        <v>2.9263513088226301</v>
      </c>
      <c r="G4">
        <v>0.393364697694778</v>
      </c>
    </row>
    <row r="5" spans="1:7" x14ac:dyDescent="0.25">
      <c r="A5" t="s">
        <v>10</v>
      </c>
      <c r="B5">
        <v>16.625</v>
      </c>
      <c r="C5">
        <v>37.493557660686101</v>
      </c>
      <c r="D5">
        <v>0.82450389862060502</v>
      </c>
      <c r="E5">
        <v>141.37584366835699</v>
      </c>
      <c r="F5">
        <v>3.9263162612914999</v>
      </c>
      <c r="G5">
        <v>0.209994271397591</v>
      </c>
    </row>
    <row r="6" spans="1:7" x14ac:dyDescent="0.25">
      <c r="A6" t="s">
        <v>11</v>
      </c>
      <c r="B6">
        <v>20.225000381469702</v>
      </c>
      <c r="C6">
        <v>47.042721990365003</v>
      </c>
      <c r="D6">
        <v>1.18997442722321</v>
      </c>
      <c r="E6">
        <v>204.04225506354101</v>
      </c>
      <c r="F6">
        <v>4.9263024330139196</v>
      </c>
      <c r="G6">
        <v>0.24155528843402899</v>
      </c>
    </row>
    <row r="7" spans="1:7" x14ac:dyDescent="0.25">
      <c r="A7" t="s">
        <v>12</v>
      </c>
      <c r="B7">
        <v>23.825000762939499</v>
      </c>
      <c r="C7">
        <v>56.590729741369302</v>
      </c>
      <c r="D7">
        <v>1.16651964187622</v>
      </c>
      <c r="E7">
        <v>200.020513148047</v>
      </c>
      <c r="F7">
        <v>5.9261674880981401</v>
      </c>
      <c r="G7">
        <v>0.19684216380119299</v>
      </c>
    </row>
    <row r="8" spans="1:7" x14ac:dyDescent="0.25">
      <c r="A8" t="s">
        <v>13</v>
      </c>
      <c r="B8">
        <v>27.434999465942401</v>
      </c>
      <c r="C8">
        <v>66.165288713835807</v>
      </c>
      <c r="D8">
        <v>1.2314268350601201</v>
      </c>
      <c r="E8">
        <v>211.1500070896</v>
      </c>
      <c r="F8">
        <v>6.9288129806518599</v>
      </c>
      <c r="G8">
        <v>0.17772550880908999</v>
      </c>
    </row>
    <row r="9" spans="1:7" x14ac:dyDescent="0.25">
      <c r="A9" t="s">
        <v>14</v>
      </c>
      <c r="B9">
        <v>31.034999847412099</v>
      </c>
      <c r="C9">
        <v>75.7143118862748</v>
      </c>
      <c r="D9">
        <v>1.35079574584961</v>
      </c>
      <c r="E9">
        <v>231.61793069448299</v>
      </c>
      <c r="F9">
        <v>7.9287843704223597</v>
      </c>
      <c r="G9">
        <v>0.17036606371402699</v>
      </c>
    </row>
    <row r="10" spans="1:7" x14ac:dyDescent="0.25">
      <c r="A10" t="s">
        <v>15</v>
      </c>
      <c r="B10">
        <v>34.634998321533203</v>
      </c>
      <c r="C10">
        <v>85.264737524193293</v>
      </c>
      <c r="D10">
        <v>1.54523193836212</v>
      </c>
      <c r="E10">
        <v>264.95745987631398</v>
      </c>
      <c r="F10">
        <v>8.9289026260375994</v>
      </c>
      <c r="G10">
        <v>0.173059552907944</v>
      </c>
    </row>
    <row r="11" spans="1:7" x14ac:dyDescent="0.25">
      <c r="A11" t="s">
        <v>16</v>
      </c>
      <c r="B11">
        <v>38.235000610351598</v>
      </c>
      <c r="C11">
        <v>94.814926382225707</v>
      </c>
      <c r="D11">
        <v>1.78161644935608</v>
      </c>
      <c r="E11">
        <v>305.48978247679798</v>
      </c>
      <c r="F11">
        <v>9.9289960861206108</v>
      </c>
      <c r="G11">
        <v>0.179435715079308</v>
      </c>
    </row>
    <row r="12" spans="1:7" x14ac:dyDescent="0.25">
      <c r="A12" t="s">
        <v>17</v>
      </c>
      <c r="B12">
        <v>41.825000762939503</v>
      </c>
      <c r="C12">
        <v>104.338641427605</v>
      </c>
      <c r="D12">
        <v>2.2646937370300302</v>
      </c>
      <c r="E12">
        <v>388.32199061289401</v>
      </c>
      <c r="F12">
        <v>10.926317214965801</v>
      </c>
      <c r="G12">
        <v>0.20726962387561801</v>
      </c>
    </row>
    <row r="13" spans="1:7" x14ac:dyDescent="0.25">
      <c r="A13" t="s">
        <v>18</v>
      </c>
      <c r="B13">
        <v>45.424999237060497</v>
      </c>
      <c r="C13">
        <v>113.88784673841801</v>
      </c>
      <c r="D13">
        <v>2.5439910888671902</v>
      </c>
      <c r="E13">
        <v>436.21246004477098</v>
      </c>
      <c r="F13">
        <v>11.926307678222701</v>
      </c>
      <c r="G13">
        <v>0.21330919861793499</v>
      </c>
    </row>
    <row r="14" spans="1:7" x14ac:dyDescent="0.25">
      <c r="A14" t="s">
        <v>19</v>
      </c>
      <c r="B14">
        <v>49.025001525878899</v>
      </c>
      <c r="C14">
        <v>123.43887343297</v>
      </c>
      <c r="D14">
        <v>2.6246318817138699</v>
      </c>
      <c r="E14">
        <v>450.03974810242698</v>
      </c>
      <c r="F14">
        <v>12.9264888763428</v>
      </c>
      <c r="G14">
        <v>0.20304290950298301</v>
      </c>
    </row>
    <row r="15" spans="1:7" x14ac:dyDescent="0.25">
      <c r="A15" t="s">
        <v>20</v>
      </c>
      <c r="B15">
        <v>52.625</v>
      </c>
      <c r="C15">
        <v>132.98973620298599</v>
      </c>
      <c r="D15">
        <v>2.3370299339294398</v>
      </c>
      <c r="E15">
        <v>400.72528645396198</v>
      </c>
      <c r="F15">
        <v>13.926652908325201</v>
      </c>
      <c r="G15">
        <v>0.167809873819351</v>
      </c>
    </row>
    <row r="16" spans="1:7" x14ac:dyDescent="0.25">
      <c r="A16" t="s">
        <v>21</v>
      </c>
      <c r="B16">
        <v>56.224998474121101</v>
      </c>
      <c r="C16">
        <v>142.539314897466</v>
      </c>
      <c r="D16">
        <v>2.5359156131744398</v>
      </c>
      <c r="E16">
        <v>434.82778710313102</v>
      </c>
      <c r="F16">
        <v>14.926682472229</v>
      </c>
      <c r="G16">
        <v>0.169891446828842</v>
      </c>
    </row>
    <row r="17" spans="1:7" x14ac:dyDescent="0.25">
      <c r="A17" t="s">
        <v>22</v>
      </c>
      <c r="B17">
        <v>59.825000762939503</v>
      </c>
      <c r="C17">
        <v>152.08839271141699</v>
      </c>
      <c r="D17">
        <v>2.82979440689087</v>
      </c>
      <c r="E17">
        <v>485.21853750571597</v>
      </c>
      <c r="F17">
        <v>15.926659584045399</v>
      </c>
      <c r="G17">
        <v>0.17767657339572901</v>
      </c>
    </row>
    <row r="18" spans="1:7" x14ac:dyDescent="0.25">
      <c r="A18" t="s">
        <v>23</v>
      </c>
      <c r="B18">
        <v>63.424999237060497</v>
      </c>
      <c r="C18">
        <v>161.63671465111699</v>
      </c>
      <c r="D18">
        <v>3.5314600467681898</v>
      </c>
      <c r="E18">
        <v>605.53156072273896</v>
      </c>
      <c r="F18">
        <v>16.926557540893601</v>
      </c>
      <c r="G18">
        <v>0.20863427221775099</v>
      </c>
    </row>
    <row r="19" spans="1:7" x14ac:dyDescent="0.25">
      <c r="A19" t="s">
        <v>24</v>
      </c>
      <c r="B19">
        <v>67.025001525878906</v>
      </c>
      <c r="C19">
        <v>171.18326074167001</v>
      </c>
      <c r="D19">
        <v>4.4853768348693803</v>
      </c>
      <c r="E19">
        <v>769.09753261133994</v>
      </c>
      <c r="F19">
        <v>17.92626953125</v>
      </c>
      <c r="G19">
        <v>0.25021252036094699</v>
      </c>
    </row>
    <row r="20" spans="1:7" x14ac:dyDescent="0.25">
      <c r="A20" t="s">
        <v>25</v>
      </c>
      <c r="B20">
        <v>70.625</v>
      </c>
      <c r="C20">
        <v>180.732939612255</v>
      </c>
      <c r="D20">
        <v>5.10154008865356</v>
      </c>
      <c r="E20">
        <v>874.74967585876595</v>
      </c>
      <c r="F20">
        <v>18.9263095855713</v>
      </c>
      <c r="G20">
        <v>0.26954752206802401</v>
      </c>
    </row>
    <row r="21" spans="1:7" x14ac:dyDescent="0.25">
      <c r="A21" t="s">
        <v>26</v>
      </c>
      <c r="B21">
        <v>74.224998474121094</v>
      </c>
      <c r="C21">
        <v>190.27748218069499</v>
      </c>
      <c r="D21">
        <v>5.0387163162231401</v>
      </c>
      <c r="E21">
        <v>863.97741688415397</v>
      </c>
      <c r="F21">
        <v>19.9258117675781</v>
      </c>
      <c r="G21">
        <v>0.25287383794784501</v>
      </c>
    </row>
    <row r="22" spans="1:7" x14ac:dyDescent="0.25">
      <c r="A22" t="s">
        <v>27</v>
      </c>
      <c r="B22">
        <v>77.824996948242202</v>
      </c>
      <c r="C22">
        <v>199.82393720206201</v>
      </c>
      <c r="D22">
        <v>4.8491239547729501</v>
      </c>
      <c r="E22">
        <v>831.46843826398299</v>
      </c>
      <c r="F22">
        <v>20.925514221191399</v>
      </c>
      <c r="G22">
        <v>0.23173260688781699</v>
      </c>
    </row>
    <row r="23" spans="1:7" x14ac:dyDescent="0.25">
      <c r="A23" t="s">
        <v>28</v>
      </c>
      <c r="B23">
        <v>81.425003051757798</v>
      </c>
      <c r="C23">
        <v>209.371976827281</v>
      </c>
      <c r="D23">
        <v>5.2138986587524396</v>
      </c>
      <c r="E23">
        <v>894.01553850620996</v>
      </c>
      <c r="F23">
        <v>21.9253826141357</v>
      </c>
      <c r="G23">
        <v>0.237801939249039</v>
      </c>
    </row>
    <row r="24" spans="1:7" x14ac:dyDescent="0.25">
      <c r="A24" t="s">
        <v>29</v>
      </c>
      <c r="B24">
        <v>85.025001525878906</v>
      </c>
      <c r="C24">
        <v>218.92045358459899</v>
      </c>
      <c r="D24">
        <v>4.3543658256530797</v>
      </c>
      <c r="E24">
        <v>746.63339182734501</v>
      </c>
      <c r="F24">
        <v>22.925296783447301</v>
      </c>
      <c r="G24">
        <v>0.18993715941906</v>
      </c>
    </row>
    <row r="25" spans="1:7" x14ac:dyDescent="0.25">
      <c r="A25" t="s">
        <v>30</v>
      </c>
      <c r="B25">
        <v>88.625</v>
      </c>
      <c r="C25">
        <v>228.46512364989999</v>
      </c>
      <c r="D25">
        <v>5.1746850013732901</v>
      </c>
      <c r="E25">
        <v>887.291680555791</v>
      </c>
      <c r="F25">
        <v>23.924812316894499</v>
      </c>
      <c r="G25">
        <v>0.21628947556018799</v>
      </c>
    </row>
    <row r="26" spans="1:7" x14ac:dyDescent="0.25">
      <c r="A26" t="s">
        <v>31</v>
      </c>
      <c r="B26">
        <v>92.224998474121094</v>
      </c>
      <c r="C26">
        <v>238.014875375835</v>
      </c>
      <c r="D26">
        <v>5.7103042602539098</v>
      </c>
      <c r="E26">
        <v>979.133066721261</v>
      </c>
      <c r="F26">
        <v>24.924860000610401</v>
      </c>
      <c r="G26">
        <v>0.22910074889659901</v>
      </c>
    </row>
    <row r="27" spans="1:7" x14ac:dyDescent="0.25">
      <c r="A27" t="s">
        <v>32</v>
      </c>
      <c r="B27">
        <v>95.824996948242202</v>
      </c>
      <c r="C27">
        <v>247.558816887641</v>
      </c>
      <c r="D27">
        <v>5.4017353057861301</v>
      </c>
      <c r="E27">
        <v>926.22346710413694</v>
      </c>
      <c r="F27">
        <v>25.924299240112301</v>
      </c>
      <c r="G27">
        <v>0.208365723490715</v>
      </c>
    </row>
    <row r="28" spans="1:7" x14ac:dyDescent="0.25">
      <c r="A28" t="s">
        <v>33</v>
      </c>
      <c r="B28">
        <v>99.425003051757798</v>
      </c>
      <c r="C28">
        <v>257.10869611043802</v>
      </c>
      <c r="D28">
        <v>6.5002298355102504</v>
      </c>
      <c r="E28">
        <v>1114.5798489451399</v>
      </c>
      <c r="F28">
        <v>26.924360275268601</v>
      </c>
      <c r="G28">
        <v>0.24142560362815901</v>
      </c>
    </row>
    <row r="29" spans="1:7" x14ac:dyDescent="0.25">
      <c r="A29" t="s">
        <v>34</v>
      </c>
      <c r="B29">
        <v>103.02500152587901</v>
      </c>
      <c r="C29">
        <v>266.655260414829</v>
      </c>
      <c r="D29">
        <v>5.9835691452026403</v>
      </c>
      <c r="E29">
        <v>1025.9891860187099</v>
      </c>
      <c r="F29">
        <v>27.924074172973601</v>
      </c>
      <c r="G29">
        <v>0.21427994966507</v>
      </c>
    </row>
    <row r="30" spans="1:7" x14ac:dyDescent="0.25">
      <c r="A30" t="s">
        <v>35</v>
      </c>
      <c r="B30">
        <v>106.625</v>
      </c>
      <c r="C30">
        <v>276.20257148655298</v>
      </c>
      <c r="D30">
        <v>6.4805221557617196</v>
      </c>
      <c r="E30">
        <v>1111.2006613984699</v>
      </c>
      <c r="F30">
        <v>28.923866271972699</v>
      </c>
      <c r="G30">
        <v>0.224054485559464</v>
      </c>
    </row>
    <row r="31" spans="1:7" x14ac:dyDescent="0.25">
      <c r="A31" t="s">
        <v>36</v>
      </c>
      <c r="B31">
        <v>110.22499847412099</v>
      </c>
      <c r="C31">
        <v>285.74747833174001</v>
      </c>
      <c r="D31">
        <v>7.0831732749939</v>
      </c>
      <c r="E31">
        <v>1214.5359069108999</v>
      </c>
      <c r="F31">
        <v>29.923406600952099</v>
      </c>
      <c r="G31">
        <v>0.23671011626720401</v>
      </c>
    </row>
    <row r="32" spans="1:7" x14ac:dyDescent="0.25">
      <c r="A32" t="s">
        <v>37</v>
      </c>
      <c r="B32">
        <v>113.824996948242</v>
      </c>
      <c r="C32">
        <v>295.29613722743198</v>
      </c>
      <c r="D32">
        <v>8.1575298309326207</v>
      </c>
      <c r="E32">
        <v>1398.7533748149899</v>
      </c>
      <c r="F32">
        <v>30.92333984375</v>
      </c>
      <c r="G32">
        <v>0.26379847526550299</v>
      </c>
    </row>
    <row r="33" spans="1:7" x14ac:dyDescent="0.25">
      <c r="A33" t="s">
        <v>38</v>
      </c>
      <c r="B33">
        <v>117.425003051758</v>
      </c>
      <c r="C33">
        <v>304.84102585878202</v>
      </c>
      <c r="D33">
        <v>7.75064897537231</v>
      </c>
      <c r="E33">
        <v>1328.98648735136</v>
      </c>
      <c r="F33">
        <v>31.922878265380898</v>
      </c>
      <c r="G33">
        <v>0.242792919278145</v>
      </c>
    </row>
    <row r="34" spans="1:7" x14ac:dyDescent="0.25">
      <c r="A34" t="s">
        <v>39</v>
      </c>
      <c r="B34">
        <v>121.03399658203099</v>
      </c>
      <c r="C34">
        <v>314.414546642517</v>
      </c>
      <c r="D34">
        <v>9.1396398544311506</v>
      </c>
      <c r="E34">
        <v>1567.1536093577699</v>
      </c>
      <c r="F34">
        <v>32.9254150390625</v>
      </c>
      <c r="G34">
        <v>0.27758616209030201</v>
      </c>
    </row>
    <row r="35" spans="1:7" x14ac:dyDescent="0.25">
      <c r="A35" t="s">
        <v>40</v>
      </c>
      <c r="B35">
        <v>124.634002685547</v>
      </c>
      <c r="C35">
        <v>323.96300518599702</v>
      </c>
      <c r="D35">
        <v>8.9738273620605504</v>
      </c>
      <c r="E35">
        <v>1538.72207738459</v>
      </c>
      <c r="F35">
        <v>33.925327301025398</v>
      </c>
      <c r="G35">
        <v>0.26451703906059298</v>
      </c>
    </row>
    <row r="36" spans="1:7" x14ac:dyDescent="0.25">
      <c r="A36" t="s">
        <v>41</v>
      </c>
      <c r="B36">
        <v>128.23399353027301</v>
      </c>
      <c r="C36">
        <v>333.50796667269702</v>
      </c>
      <c r="D36">
        <v>8.9986858367919904</v>
      </c>
      <c r="E36">
        <v>1542.98450797796</v>
      </c>
      <c r="F36">
        <v>34.924873352050803</v>
      </c>
      <c r="G36">
        <v>0.25765836238861101</v>
      </c>
    </row>
    <row r="37" spans="1:7" x14ac:dyDescent="0.25">
      <c r="A37" t="s">
        <v>42</v>
      </c>
      <c r="B37">
        <v>131.83399963378901</v>
      </c>
      <c r="C37">
        <v>343.05755447409501</v>
      </c>
      <c r="D37">
        <v>10.1198329925537</v>
      </c>
      <c r="E37">
        <v>1735.22508703172</v>
      </c>
      <c r="F37">
        <v>35.924903869628899</v>
      </c>
      <c r="G37">
        <v>0.28169408440589899</v>
      </c>
    </row>
    <row r="38" spans="1:7" x14ac:dyDescent="0.25">
      <c r="A38" t="s">
        <v>43</v>
      </c>
      <c r="B38">
        <v>135.434005737305</v>
      </c>
      <c r="C38">
        <v>352.60251596079502</v>
      </c>
      <c r="D38">
        <v>10.155779838561999</v>
      </c>
      <c r="E38">
        <v>1741.3889290764901</v>
      </c>
      <c r="F38">
        <v>36.924449920654297</v>
      </c>
      <c r="G38">
        <v>0.27504214644432101</v>
      </c>
    </row>
    <row r="39" spans="1:7" x14ac:dyDescent="0.25">
      <c r="A39" t="s">
        <v>44</v>
      </c>
      <c r="B39">
        <v>139.03399658203099</v>
      </c>
      <c r="C39">
        <v>362.146858177024</v>
      </c>
      <c r="D39">
        <v>11.416017532348601</v>
      </c>
      <c r="E39">
        <v>1957.4789330363301</v>
      </c>
      <c r="F39">
        <v>37.9239311218262</v>
      </c>
      <c r="G39">
        <v>0.301024109125137</v>
      </c>
    </row>
    <row r="40" spans="1:7" x14ac:dyDescent="0.25">
      <c r="A40" t="s">
        <v>45</v>
      </c>
      <c r="B40">
        <v>142.63400268554699</v>
      </c>
      <c r="C40">
        <v>371.69640955074698</v>
      </c>
      <c r="D40">
        <v>12.264406204223601</v>
      </c>
      <c r="E40">
        <v>2102.95035503805</v>
      </c>
      <c r="F40">
        <v>38.923957824707003</v>
      </c>
      <c r="G40">
        <v>0.31508630514144897</v>
      </c>
    </row>
    <row r="41" spans="1:7" x14ac:dyDescent="0.25">
      <c r="A41" t="s">
        <v>46</v>
      </c>
      <c r="B41">
        <v>146.23399353027301</v>
      </c>
      <c r="C41">
        <v>381.24545093702397</v>
      </c>
      <c r="D41">
        <v>13.241385459899901</v>
      </c>
      <c r="E41">
        <v>2270.47083899379</v>
      </c>
      <c r="F41">
        <v>39.9239311218262</v>
      </c>
      <c r="G41">
        <v>0.33166536688804599</v>
      </c>
    </row>
    <row r="42" spans="1:7" x14ac:dyDescent="0.25">
      <c r="A42" t="s">
        <v>47</v>
      </c>
      <c r="B42">
        <v>149.83399963378901</v>
      </c>
      <c r="C42">
        <v>390.79172382001599</v>
      </c>
      <c r="D42">
        <v>12.216555595397899</v>
      </c>
      <c r="E42">
        <v>2094.7454031556799</v>
      </c>
      <c r="F42">
        <v>40.923614501953097</v>
      </c>
      <c r="G42">
        <v>0.29852092266082803</v>
      </c>
    </row>
    <row r="43" spans="1:7" x14ac:dyDescent="0.25">
      <c r="A43" t="s">
        <v>48</v>
      </c>
      <c r="B43">
        <v>153.434005737305</v>
      </c>
      <c r="C43">
        <v>400.33788741998501</v>
      </c>
      <c r="D43">
        <v>14.1427145004272</v>
      </c>
      <c r="E43">
        <v>2425.0196292996402</v>
      </c>
      <c r="F43">
        <v>41.923286437988303</v>
      </c>
      <c r="G43">
        <v>0.33734747767448398</v>
      </c>
    </row>
    <row r="44" spans="1:7" x14ac:dyDescent="0.25">
      <c r="A44" t="s">
        <v>49</v>
      </c>
      <c r="B44">
        <v>157.03399658203099</v>
      </c>
      <c r="C44">
        <v>409.88565383764302</v>
      </c>
      <c r="D44">
        <v>13.890513420105</v>
      </c>
      <c r="E44">
        <v>2381.7752953618801</v>
      </c>
      <c r="F44">
        <v>42.923126220703097</v>
      </c>
      <c r="G44">
        <v>0.32361373305320701</v>
      </c>
    </row>
    <row r="45" spans="1:7" x14ac:dyDescent="0.25">
      <c r="A45" t="s">
        <v>50</v>
      </c>
      <c r="B45">
        <v>160.63400268554699</v>
      </c>
      <c r="C45">
        <v>419.429996053872</v>
      </c>
      <c r="D45">
        <v>14.063362121581999</v>
      </c>
      <c r="E45">
        <v>2411.4132393151499</v>
      </c>
      <c r="F45">
        <v>43.922607421875</v>
      </c>
      <c r="G45">
        <v>0.32018503546714799</v>
      </c>
    </row>
    <row r="46" spans="1:7" x14ac:dyDescent="0.25">
      <c r="A46" t="s">
        <v>51</v>
      </c>
      <c r="B46">
        <v>164.23399353027301</v>
      </c>
      <c r="C46">
        <v>428.98002098736799</v>
      </c>
      <c r="D46">
        <v>14.770793914794901</v>
      </c>
      <c r="E46">
        <v>2532.7149778604498</v>
      </c>
      <c r="F46">
        <v>44.922683715820298</v>
      </c>
      <c r="G46">
        <v>0.328804790973663</v>
      </c>
    </row>
    <row r="47" spans="1:7" x14ac:dyDescent="0.25">
      <c r="A47" t="s">
        <v>52</v>
      </c>
      <c r="B47">
        <v>167.83399963378901</v>
      </c>
      <c r="C47">
        <v>438.52651243640901</v>
      </c>
      <c r="D47">
        <v>15.461368560791</v>
      </c>
      <c r="E47">
        <v>2651.1263567954302</v>
      </c>
      <c r="F47">
        <v>45.922389984130902</v>
      </c>
      <c r="G47">
        <v>0.33668476343154902</v>
      </c>
    </row>
    <row r="48" spans="1:7" x14ac:dyDescent="0.25">
      <c r="A48" t="s">
        <v>53</v>
      </c>
      <c r="B48">
        <v>171.434005737305</v>
      </c>
      <c r="C48">
        <v>448.06932469029698</v>
      </c>
      <c r="D48">
        <v>14.822471618652299</v>
      </c>
      <c r="E48">
        <v>2541.5760464966302</v>
      </c>
      <c r="F48">
        <v>46.921710968017599</v>
      </c>
      <c r="G48">
        <v>0.31589794158935502</v>
      </c>
    </row>
    <row r="49" spans="1:7" x14ac:dyDescent="0.25">
      <c r="A49" t="s">
        <v>54</v>
      </c>
      <c r="B49">
        <v>175.03399658203099</v>
      </c>
      <c r="C49">
        <v>457.61501473049202</v>
      </c>
      <c r="D49">
        <v>16.467109680175799</v>
      </c>
      <c r="E49">
        <v>2823.5784266144001</v>
      </c>
      <c r="F49">
        <v>47.921333312988303</v>
      </c>
      <c r="G49">
        <v>0.343627959489822</v>
      </c>
    </row>
    <row r="50" spans="1:7" x14ac:dyDescent="0.25">
      <c r="A50" t="s">
        <v>55</v>
      </c>
      <c r="B50">
        <v>178.63400268554699</v>
      </c>
      <c r="C50">
        <v>467.166460343305</v>
      </c>
      <c r="D50">
        <v>16.138786315918001</v>
      </c>
      <c r="E50">
        <v>2767.2816067934</v>
      </c>
      <c r="F50">
        <v>48.921558380127003</v>
      </c>
      <c r="G50">
        <v>0.32989108562469499</v>
      </c>
    </row>
    <row r="51" spans="1:7" x14ac:dyDescent="0.25">
      <c r="A51" t="s">
        <v>56</v>
      </c>
      <c r="B51">
        <v>182.23399353027301</v>
      </c>
      <c r="C51">
        <v>476.71255108792298</v>
      </c>
      <c r="D51">
        <v>16.062648773193398</v>
      </c>
      <c r="E51">
        <v>2754.2263269424402</v>
      </c>
      <c r="F51">
        <v>49.921222686767599</v>
      </c>
      <c r="G51">
        <v>0.32175990939140298</v>
      </c>
    </row>
    <row r="52" spans="1:7" x14ac:dyDescent="0.25">
      <c r="A52" t="s">
        <v>57</v>
      </c>
      <c r="B52">
        <v>185.83399963378901</v>
      </c>
      <c r="C52">
        <v>486.26184746792302</v>
      </c>
      <c r="D52">
        <v>17.124311447143601</v>
      </c>
      <c r="E52">
        <v>2936.2672939896602</v>
      </c>
      <c r="F52">
        <v>50.921222686767599</v>
      </c>
      <c r="G52">
        <v>0.33629027009010298</v>
      </c>
    </row>
    <row r="53" spans="1:7" x14ac:dyDescent="0.25">
      <c r="A53" t="s">
        <v>58</v>
      </c>
      <c r="B53">
        <v>189.434005737305</v>
      </c>
      <c r="C53">
        <v>495.80830248928999</v>
      </c>
      <c r="D53">
        <v>17.2963752746582</v>
      </c>
      <c r="E53">
        <v>2965.7708946615498</v>
      </c>
      <c r="F53">
        <v>51.920925140380902</v>
      </c>
      <c r="G53">
        <v>0.33312916755676297</v>
      </c>
    </row>
    <row r="54" spans="1:7" x14ac:dyDescent="0.25">
      <c r="A54" t="s">
        <v>59</v>
      </c>
      <c r="B54">
        <v>193.03399658203099</v>
      </c>
      <c r="C54">
        <v>505.34754483104803</v>
      </c>
      <c r="D54">
        <v>20.620063781738299</v>
      </c>
      <c r="E54">
        <v>3535.6762818992102</v>
      </c>
      <c r="F54">
        <v>52.919872283935497</v>
      </c>
      <c r="G54">
        <v>0.38964688777923601</v>
      </c>
    </row>
    <row r="55" spans="1:7" x14ac:dyDescent="0.25">
      <c r="A55" t="s">
        <v>60</v>
      </c>
      <c r="B55">
        <v>196.63400268554699</v>
      </c>
      <c r="C55">
        <v>514.89851688408805</v>
      </c>
      <c r="D55">
        <v>21.748836517333999</v>
      </c>
      <c r="E55">
        <v>3729.2242050170898</v>
      </c>
      <c r="F55">
        <v>53.920047760009801</v>
      </c>
      <c r="G55">
        <v>0.40335342288017301</v>
      </c>
    </row>
    <row r="56" spans="1:7" x14ac:dyDescent="0.25">
      <c r="A56" t="s">
        <v>61</v>
      </c>
      <c r="B56">
        <v>200.23399353027301</v>
      </c>
      <c r="C56">
        <v>524.44293195566695</v>
      </c>
      <c r="D56">
        <v>19.847633361816399</v>
      </c>
      <c r="E56">
        <v>3403.22940610349</v>
      </c>
      <c r="F56">
        <v>54.9195365905762</v>
      </c>
      <c r="G56">
        <v>0.361394762992859</v>
      </c>
    </row>
    <row r="57" spans="1:7" x14ac:dyDescent="0.25">
      <c r="A57" t="s">
        <v>62</v>
      </c>
      <c r="B57">
        <v>203.83399963378901</v>
      </c>
      <c r="C57">
        <v>533.99390400870698</v>
      </c>
      <c r="D57">
        <v>21.108909606933601</v>
      </c>
      <c r="E57">
        <v>3619.4976419210402</v>
      </c>
      <c r="F57">
        <v>55.919712066650398</v>
      </c>
      <c r="G57">
        <v>0.37748602032661399</v>
      </c>
    </row>
    <row r="58" spans="1:7" x14ac:dyDescent="0.25">
      <c r="A58" t="s">
        <v>63</v>
      </c>
      <c r="B58">
        <v>207.434005737305</v>
      </c>
      <c r="C58">
        <v>543.53638841352097</v>
      </c>
      <c r="D58">
        <v>22.182460784912099</v>
      </c>
      <c r="E58">
        <v>3803.5768084227998</v>
      </c>
      <c r="F58">
        <v>56.918998718261697</v>
      </c>
      <c r="G58">
        <v>0.38971981406211897</v>
      </c>
    </row>
    <row r="59" spans="1:7" x14ac:dyDescent="0.25">
      <c r="A59" t="s">
        <v>64</v>
      </c>
      <c r="B59">
        <v>211.03399658203099</v>
      </c>
      <c r="C59">
        <v>553.08692333446402</v>
      </c>
      <c r="D59">
        <v>23.1258850097656</v>
      </c>
      <c r="E59">
        <v>3965.3438143432099</v>
      </c>
      <c r="F59">
        <v>57.9191284179688</v>
      </c>
      <c r="G59">
        <v>0.39927887916564903</v>
      </c>
    </row>
    <row r="60" spans="1:7" x14ac:dyDescent="0.25">
      <c r="A60" t="s">
        <v>65</v>
      </c>
      <c r="B60">
        <v>214.63400268554699</v>
      </c>
      <c r="C60">
        <v>562.63727611703303</v>
      </c>
      <c r="D60">
        <v>25.925565719604499</v>
      </c>
      <c r="E60">
        <v>4445.3986920416401</v>
      </c>
      <c r="F60">
        <v>58.919239044189503</v>
      </c>
      <c r="G60">
        <v>0.44001868367195102</v>
      </c>
    </row>
    <row r="61" spans="1:7" x14ac:dyDescent="0.25">
      <c r="A61" t="s">
        <v>66</v>
      </c>
      <c r="B61">
        <v>218.23399353027301</v>
      </c>
      <c r="C61">
        <v>572.17957838347297</v>
      </c>
      <c r="D61">
        <v>25.373262405395501</v>
      </c>
      <c r="E61">
        <v>4350.6966903805696</v>
      </c>
      <c r="F61">
        <v>59.918506622314503</v>
      </c>
      <c r="G61">
        <v>0.42346286773681602</v>
      </c>
    </row>
    <row r="62" spans="1:7" x14ac:dyDescent="0.25">
      <c r="A62" t="s">
        <v>67</v>
      </c>
      <c r="B62">
        <v>221.83399963378901</v>
      </c>
      <c r="C62">
        <v>581.73546817261001</v>
      </c>
      <c r="D62">
        <v>26.738201141357401</v>
      </c>
      <c r="E62">
        <v>4584.7394503653004</v>
      </c>
      <c r="F62">
        <v>60.919197082519503</v>
      </c>
      <c r="G62">
        <v>0.43891257047653198</v>
      </c>
    </row>
    <row r="63" spans="1:7" x14ac:dyDescent="0.25">
      <c r="A63" t="s">
        <v>68</v>
      </c>
      <c r="B63">
        <v>225.434005737305</v>
      </c>
      <c r="C63">
        <v>591.26968349524702</v>
      </c>
      <c r="D63">
        <v>26.640199661254901</v>
      </c>
      <c r="E63">
        <v>4567.9355971515197</v>
      </c>
      <c r="F63">
        <v>61.917617797851598</v>
      </c>
      <c r="G63">
        <v>0.43025234341621399</v>
      </c>
    </row>
    <row r="64" spans="1:7" x14ac:dyDescent="0.25">
      <c r="A64" t="s">
        <v>69</v>
      </c>
      <c r="B64">
        <v>229.03399658203099</v>
      </c>
      <c r="C64">
        <v>600.82568256740899</v>
      </c>
      <c r="D64">
        <v>27.970075607299801</v>
      </c>
      <c r="E64">
        <v>4795.9662042558202</v>
      </c>
      <c r="F64">
        <v>62.918319702148402</v>
      </c>
      <c r="G64">
        <v>0.44454580545425398</v>
      </c>
    </row>
    <row r="65" spans="1:7" x14ac:dyDescent="0.25">
      <c r="A65" t="s">
        <v>70</v>
      </c>
      <c r="B65">
        <v>232.63400268554699</v>
      </c>
      <c r="C65">
        <v>610.37231972714903</v>
      </c>
      <c r="D65">
        <v>27.743085861206101</v>
      </c>
      <c r="E65">
        <v>4757.0448368787802</v>
      </c>
      <c r="F65">
        <v>63.918041229247997</v>
      </c>
      <c r="G65">
        <v>0.43404155969619801</v>
      </c>
    </row>
    <row r="66" spans="1:7" x14ac:dyDescent="0.25">
      <c r="A66" t="s">
        <v>71</v>
      </c>
      <c r="B66">
        <v>236.23399353027301</v>
      </c>
      <c r="C66">
        <v>619.91779120129604</v>
      </c>
      <c r="D66">
        <v>30.438280105590799</v>
      </c>
      <c r="E66">
        <v>5219.1838622093201</v>
      </c>
      <c r="F66">
        <v>64.917640686035199</v>
      </c>
      <c r="G66">
        <v>0.46887531876563998</v>
      </c>
    </row>
    <row r="67" spans="1:7" x14ac:dyDescent="0.25">
      <c r="A67" t="s">
        <v>72</v>
      </c>
      <c r="B67">
        <v>239.83399963378901</v>
      </c>
      <c r="C67">
        <v>629.47043892737702</v>
      </c>
      <c r="D67">
        <v>29.460222244262699</v>
      </c>
      <c r="E67">
        <v>5051.4782778918698</v>
      </c>
      <c r="F67">
        <v>65.917991638183594</v>
      </c>
      <c r="G67">
        <v>0.44692233204841603</v>
      </c>
    </row>
    <row r="68" spans="1:7" x14ac:dyDescent="0.25">
      <c r="A68" t="s">
        <v>73</v>
      </c>
      <c r="B68">
        <v>243.434005737305</v>
      </c>
      <c r="C68">
        <v>638.99999150764097</v>
      </c>
      <c r="D68">
        <v>31.138807296752901</v>
      </c>
      <c r="E68">
        <v>5339.3016569316396</v>
      </c>
      <c r="F68">
        <v>66.915924072265597</v>
      </c>
      <c r="G68">
        <v>0.46534225344657898</v>
      </c>
    </row>
    <row r="69" spans="1:7" x14ac:dyDescent="0.25">
      <c r="A69" t="s">
        <v>74</v>
      </c>
      <c r="B69">
        <v>247.03399658203099</v>
      </c>
      <c r="C69">
        <v>648.55489774955902</v>
      </c>
      <c r="D69">
        <v>32.769649505615199</v>
      </c>
      <c r="E69">
        <v>5618.9382448792503</v>
      </c>
      <c r="F69">
        <v>67.916511535644503</v>
      </c>
      <c r="G69">
        <v>0.48249900341033902</v>
      </c>
    </row>
    <row r="70" spans="1:7" x14ac:dyDescent="0.25">
      <c r="A70" t="s">
        <v>75</v>
      </c>
      <c r="B70">
        <v>250.63400268554699</v>
      </c>
      <c r="C70">
        <v>658.10441269560704</v>
      </c>
      <c r="D70">
        <v>34.395313262939503</v>
      </c>
      <c r="E70">
        <v>5897.6872824132397</v>
      </c>
      <c r="F70">
        <v>68.916534423828097</v>
      </c>
      <c r="G70">
        <v>0.49908652901649497</v>
      </c>
    </row>
    <row r="71" spans="1:7" x14ac:dyDescent="0.25">
      <c r="A71" t="s">
        <v>76</v>
      </c>
      <c r="B71">
        <v>254.23399353027301</v>
      </c>
      <c r="C71">
        <v>667.649119188584</v>
      </c>
      <c r="D71">
        <v>37.331809997558601</v>
      </c>
      <c r="E71">
        <v>6401.2021757662296</v>
      </c>
      <c r="F71">
        <v>69.916053771972699</v>
      </c>
      <c r="G71">
        <v>0.53395187854766801</v>
      </c>
    </row>
    <row r="72" spans="1:7" x14ac:dyDescent="0.25">
      <c r="A72" t="s">
        <v>77</v>
      </c>
      <c r="B72">
        <v>257.83401489257801</v>
      </c>
      <c r="C72">
        <v>677.19907126673002</v>
      </c>
      <c r="D72">
        <v>38.327404022216797</v>
      </c>
      <c r="E72">
        <v>6571.9145350158196</v>
      </c>
      <c r="F72">
        <v>70.916122436523395</v>
      </c>
      <c r="G72">
        <v>0.54046106338500999</v>
      </c>
    </row>
    <row r="73" spans="1:7" x14ac:dyDescent="0.25">
      <c r="A73" t="s">
        <v>78</v>
      </c>
      <c r="B73">
        <v>261.43399047851602</v>
      </c>
      <c r="C73">
        <v>686.74880477882698</v>
      </c>
      <c r="D73">
        <v>37.946342468261697</v>
      </c>
      <c r="E73">
        <v>6506.5743401646596</v>
      </c>
      <c r="F73">
        <v>71.916168212890597</v>
      </c>
      <c r="G73">
        <v>0.52764689922332797</v>
      </c>
    </row>
    <row r="74" spans="1:7" x14ac:dyDescent="0.25">
      <c r="A74" t="s">
        <v>79</v>
      </c>
      <c r="B74">
        <v>265.03399658203102</v>
      </c>
      <c r="C74">
        <v>696.28972279362597</v>
      </c>
      <c r="D74">
        <v>37.254928588867202</v>
      </c>
      <c r="E74">
        <v>6388.0193047225503</v>
      </c>
      <c r="F74">
        <v>72.915290832519503</v>
      </c>
      <c r="G74">
        <v>0.51093435287475597</v>
      </c>
    </row>
    <row r="75" spans="1:7" x14ac:dyDescent="0.25">
      <c r="A75" t="s">
        <v>80</v>
      </c>
      <c r="B75">
        <v>268.63400268554699</v>
      </c>
      <c r="C75">
        <v>705.83880060757701</v>
      </c>
      <c r="D75">
        <v>37.661975860595703</v>
      </c>
      <c r="E75">
        <v>6457.8144811093798</v>
      </c>
      <c r="F75">
        <v>73.915267944335895</v>
      </c>
      <c r="G75">
        <v>0.50952905416488603</v>
      </c>
    </row>
    <row r="76" spans="1:7" x14ac:dyDescent="0.25">
      <c r="A76" t="s">
        <v>81</v>
      </c>
      <c r="B76">
        <v>272.23400878906301</v>
      </c>
      <c r="C76">
        <v>715.38219570426099</v>
      </c>
      <c r="D76">
        <v>40.008689880371101</v>
      </c>
      <c r="E76">
        <v>6860.2003157138797</v>
      </c>
      <c r="F76">
        <v>74.914649963378906</v>
      </c>
      <c r="G76">
        <v>0.53405696153640703</v>
      </c>
    </row>
    <row r="77" spans="1:7" x14ac:dyDescent="0.25">
      <c r="A77" t="s">
        <v>82</v>
      </c>
      <c r="B77">
        <v>275.83401489257801</v>
      </c>
      <c r="C77">
        <v>724.93375060009805</v>
      </c>
      <c r="D77">
        <v>39.924461364746101</v>
      </c>
      <c r="E77">
        <v>6845.7578308880302</v>
      </c>
      <c r="F77">
        <v>75.914886474609403</v>
      </c>
      <c r="G77">
        <v>0.52591085433960005</v>
      </c>
    </row>
    <row r="78" spans="1:7" x14ac:dyDescent="0.25">
      <c r="A78" t="s">
        <v>83</v>
      </c>
      <c r="B78">
        <v>279.43399047851602</v>
      </c>
      <c r="C78">
        <v>734.486325470829</v>
      </c>
      <c r="D78">
        <v>40.198116302490199</v>
      </c>
      <c r="E78">
        <v>6892.6811218261701</v>
      </c>
      <c r="F78">
        <v>76.915229797363295</v>
      </c>
      <c r="G78">
        <v>0.52262884378433205</v>
      </c>
    </row>
    <row r="79" spans="1:7" x14ac:dyDescent="0.25">
      <c r="A79" t="s">
        <v>84</v>
      </c>
      <c r="B79">
        <v>283.03399658203102</v>
      </c>
      <c r="C79">
        <v>744.02061364881604</v>
      </c>
      <c r="D79">
        <v>40.761856079101598</v>
      </c>
      <c r="E79">
        <v>6989.3444888293698</v>
      </c>
      <c r="F79">
        <v>77.913658142089801</v>
      </c>
      <c r="G79">
        <v>0.52316701412200906</v>
      </c>
    </row>
    <row r="80" spans="1:7" x14ac:dyDescent="0.25">
      <c r="A80" t="s">
        <v>85</v>
      </c>
      <c r="B80">
        <v>286.63400268554699</v>
      </c>
      <c r="C80">
        <v>753.57005573951506</v>
      </c>
      <c r="D80">
        <v>42.577156066894503</v>
      </c>
      <c r="E80">
        <v>7300.6097227335003</v>
      </c>
      <c r="F80">
        <v>78.913673400878906</v>
      </c>
      <c r="G80">
        <v>0.53954094648361195</v>
      </c>
    </row>
    <row r="81" spans="1:7" x14ac:dyDescent="0.25">
      <c r="A81" t="s">
        <v>86</v>
      </c>
      <c r="B81">
        <v>290.23400878906301</v>
      </c>
      <c r="C81">
        <v>763.12284917629495</v>
      </c>
      <c r="D81">
        <v>45.210865020752003</v>
      </c>
      <c r="E81">
        <v>7752.2061765193903</v>
      </c>
      <c r="F81">
        <v>79.914039611816406</v>
      </c>
      <c r="G81">
        <v>0.56574368476867698</v>
      </c>
    </row>
    <row r="82" spans="1:7" x14ac:dyDescent="0.25">
      <c r="A82" t="s">
        <v>87</v>
      </c>
      <c r="B82">
        <v>293.83401489257801</v>
      </c>
      <c r="C82">
        <v>772.672436977693</v>
      </c>
      <c r="D82">
        <v>46.698379516601598</v>
      </c>
      <c r="E82">
        <v>8007.2665587067604</v>
      </c>
      <c r="F82">
        <v>80.914070129394503</v>
      </c>
      <c r="G82">
        <v>0.57713544368743896</v>
      </c>
    </row>
    <row r="83" spans="1:7" x14ac:dyDescent="0.25">
      <c r="A83" t="s">
        <v>88</v>
      </c>
      <c r="B83">
        <v>297.43399047851602</v>
      </c>
      <c r="C83">
        <v>782.21852772231205</v>
      </c>
      <c r="D83">
        <v>47.384086608886697</v>
      </c>
      <c r="E83">
        <v>8124.8432397842398</v>
      </c>
      <c r="F83">
        <v>81.913734436035199</v>
      </c>
      <c r="G83">
        <v>0.57846325635910001</v>
      </c>
    </row>
    <row r="84" spans="1:7" x14ac:dyDescent="0.25">
      <c r="A84" t="s">
        <v>89</v>
      </c>
      <c r="B84">
        <v>301.03399658203102</v>
      </c>
      <c r="C84">
        <v>791.76265137249197</v>
      </c>
      <c r="D84">
        <v>48.039459228515597</v>
      </c>
      <c r="E84">
        <v>8237.21848428249</v>
      </c>
      <c r="F84">
        <v>82.913192749023395</v>
      </c>
      <c r="G84">
        <v>0.57939463853836104</v>
      </c>
    </row>
    <row r="85" spans="1:7" x14ac:dyDescent="0.25">
      <c r="A85" t="s">
        <v>90</v>
      </c>
      <c r="B85">
        <v>304.63400268554699</v>
      </c>
      <c r="C85">
        <v>801.30182085889999</v>
      </c>
      <c r="D85">
        <v>47.832439422607401</v>
      </c>
      <c r="E85">
        <v>8201.7211243510192</v>
      </c>
      <c r="F85">
        <v>83.912132263183594</v>
      </c>
      <c r="G85">
        <v>0.57003009319305398</v>
      </c>
    </row>
    <row r="86" spans="1:7" x14ac:dyDescent="0.25">
      <c r="A86" t="s">
        <v>91</v>
      </c>
      <c r="B86">
        <v>308.23400878906301</v>
      </c>
      <c r="C86">
        <v>810.86495975532</v>
      </c>
      <c r="D86">
        <v>51.809295654296903</v>
      </c>
      <c r="E86">
        <v>8883.6243376135808</v>
      </c>
      <c r="F86">
        <v>84.913581848144503</v>
      </c>
      <c r="G86">
        <v>0.61014145612716697</v>
      </c>
    </row>
    <row r="87" spans="1:7" x14ac:dyDescent="0.25">
      <c r="A87" t="s">
        <v>92</v>
      </c>
      <c r="B87">
        <v>311.83401489257801</v>
      </c>
      <c r="C87">
        <v>820.41600466371005</v>
      </c>
      <c r="D87">
        <v>50.866878509521499</v>
      </c>
      <c r="E87">
        <v>8722.02962636948</v>
      </c>
      <c r="F87">
        <v>85.913764953613295</v>
      </c>
      <c r="G87">
        <v>0.59206902980804399</v>
      </c>
    </row>
    <row r="88" spans="1:7" x14ac:dyDescent="0.25">
      <c r="A88" t="s">
        <v>93</v>
      </c>
      <c r="B88">
        <v>315.43399047851602</v>
      </c>
      <c r="C88">
        <v>829.95247850218402</v>
      </c>
      <c r="D88">
        <v>49.804420471191399</v>
      </c>
      <c r="E88">
        <v>8539.8526862263698</v>
      </c>
      <c r="F88">
        <v>86.912422180175795</v>
      </c>
      <c r="G88">
        <v>0.57304143905639604</v>
      </c>
    </row>
    <row r="89" spans="1:7" x14ac:dyDescent="0.25">
      <c r="A89" t="s">
        <v>94</v>
      </c>
      <c r="B89">
        <v>319.03298950195301</v>
      </c>
      <c r="C89">
        <v>839.49303224023504</v>
      </c>
      <c r="D89">
        <v>48.460414886474602</v>
      </c>
      <c r="E89">
        <v>8309.3987777829207</v>
      </c>
      <c r="F89">
        <v>87.911506652832003</v>
      </c>
      <c r="G89">
        <v>0.55124086141586304</v>
      </c>
    </row>
    <row r="90" spans="1:7" x14ac:dyDescent="0.25">
      <c r="A90" t="s">
        <v>95</v>
      </c>
      <c r="B90">
        <v>322.63299560546898</v>
      </c>
      <c r="C90">
        <v>849.04917702309501</v>
      </c>
      <c r="D90">
        <v>47.282844543457003</v>
      </c>
      <c r="E90">
        <v>8107.48338699341</v>
      </c>
      <c r="F90">
        <v>88.912223815917997</v>
      </c>
      <c r="G90">
        <v>0.53179240226745605</v>
      </c>
    </row>
    <row r="91" spans="1:7" x14ac:dyDescent="0.25">
      <c r="A91" t="s">
        <v>96</v>
      </c>
      <c r="B91">
        <v>326.23300170898398</v>
      </c>
      <c r="C91">
        <v>858.59111501278801</v>
      </c>
      <c r="D91">
        <v>51.3639106750488</v>
      </c>
      <c r="E91">
        <v>8807.2549551725406</v>
      </c>
      <c r="F91">
        <v>89.911453247070298</v>
      </c>
      <c r="G91">
        <v>0.57127219438552901</v>
      </c>
    </row>
    <row r="92" spans="1:7" x14ac:dyDescent="0.25">
      <c r="A92" t="s">
        <v>97</v>
      </c>
      <c r="B92">
        <v>329.8330078125</v>
      </c>
      <c r="C92">
        <v>868.14201421047801</v>
      </c>
      <c r="D92">
        <v>49.5311470031738</v>
      </c>
      <c r="E92">
        <v>8492.9950535297394</v>
      </c>
      <c r="F92">
        <v>90.91162109375</v>
      </c>
      <c r="G92">
        <v>0.544827461242676</v>
      </c>
    </row>
    <row r="93" spans="1:7" x14ac:dyDescent="0.25">
      <c r="A93" t="s">
        <v>98</v>
      </c>
      <c r="B93">
        <v>333.43301391601602</v>
      </c>
      <c r="C93">
        <v>877.67302389773397</v>
      </c>
      <c r="D93">
        <v>51.269790649414098</v>
      </c>
      <c r="E93">
        <v>8791.1160662770308</v>
      </c>
      <c r="F93">
        <v>91.909706115722699</v>
      </c>
      <c r="G93">
        <v>0.55782783031463601</v>
      </c>
    </row>
    <row r="94" spans="1:7" x14ac:dyDescent="0.25">
      <c r="A94" t="s">
        <v>99</v>
      </c>
      <c r="B94">
        <v>337.03298950195301</v>
      </c>
      <c r="C94">
        <v>887.22829441639999</v>
      </c>
      <c r="D94">
        <v>52.247806549072301</v>
      </c>
      <c r="E94">
        <v>8958.8146656751596</v>
      </c>
      <c r="F94">
        <v>92.910331726074205</v>
      </c>
      <c r="G94">
        <v>0.56234657764434803</v>
      </c>
    </row>
    <row r="95" spans="1:7" x14ac:dyDescent="0.25">
      <c r="A95" t="s">
        <v>100</v>
      </c>
      <c r="B95">
        <v>340.63299560546898</v>
      </c>
      <c r="C95">
        <v>896.77897504804196</v>
      </c>
      <c r="D95">
        <v>53.863605499267599</v>
      </c>
      <c r="E95">
        <v>9235.8719557523691</v>
      </c>
      <c r="F95">
        <v>93.910476684570298</v>
      </c>
      <c r="G95">
        <v>0.57356333732605003</v>
      </c>
    </row>
    <row r="96" spans="1:7" x14ac:dyDescent="0.25">
      <c r="A96" t="s">
        <v>101</v>
      </c>
      <c r="B96">
        <v>344.23300170898398</v>
      </c>
      <c r="C96">
        <v>906.32870856013903</v>
      </c>
      <c r="D96">
        <v>51.211616516113303</v>
      </c>
      <c r="E96">
        <v>8781.1416015029008</v>
      </c>
      <c r="F96">
        <v>94.9105224609375</v>
      </c>
      <c r="G96">
        <v>0.53957784175872803</v>
      </c>
    </row>
    <row r="97" spans="1:7" x14ac:dyDescent="0.25">
      <c r="A97" t="s">
        <v>102</v>
      </c>
      <c r="B97">
        <v>347.8330078125</v>
      </c>
      <c r="C97">
        <v>915.87647497779801</v>
      </c>
      <c r="D97">
        <v>53.941410064697301</v>
      </c>
      <c r="E97">
        <v>9249.2131516337395</v>
      </c>
      <c r="F97">
        <v>95.910362243652301</v>
      </c>
      <c r="G97">
        <v>0.56241482496261597</v>
      </c>
    </row>
    <row r="98" spans="1:7" x14ac:dyDescent="0.25">
      <c r="A98" t="s">
        <v>103</v>
      </c>
      <c r="B98">
        <v>351.43301391601602</v>
      </c>
      <c r="C98">
        <v>925.42904984852896</v>
      </c>
      <c r="D98">
        <v>54.010005950927699</v>
      </c>
      <c r="E98">
        <v>9260.9748244285602</v>
      </c>
      <c r="F98">
        <v>96.910705566406307</v>
      </c>
      <c r="G98">
        <v>0.55731725692749001</v>
      </c>
    </row>
    <row r="99" spans="1:7" x14ac:dyDescent="0.25">
      <c r="A99" t="s">
        <v>104</v>
      </c>
      <c r="B99">
        <v>355.03298950195301</v>
      </c>
      <c r="C99">
        <v>934.95364826502203</v>
      </c>
      <c r="D99">
        <v>54.103622436523402</v>
      </c>
      <c r="E99">
        <v>9277.0271003246307</v>
      </c>
      <c r="F99">
        <v>97.908119201660199</v>
      </c>
      <c r="G99">
        <v>0.55259585380554199</v>
      </c>
    </row>
    <row r="100" spans="1:7" x14ac:dyDescent="0.25">
      <c r="A100" t="s">
        <v>105</v>
      </c>
      <c r="B100">
        <v>358.63299560546898</v>
      </c>
      <c r="C100">
        <v>944.51715143819001</v>
      </c>
      <c r="D100">
        <v>55.4723091125488</v>
      </c>
      <c r="E100">
        <v>9511.7129385471308</v>
      </c>
      <c r="F100">
        <v>98.909606933593807</v>
      </c>
      <c r="G100">
        <v>0.56083846092224099</v>
      </c>
    </row>
    <row r="101" spans="1:7" x14ac:dyDescent="0.25">
      <c r="A101" t="s">
        <v>106</v>
      </c>
      <c r="B101">
        <v>362.23300170898398</v>
      </c>
      <c r="C101">
        <v>954.06032796882505</v>
      </c>
      <c r="D101">
        <v>54.5515327453613</v>
      </c>
      <c r="E101">
        <v>9353.8295477628708</v>
      </c>
      <c r="F101">
        <v>99.908966064453097</v>
      </c>
      <c r="G101">
        <v>0.54601240158081099</v>
      </c>
    </row>
    <row r="102" spans="1:7" x14ac:dyDescent="0.25">
      <c r="A102" t="s">
        <v>107</v>
      </c>
      <c r="B102">
        <v>363.31298828125</v>
      </c>
      <c r="C102">
        <v>954.93481072982001</v>
      </c>
      <c r="D102">
        <v>54.585269927978501</v>
      </c>
      <c r="E102">
        <v>9359.6139922738093</v>
      </c>
      <c r="F102">
        <v>100.000541687012</v>
      </c>
      <c r="G102">
        <v>0.54584974050521895</v>
      </c>
    </row>
    <row r="103" spans="1:7" x14ac:dyDescent="0.25">
      <c r="A103" t="s">
        <v>108</v>
      </c>
      <c r="B103">
        <v>364.30300903320301</v>
      </c>
      <c r="C103">
        <v>954.92482954692798</v>
      </c>
      <c r="D103">
        <v>55.460731506347699</v>
      </c>
      <c r="E103">
        <v>9509.7273588180506</v>
      </c>
      <c r="F103">
        <v>99.999496459960895</v>
      </c>
      <c r="G103">
        <v>0.55461013317108199</v>
      </c>
    </row>
    <row r="104" spans="1:7" x14ac:dyDescent="0.25">
      <c r="A104" t="s">
        <v>109</v>
      </c>
      <c r="B104">
        <v>365.30300903320301</v>
      </c>
      <c r="C104">
        <v>954.93604927076296</v>
      </c>
      <c r="D104">
        <v>56.838134765625</v>
      </c>
      <c r="E104">
        <v>9745.9079697728193</v>
      </c>
      <c r="F104">
        <v>100.00067138671901</v>
      </c>
      <c r="G104">
        <v>0.56837755441665605</v>
      </c>
    </row>
    <row r="105" spans="1:7" x14ac:dyDescent="0.25">
      <c r="A105" t="s">
        <v>110</v>
      </c>
      <c r="B105">
        <v>366.30300903320301</v>
      </c>
      <c r="C105">
        <v>954.93444645307204</v>
      </c>
      <c r="D105">
        <v>54.735176086425803</v>
      </c>
      <c r="E105">
        <v>9385.3184953331893</v>
      </c>
      <c r="F105">
        <v>100.00050354003901</v>
      </c>
      <c r="G105">
        <v>0.54734897613525402</v>
      </c>
    </row>
    <row r="106" spans="1:7" x14ac:dyDescent="0.25">
      <c r="A106" t="s">
        <v>111</v>
      </c>
      <c r="B106">
        <v>367.30300903320301</v>
      </c>
      <c r="C106">
        <v>954.91375553379203</v>
      </c>
      <c r="D106">
        <v>55.413417816162102</v>
      </c>
      <c r="E106">
        <v>9501.6146078705806</v>
      </c>
      <c r="F106">
        <v>99.998336791992202</v>
      </c>
      <c r="G106">
        <v>0.55414336919784501</v>
      </c>
    </row>
    <row r="107" spans="1:7" x14ac:dyDescent="0.25">
      <c r="A107" t="s">
        <v>112</v>
      </c>
      <c r="B107">
        <v>368.30300903320301</v>
      </c>
      <c r="C107">
        <v>954.94675900715094</v>
      </c>
      <c r="D107">
        <v>55.757457733154297</v>
      </c>
      <c r="E107">
        <v>9560.6064423918706</v>
      </c>
      <c r="F107">
        <v>100.001792907715</v>
      </c>
      <c r="G107">
        <v>0.557564556598663</v>
      </c>
    </row>
    <row r="108" spans="1:7" x14ac:dyDescent="0.25">
      <c r="A108" t="s">
        <v>113</v>
      </c>
      <c r="B108">
        <v>369.30300903320301</v>
      </c>
      <c r="C108">
        <v>954.92548524507401</v>
      </c>
      <c r="D108">
        <v>54.548419952392599</v>
      </c>
      <c r="E108">
        <v>9353.2958999276198</v>
      </c>
      <c r="F108">
        <v>99.999565124511705</v>
      </c>
      <c r="G108">
        <v>0.54548656940460205</v>
      </c>
    </row>
    <row r="109" spans="1:7" x14ac:dyDescent="0.25">
      <c r="A109" t="s">
        <v>114</v>
      </c>
      <c r="B109">
        <v>370.30300903320301</v>
      </c>
      <c r="C109">
        <v>954.92584952182199</v>
      </c>
      <c r="D109">
        <v>53.0655708312988</v>
      </c>
      <c r="E109">
        <v>9099.0345925092697</v>
      </c>
      <c r="F109">
        <v>99.999603271484403</v>
      </c>
      <c r="G109">
        <v>0.53065782785415605</v>
      </c>
    </row>
    <row r="110" spans="1:7" x14ac:dyDescent="0.25">
      <c r="A110" t="s">
        <v>115</v>
      </c>
      <c r="B110">
        <v>371.30300903320301</v>
      </c>
      <c r="C110">
        <v>954.93604927076296</v>
      </c>
      <c r="D110">
        <v>54.693572998046903</v>
      </c>
      <c r="E110">
        <v>9378.1845644116402</v>
      </c>
      <c r="F110">
        <v>100.00067138671901</v>
      </c>
      <c r="G110">
        <v>0.54693204164505005</v>
      </c>
    </row>
    <row r="111" spans="1:7" x14ac:dyDescent="0.25">
      <c r="A111" t="s">
        <v>116</v>
      </c>
      <c r="B111">
        <v>372.30300903320301</v>
      </c>
      <c r="C111">
        <v>954.94056630243699</v>
      </c>
      <c r="D111">
        <v>54.771121978759801</v>
      </c>
      <c r="E111">
        <v>9391.481988132</v>
      </c>
      <c r="F111">
        <v>100.00114440918</v>
      </c>
      <c r="G111">
        <v>0.54770493507385298</v>
      </c>
    </row>
    <row r="112" spans="1:7" x14ac:dyDescent="0.25">
      <c r="A112" t="s">
        <v>117</v>
      </c>
      <c r="B112">
        <v>373.30300903320301</v>
      </c>
      <c r="C112">
        <v>954.93131367303999</v>
      </c>
      <c r="D112">
        <v>53.679141998291001</v>
      </c>
      <c r="E112">
        <v>9204.24237847328</v>
      </c>
      <c r="F112">
        <v>100.00017547607401</v>
      </c>
      <c r="G112">
        <v>0.53679049015045199</v>
      </c>
    </row>
    <row r="113" spans="1:7" x14ac:dyDescent="0.25">
      <c r="A113" t="s">
        <v>118</v>
      </c>
      <c r="B113">
        <v>374.30300903320301</v>
      </c>
      <c r="C113">
        <v>954.9469775732</v>
      </c>
      <c r="D113">
        <v>55.668769836425803</v>
      </c>
      <c r="E113">
        <v>9545.3998073935509</v>
      </c>
      <c r="F113">
        <v>100.001815795898</v>
      </c>
      <c r="G113">
        <v>0.55667757987976096</v>
      </c>
    </row>
    <row r="114" spans="1:7" x14ac:dyDescent="0.25">
      <c r="A114" t="s">
        <v>119</v>
      </c>
      <c r="B114">
        <v>375.30300903320301</v>
      </c>
      <c r="C114">
        <v>954.93000227674804</v>
      </c>
      <c r="D114">
        <v>55.024955749511697</v>
      </c>
      <c r="E114">
        <v>9435.0064173340797</v>
      </c>
      <c r="F114">
        <v>100.000038146973</v>
      </c>
      <c r="G114">
        <v>0.55024933815002397</v>
      </c>
    </row>
    <row r="115" spans="1:7" x14ac:dyDescent="0.25">
      <c r="A115" t="s">
        <v>120</v>
      </c>
      <c r="B115">
        <v>376.30300903320301</v>
      </c>
      <c r="C115">
        <v>954.93065797489396</v>
      </c>
      <c r="D115">
        <v>53.918262481689503</v>
      </c>
      <c r="E115">
        <v>9245.2438548207301</v>
      </c>
      <c r="F115">
        <v>100.000106811523</v>
      </c>
      <c r="G115">
        <v>0.53918206691741899</v>
      </c>
    </row>
    <row r="116" spans="1:7" x14ac:dyDescent="0.25">
      <c r="A116" t="s">
        <v>121</v>
      </c>
      <c r="B116">
        <v>377.30300903320301</v>
      </c>
      <c r="C116">
        <v>954.93597641541305</v>
      </c>
      <c r="D116">
        <v>55.479827880859403</v>
      </c>
      <c r="E116">
        <v>9513.0018889904004</v>
      </c>
      <c r="F116">
        <v>100.00066375732401</v>
      </c>
      <c r="G116">
        <v>0.55479460954666104</v>
      </c>
    </row>
    <row r="117" spans="1:7" x14ac:dyDescent="0.25">
      <c r="A117" t="s">
        <v>122</v>
      </c>
      <c r="B117">
        <v>378.30300903320301</v>
      </c>
      <c r="C117">
        <v>954.93393646562504</v>
      </c>
      <c r="D117">
        <v>54.209362030029297</v>
      </c>
      <c r="E117">
        <v>9295.1580882072394</v>
      </c>
      <c r="F117">
        <v>100.000450134277</v>
      </c>
      <c r="G117">
        <v>0.54209119081497203</v>
      </c>
    </row>
    <row r="118" spans="1:7" x14ac:dyDescent="0.25">
      <c r="A118" t="s">
        <v>123</v>
      </c>
      <c r="B118">
        <v>379.30300903320301</v>
      </c>
      <c r="C118">
        <v>954.932260792585</v>
      </c>
      <c r="D118">
        <v>55.360664367675803</v>
      </c>
      <c r="E118">
        <v>9492.5696030259096</v>
      </c>
      <c r="F118">
        <v>100.000274658203</v>
      </c>
      <c r="G118">
        <v>0.55360513925552401</v>
      </c>
    </row>
    <row r="119" spans="1:7" x14ac:dyDescent="0.25">
      <c r="A119" t="s">
        <v>124</v>
      </c>
      <c r="B119">
        <v>380.30300903320301</v>
      </c>
      <c r="C119">
        <v>954.93590356006405</v>
      </c>
      <c r="D119">
        <v>53.552742004394503</v>
      </c>
      <c r="E119">
        <v>9182.5686395168304</v>
      </c>
      <c r="F119">
        <v>100.00065612793</v>
      </c>
      <c r="G119">
        <v>0.53552389144897505</v>
      </c>
    </row>
    <row r="120" spans="1:7" x14ac:dyDescent="0.25">
      <c r="A120" t="s">
        <v>125</v>
      </c>
      <c r="B120">
        <v>381.30300903320301</v>
      </c>
      <c r="C120">
        <v>954.92869088045495</v>
      </c>
      <c r="D120">
        <v>54.999553680419901</v>
      </c>
      <c r="E120">
        <v>9430.6506216525995</v>
      </c>
      <c r="F120">
        <v>99.999900817871094</v>
      </c>
      <c r="G120">
        <v>0.549996078014374</v>
      </c>
    </row>
    <row r="121" spans="1:7" x14ac:dyDescent="0.25">
      <c r="A121" t="s">
        <v>126</v>
      </c>
      <c r="B121">
        <v>382.30300903320301</v>
      </c>
      <c r="C121">
        <v>954.93029369814599</v>
      </c>
      <c r="D121">
        <v>56.5559692382813</v>
      </c>
      <c r="E121">
        <v>9697.5257620215398</v>
      </c>
      <c r="F121">
        <v>100.00006866455099</v>
      </c>
      <c r="G121">
        <v>0.56555932760238603</v>
      </c>
    </row>
    <row r="122" spans="1:7" x14ac:dyDescent="0.25">
      <c r="A122" t="s">
        <v>127</v>
      </c>
      <c r="B122">
        <v>383.30300903320301</v>
      </c>
      <c r="C122">
        <v>954.92271674179005</v>
      </c>
      <c r="D122">
        <v>53.053371429443402</v>
      </c>
      <c r="E122">
        <v>9096.9428420066797</v>
      </c>
      <c r="F122">
        <v>99.999275207519503</v>
      </c>
      <c r="G122">
        <v>0.53053754568099998</v>
      </c>
    </row>
    <row r="123" spans="1:7" x14ac:dyDescent="0.25">
      <c r="A123" t="s">
        <v>128</v>
      </c>
      <c r="B123">
        <v>384.30300903320301</v>
      </c>
      <c r="C123">
        <v>954.92621379856996</v>
      </c>
      <c r="D123">
        <v>53.9361381530762</v>
      </c>
      <c r="E123">
        <v>9248.3088374137897</v>
      </c>
      <c r="F123">
        <v>99.999641418457003</v>
      </c>
      <c r="G123">
        <v>0.53936332464218095</v>
      </c>
    </row>
    <row r="124" spans="1:7" x14ac:dyDescent="0.25">
      <c r="A124" t="s">
        <v>129</v>
      </c>
      <c r="B124">
        <v>385.30300903320301</v>
      </c>
      <c r="C124">
        <v>954.92876373580498</v>
      </c>
      <c r="D124">
        <v>56.512100219726598</v>
      </c>
      <c r="E124">
        <v>9690.0034695863706</v>
      </c>
      <c r="F124">
        <v>99.999908447265597</v>
      </c>
      <c r="G124">
        <v>0.56512153148651101</v>
      </c>
    </row>
    <row r="125" spans="1:7" x14ac:dyDescent="0.25">
      <c r="A125" t="s">
        <v>130</v>
      </c>
      <c r="B125">
        <v>386.30300903320301</v>
      </c>
      <c r="C125">
        <v>954.92402813808201</v>
      </c>
      <c r="D125">
        <v>59.244102478027301</v>
      </c>
      <c r="E125">
        <v>10158.4540680051</v>
      </c>
      <c r="F125">
        <v>99.999412536621094</v>
      </c>
      <c r="G125">
        <v>0.59244447946548495</v>
      </c>
    </row>
    <row r="126" spans="1:7" x14ac:dyDescent="0.25">
      <c r="A126" t="s">
        <v>131</v>
      </c>
      <c r="B126">
        <v>387.30300903320301</v>
      </c>
      <c r="C126">
        <v>954.94639473040297</v>
      </c>
      <c r="D126">
        <v>55.098384857177699</v>
      </c>
      <c r="E126">
        <v>9447.59696722031</v>
      </c>
      <c r="F126">
        <v>100.001754760742</v>
      </c>
      <c r="G126">
        <v>0.55097419023513805</v>
      </c>
    </row>
    <row r="127" spans="1:7" x14ac:dyDescent="0.25">
      <c r="A127" t="s">
        <v>132</v>
      </c>
      <c r="B127">
        <v>388.30300903320301</v>
      </c>
      <c r="C127">
        <v>954.94668615180103</v>
      </c>
      <c r="D127">
        <v>57.135166168212898</v>
      </c>
      <c r="E127">
        <v>9796.8392074108106</v>
      </c>
      <c r="F127">
        <v>100.00178527832</v>
      </c>
      <c r="G127">
        <v>0.57134145498275801</v>
      </c>
    </row>
    <row r="128" spans="1:7" x14ac:dyDescent="0.25">
      <c r="A128" t="s">
        <v>133</v>
      </c>
      <c r="B128">
        <v>389.30300903320301</v>
      </c>
      <c r="C128">
        <v>954.92045822595298</v>
      </c>
      <c r="D128">
        <v>55.3290824890137</v>
      </c>
      <c r="E128">
        <v>9487.1539622545206</v>
      </c>
      <c r="F128">
        <v>99.999038696289105</v>
      </c>
      <c r="G128">
        <v>0.55329614877700795</v>
      </c>
    </row>
    <row r="129" spans="1:7" x14ac:dyDescent="0.25">
      <c r="A129" t="s">
        <v>134</v>
      </c>
      <c r="B129">
        <v>390.30300903320301</v>
      </c>
      <c r="C129">
        <v>954.933280767479</v>
      </c>
      <c r="D129">
        <v>55.579315185546903</v>
      </c>
      <c r="E129">
        <v>9530.0609245896303</v>
      </c>
      <c r="F129">
        <v>100.000381469727</v>
      </c>
      <c r="G129">
        <v>0.55579102039337203</v>
      </c>
    </row>
    <row r="130" spans="1:7" x14ac:dyDescent="0.25">
      <c r="A130" t="s">
        <v>135</v>
      </c>
      <c r="B130">
        <v>391.30300903320301</v>
      </c>
      <c r="C130">
        <v>954.93830778660003</v>
      </c>
      <c r="D130">
        <v>54.1082153320313</v>
      </c>
      <c r="E130">
        <v>9277.8149992227609</v>
      </c>
      <c r="F130">
        <v>100.00090789794901</v>
      </c>
      <c r="G130">
        <v>0.54107725620269798</v>
      </c>
    </row>
    <row r="131" spans="1:7" x14ac:dyDescent="0.25">
      <c r="A131" t="s">
        <v>136</v>
      </c>
      <c r="B131">
        <v>392.30300903320301</v>
      </c>
      <c r="C131">
        <v>954.92016680455504</v>
      </c>
      <c r="D131">
        <v>54.328018188476598</v>
      </c>
      <c r="E131">
        <v>9315.5037611722892</v>
      </c>
      <c r="F131">
        <v>99.999008178710895</v>
      </c>
      <c r="G131">
        <v>0.54328554868698098</v>
      </c>
    </row>
    <row r="132" spans="1:7" x14ac:dyDescent="0.25">
      <c r="A132" t="s">
        <v>137</v>
      </c>
      <c r="B132">
        <v>396.14300537109398</v>
      </c>
      <c r="C132">
        <v>946.10109959338399</v>
      </c>
      <c r="D132">
        <v>53.6130180358887</v>
      </c>
      <c r="E132">
        <v>9192.9044574499094</v>
      </c>
      <c r="F132">
        <v>99.075477600097699</v>
      </c>
      <c r="G132">
        <v>0.54113310575485196</v>
      </c>
    </row>
    <row r="133" spans="1:7" x14ac:dyDescent="0.25">
      <c r="A133" t="s">
        <v>138</v>
      </c>
      <c r="B133">
        <v>399.74301147460898</v>
      </c>
      <c r="C133">
        <v>936.55107465988795</v>
      </c>
      <c r="D133">
        <v>54.223217010497997</v>
      </c>
      <c r="E133">
        <v>9297.5338920950908</v>
      </c>
      <c r="F133">
        <v>98.075401306152301</v>
      </c>
      <c r="G133">
        <v>0.55287277698516801</v>
      </c>
    </row>
    <row r="134" spans="1:7" x14ac:dyDescent="0.25">
      <c r="A134" t="s">
        <v>139</v>
      </c>
      <c r="B134">
        <v>403.35299682617199</v>
      </c>
      <c r="C134">
        <v>926.97948454291702</v>
      </c>
      <c r="D134">
        <v>52.239658355712898</v>
      </c>
      <c r="E134">
        <v>8957.4176818132401</v>
      </c>
      <c r="F134">
        <v>97.073066711425795</v>
      </c>
      <c r="G134">
        <v>0.53814780712127697</v>
      </c>
    </row>
    <row r="135" spans="1:7" x14ac:dyDescent="0.25">
      <c r="A135" t="s">
        <v>140</v>
      </c>
      <c r="B135">
        <v>406.95300292968801</v>
      </c>
      <c r="C135">
        <v>917.42734680428305</v>
      </c>
      <c r="D135">
        <v>52.499904632568402</v>
      </c>
      <c r="E135">
        <v>9002.0410716533697</v>
      </c>
      <c r="F135">
        <v>96.072769165039105</v>
      </c>
      <c r="G135">
        <v>0.54645979404449496</v>
      </c>
    </row>
    <row r="136" spans="1:7" x14ac:dyDescent="0.25">
      <c r="A136" t="s">
        <v>141</v>
      </c>
      <c r="B136">
        <v>410.54299926757801</v>
      </c>
      <c r="C136">
        <v>907.91797515585199</v>
      </c>
      <c r="D136">
        <v>50.000980377197301</v>
      </c>
      <c r="E136">
        <v>8573.5563188791293</v>
      </c>
      <c r="F136">
        <v>95.076950073242202</v>
      </c>
      <c r="G136">
        <v>0.52590012550354004</v>
      </c>
    </row>
    <row r="137" spans="1:7" x14ac:dyDescent="0.25">
      <c r="A137" t="s">
        <v>142</v>
      </c>
      <c r="B137">
        <v>414.14300537109398</v>
      </c>
      <c r="C137">
        <v>898.36416174417798</v>
      </c>
      <c r="D137">
        <v>52.818817138671903</v>
      </c>
      <c r="E137">
        <v>9056.7246079444903</v>
      </c>
      <c r="F137">
        <v>94.076477050781307</v>
      </c>
      <c r="G137">
        <v>0.56144553422927901</v>
      </c>
    </row>
    <row r="138" spans="1:7" x14ac:dyDescent="0.25">
      <c r="A138" t="s">
        <v>143</v>
      </c>
      <c r="B138">
        <v>417.74301147460898</v>
      </c>
      <c r="C138">
        <v>888.81151401809802</v>
      </c>
      <c r="D138">
        <v>48.621135711669901</v>
      </c>
      <c r="E138">
        <v>8336.95754408836</v>
      </c>
      <c r="F138">
        <v>93.076126098632798</v>
      </c>
      <c r="G138">
        <v>0.52238029241561901</v>
      </c>
    </row>
    <row r="139" spans="1:7" x14ac:dyDescent="0.25">
      <c r="A139" t="s">
        <v>144</v>
      </c>
      <c r="B139">
        <v>421.35299682617199</v>
      </c>
      <c r="C139">
        <v>879.24276525975995</v>
      </c>
      <c r="D139">
        <v>48.813045501708999</v>
      </c>
      <c r="E139">
        <v>8369.8639646172505</v>
      </c>
      <c r="F139">
        <v>92.074089050292997</v>
      </c>
      <c r="G139">
        <v>0.53014963865280196</v>
      </c>
    </row>
    <row r="140" spans="1:7" x14ac:dyDescent="0.25">
      <c r="A140" t="s">
        <v>145</v>
      </c>
      <c r="B140">
        <v>424.95300292968801</v>
      </c>
      <c r="C140">
        <v>869.69784020073496</v>
      </c>
      <c r="D140">
        <v>50.248161315917997</v>
      </c>
      <c r="E140">
        <v>8615.9398779272997</v>
      </c>
      <c r="F140">
        <v>91.074546813964801</v>
      </c>
      <c r="G140">
        <v>0.55172562599182096</v>
      </c>
    </row>
    <row r="141" spans="1:7" x14ac:dyDescent="0.25">
      <c r="A141" t="s">
        <v>146</v>
      </c>
      <c r="B141">
        <v>428.54299926757801</v>
      </c>
      <c r="C141">
        <v>860.18526291692297</v>
      </c>
      <c r="D141">
        <v>49.392784118652301</v>
      </c>
      <c r="E141">
        <v>8469.2705422639792</v>
      </c>
      <c r="F141">
        <v>90.078392028808594</v>
      </c>
      <c r="G141">
        <v>0.54833108186721802</v>
      </c>
    </row>
    <row r="142" spans="1:7" x14ac:dyDescent="0.25">
      <c r="A142" t="s">
        <v>147</v>
      </c>
      <c r="B142">
        <v>432.14300537109398</v>
      </c>
      <c r="C142">
        <v>850.624819668437</v>
      </c>
      <c r="D142">
        <v>47.991954803466797</v>
      </c>
      <c r="E142">
        <v>8229.0731370449103</v>
      </c>
      <c r="F142">
        <v>89.077224731445298</v>
      </c>
      <c r="G142">
        <v>0.53876793384552002</v>
      </c>
    </row>
    <row r="143" spans="1:7" x14ac:dyDescent="0.25">
      <c r="A143" t="s">
        <v>148</v>
      </c>
      <c r="B143">
        <v>435.74301147460898</v>
      </c>
      <c r="C143">
        <v>841.08295453409403</v>
      </c>
      <c r="D143">
        <v>45.367210388183601</v>
      </c>
      <c r="E143">
        <v>7779.0142968296996</v>
      </c>
      <c r="F143">
        <v>88.0780029296875</v>
      </c>
      <c r="G143">
        <v>0.51507991552352905</v>
      </c>
    </row>
    <row r="144" spans="1:7" x14ac:dyDescent="0.25">
      <c r="A144" t="s">
        <v>149</v>
      </c>
      <c r="B144">
        <v>439.35299682617199</v>
      </c>
      <c r="C144">
        <v>831.50488029101098</v>
      </c>
      <c r="D144">
        <v>45.016525268554702</v>
      </c>
      <c r="E144">
        <v>7718.8829891383602</v>
      </c>
      <c r="F144">
        <v>87.074989318847699</v>
      </c>
      <c r="G144">
        <v>0.51698571443557695</v>
      </c>
    </row>
    <row r="145" spans="1:7" x14ac:dyDescent="0.25">
      <c r="A145" t="s">
        <v>150</v>
      </c>
      <c r="B145">
        <v>442.94299316406301</v>
      </c>
      <c r="C145">
        <v>821.98618315783403</v>
      </c>
      <c r="D145">
        <v>45.453529357910199</v>
      </c>
      <c r="E145">
        <v>7793.8153408467797</v>
      </c>
      <c r="F145">
        <v>86.078193664550795</v>
      </c>
      <c r="G145">
        <v>0.52804929018020597</v>
      </c>
    </row>
    <row r="146" spans="1:7" x14ac:dyDescent="0.25">
      <c r="A146" t="s">
        <v>151</v>
      </c>
      <c r="B146">
        <v>446.54299926757801</v>
      </c>
      <c r="C146">
        <v>812.43899958297095</v>
      </c>
      <c r="D146">
        <v>44.232669830322301</v>
      </c>
      <c r="E146">
        <v>7584.4773091375801</v>
      </c>
      <c r="F146">
        <v>85.078414916992202</v>
      </c>
      <c r="G146">
        <v>0.51990473270416304</v>
      </c>
    </row>
    <row r="147" spans="1:7" x14ac:dyDescent="0.25">
      <c r="A147" t="s">
        <v>152</v>
      </c>
      <c r="B147">
        <v>450.14300537109398</v>
      </c>
      <c r="C147">
        <v>802.89145173136103</v>
      </c>
      <c r="D147">
        <v>43.561546325683601</v>
      </c>
      <c r="E147">
        <v>7469.4007635116604</v>
      </c>
      <c r="F147">
        <v>84.078598022460895</v>
      </c>
      <c r="G147">
        <v>0.51810503005981401</v>
      </c>
    </row>
    <row r="148" spans="1:7" x14ac:dyDescent="0.25">
      <c r="A148" t="s">
        <v>153</v>
      </c>
      <c r="B148">
        <v>453.74301147460898</v>
      </c>
      <c r="C148">
        <v>793.34842091142502</v>
      </c>
      <c r="D148">
        <v>41.871707916259801</v>
      </c>
      <c r="E148">
        <v>7179.6481497585801</v>
      </c>
      <c r="F148">
        <v>83.079254150390597</v>
      </c>
      <c r="G148">
        <v>0.50399714708328203</v>
      </c>
    </row>
    <row r="149" spans="1:7" x14ac:dyDescent="0.25">
      <c r="A149" t="s">
        <v>154</v>
      </c>
      <c r="B149">
        <v>457.34298706054699</v>
      </c>
      <c r="C149">
        <v>783.80801288407395</v>
      </c>
      <c r="D149">
        <v>43.749687194824197</v>
      </c>
      <c r="E149">
        <v>7501.6608461737596</v>
      </c>
      <c r="F149">
        <v>82.080184936523395</v>
      </c>
      <c r="G149">
        <v>0.53301155567169201</v>
      </c>
    </row>
    <row r="150" spans="1:7" x14ac:dyDescent="0.25">
      <c r="A150" t="s">
        <v>155</v>
      </c>
      <c r="B150">
        <v>460.94299316406301</v>
      </c>
      <c r="C150">
        <v>774.24756963558798</v>
      </c>
      <c r="D150">
        <v>42.884712219238303</v>
      </c>
      <c r="E150">
        <v>7353.34539785981</v>
      </c>
      <c r="F150">
        <v>81.079017639160199</v>
      </c>
      <c r="G150">
        <v>0.52892488241195701</v>
      </c>
    </row>
    <row r="151" spans="1:7" x14ac:dyDescent="0.25">
      <c r="A151" t="s">
        <v>156</v>
      </c>
      <c r="B151">
        <v>464.54299926757801</v>
      </c>
      <c r="C151">
        <v>764.70971154547203</v>
      </c>
      <c r="D151">
        <v>40.77001953125</v>
      </c>
      <c r="E151">
        <v>6990.7442666590196</v>
      </c>
      <c r="F151">
        <v>80.080215454101605</v>
      </c>
      <c r="G151">
        <v>0.50911474227905296</v>
      </c>
    </row>
    <row r="152" spans="1:7" x14ac:dyDescent="0.25">
      <c r="A152" t="s">
        <v>157</v>
      </c>
      <c r="B152">
        <v>468.14300537109398</v>
      </c>
      <c r="C152">
        <v>755.15618955519699</v>
      </c>
      <c r="D152">
        <v>39.713489532470703</v>
      </c>
      <c r="E152">
        <v>6809.5829337835303</v>
      </c>
      <c r="F152">
        <v>79.079772949218807</v>
      </c>
      <c r="G152">
        <v>0.50219529867172197</v>
      </c>
    </row>
    <row r="153" spans="1:7" x14ac:dyDescent="0.25">
      <c r="A153" t="s">
        <v>158</v>
      </c>
      <c r="B153">
        <v>471.74301147460898</v>
      </c>
      <c r="C153">
        <v>745.61476155295099</v>
      </c>
      <c r="D153">
        <v>44.091236114502003</v>
      </c>
      <c r="E153">
        <v>7560.2256692946003</v>
      </c>
      <c r="F153">
        <v>78.080596923828097</v>
      </c>
      <c r="G153">
        <v>0.56468874216079701</v>
      </c>
    </row>
    <row r="154" spans="1:7" x14ac:dyDescent="0.25">
      <c r="A154" t="s">
        <v>159</v>
      </c>
      <c r="B154">
        <v>475.34298706054699</v>
      </c>
      <c r="C154">
        <v>736.06714084599105</v>
      </c>
      <c r="D154">
        <v>37.788642883300803</v>
      </c>
      <c r="E154">
        <v>6479.5343205332802</v>
      </c>
      <c r="F154">
        <v>77.080772399902301</v>
      </c>
      <c r="G154">
        <v>0.49024733901023898</v>
      </c>
    </row>
    <row r="155" spans="1:7" x14ac:dyDescent="0.25">
      <c r="A155" t="s">
        <v>160</v>
      </c>
      <c r="B155">
        <v>478.94299316406301</v>
      </c>
      <c r="C155">
        <v>726.51784446599095</v>
      </c>
      <c r="D155">
        <v>37.462516784667997</v>
      </c>
      <c r="E155">
        <v>6423.6139878630602</v>
      </c>
      <c r="F155">
        <v>76.080772399902301</v>
      </c>
      <c r="G155">
        <v>0.49240452051162698</v>
      </c>
    </row>
    <row r="156" spans="1:7" x14ac:dyDescent="0.25">
      <c r="A156" t="s">
        <v>161</v>
      </c>
      <c r="B156">
        <v>482.54299926757801</v>
      </c>
      <c r="C156">
        <v>716.98428484149997</v>
      </c>
      <c r="D156">
        <v>37.889080047607401</v>
      </c>
      <c r="E156">
        <v>6496.7558719217805</v>
      </c>
      <c r="F156">
        <v>75.082420349121094</v>
      </c>
      <c r="G156">
        <v>0.504633188247681</v>
      </c>
    </row>
    <row r="157" spans="1:7" x14ac:dyDescent="0.25">
      <c r="A157" t="s">
        <v>162</v>
      </c>
      <c r="B157">
        <v>486.14300537109398</v>
      </c>
      <c r="C157">
        <v>707.42027168088498</v>
      </c>
      <c r="D157">
        <v>36.881092071533203</v>
      </c>
      <c r="E157">
        <v>6323.9182345569097</v>
      </c>
      <c r="F157">
        <v>74.080879211425795</v>
      </c>
      <c r="G157">
        <v>0.49784901738166798</v>
      </c>
    </row>
    <row r="158" spans="1:7" x14ac:dyDescent="0.25">
      <c r="A158" t="s">
        <v>163</v>
      </c>
      <c r="B158">
        <v>489.74301147460898</v>
      </c>
      <c r="C158">
        <v>697.876366596754</v>
      </c>
      <c r="D158">
        <v>37.184211730957003</v>
      </c>
      <c r="E158">
        <v>6375.8939504623404</v>
      </c>
      <c r="F158">
        <v>73.081443786621094</v>
      </c>
      <c r="G158">
        <v>0.50880509614944502</v>
      </c>
    </row>
    <row r="159" spans="1:7" x14ac:dyDescent="0.25">
      <c r="A159" t="s">
        <v>164</v>
      </c>
      <c r="B159">
        <v>493.34298706054699</v>
      </c>
      <c r="C159">
        <v>688.32838161304699</v>
      </c>
      <c r="D159">
        <v>35.963760375976598</v>
      </c>
      <c r="E159">
        <v>6166.6257679462396</v>
      </c>
      <c r="F159">
        <v>72.081581115722699</v>
      </c>
      <c r="G159">
        <v>0.49893134832382202</v>
      </c>
    </row>
    <row r="160" spans="1:7" x14ac:dyDescent="0.25">
      <c r="A160" t="s">
        <v>165</v>
      </c>
      <c r="B160">
        <v>496.94299316406301</v>
      </c>
      <c r="C160">
        <v>678.78454938426501</v>
      </c>
      <c r="D160">
        <v>35.587966918945298</v>
      </c>
      <c r="E160">
        <v>6102.1889559924603</v>
      </c>
      <c r="F160">
        <v>71.0821533203125</v>
      </c>
      <c r="G160">
        <v>0.50065964460372903</v>
      </c>
    </row>
    <row r="161" spans="1:7" x14ac:dyDescent="0.25">
      <c r="A161" t="s">
        <v>166</v>
      </c>
      <c r="B161">
        <v>500.54299926757801</v>
      </c>
      <c r="C161">
        <v>669.22410613577904</v>
      </c>
      <c r="D161">
        <v>34.077606201171903</v>
      </c>
      <c r="E161">
        <v>5843.2109653949701</v>
      </c>
      <c r="F161">
        <v>70.080986022949205</v>
      </c>
      <c r="G161">
        <v>0.48626038432121299</v>
      </c>
    </row>
    <row r="162" spans="1:7" x14ac:dyDescent="0.25">
      <c r="A162" t="s">
        <v>167</v>
      </c>
      <c r="B162">
        <v>504.14300537109398</v>
      </c>
      <c r="C162">
        <v>659.68588376891603</v>
      </c>
      <c r="D162">
        <v>33.958076477050803</v>
      </c>
      <c r="E162">
        <v>5822.71534949541</v>
      </c>
      <c r="F162">
        <v>69.082145690917997</v>
      </c>
      <c r="G162">
        <v>0.49156081676483199</v>
      </c>
    </row>
    <row r="163" spans="1:7" x14ac:dyDescent="0.25">
      <c r="A163" t="s">
        <v>168</v>
      </c>
      <c r="B163">
        <v>507.74301147460898</v>
      </c>
      <c r="C163">
        <v>650.13884590475197</v>
      </c>
      <c r="D163">
        <v>34.106796264648402</v>
      </c>
      <c r="E163">
        <v>5848.2158929109601</v>
      </c>
      <c r="F163">
        <v>68.082382202148395</v>
      </c>
      <c r="G163">
        <v>0.50096362829208396</v>
      </c>
    </row>
    <row r="164" spans="1:7" x14ac:dyDescent="0.25">
      <c r="A164" t="s">
        <v>169</v>
      </c>
      <c r="B164">
        <v>511.34298706054699</v>
      </c>
      <c r="C164">
        <v>640.58692673216797</v>
      </c>
      <c r="D164">
        <v>33.502017974853501</v>
      </c>
      <c r="E164">
        <v>5744.5163838565404</v>
      </c>
      <c r="F164">
        <v>67.082107543945298</v>
      </c>
      <c r="G164">
        <v>0.49941807985305797</v>
      </c>
    </row>
    <row r="165" spans="1:7" x14ac:dyDescent="0.25">
      <c r="A165" t="s">
        <v>170</v>
      </c>
      <c r="B165">
        <v>514.94299316406295</v>
      </c>
      <c r="C165">
        <v>631.05132715788795</v>
      </c>
      <c r="D165">
        <v>31.873796463012699</v>
      </c>
      <c r="E165">
        <v>5465.3286933898898</v>
      </c>
      <c r="F165">
        <v>66.083541870117202</v>
      </c>
      <c r="G165">
        <v>0.48232579231262201</v>
      </c>
    </row>
    <row r="166" spans="1:7" x14ac:dyDescent="0.25">
      <c r="A166" t="s">
        <v>171</v>
      </c>
      <c r="B166">
        <v>518.552001953125</v>
      </c>
      <c r="C166">
        <v>621.47551143064197</v>
      </c>
      <c r="D166">
        <v>31.4566955566406</v>
      </c>
      <c r="E166">
        <v>5393.8091732561597</v>
      </c>
      <c r="F166">
        <v>65.080764770507798</v>
      </c>
      <c r="G166">
        <v>0.483348578214645</v>
      </c>
    </row>
    <row r="167" spans="1:7" x14ac:dyDescent="0.25">
      <c r="A167" t="s">
        <v>172</v>
      </c>
      <c r="B167">
        <v>522.15197753906295</v>
      </c>
      <c r="C167">
        <v>611.92344654735803</v>
      </c>
      <c r="D167">
        <v>28.4713745117188</v>
      </c>
      <c r="E167">
        <v>4881.9230869412404</v>
      </c>
      <c r="F167">
        <v>64.080474853515597</v>
      </c>
      <c r="G167">
        <v>0.44430655241012601</v>
      </c>
    </row>
    <row r="168" spans="1:7" x14ac:dyDescent="0.25">
      <c r="A168" t="s">
        <v>173</v>
      </c>
      <c r="B168">
        <v>525.75201416015602</v>
      </c>
      <c r="C168">
        <v>602.38311137535595</v>
      </c>
      <c r="D168">
        <v>26.748216629028299</v>
      </c>
      <c r="E168">
        <v>4586.4568091929004</v>
      </c>
      <c r="F168">
        <v>63.081413269042997</v>
      </c>
      <c r="G168">
        <v>0.42402690649032598</v>
      </c>
    </row>
    <row r="169" spans="1:7" x14ac:dyDescent="0.25">
      <c r="A169" t="s">
        <v>174</v>
      </c>
      <c r="B169">
        <v>529.35198974609398</v>
      </c>
      <c r="C169">
        <v>592.84066339821595</v>
      </c>
      <c r="D169">
        <v>28.248476028442401</v>
      </c>
      <c r="E169">
        <v>4843.7030054628804</v>
      </c>
      <c r="F169">
        <v>62.082130432128899</v>
      </c>
      <c r="G169">
        <v>0.45501783490181003</v>
      </c>
    </row>
    <row r="170" spans="1:7" x14ac:dyDescent="0.25">
      <c r="A170" t="s">
        <v>175</v>
      </c>
      <c r="B170">
        <v>532.95202636718795</v>
      </c>
      <c r="C170">
        <v>583.29595690524002</v>
      </c>
      <c r="D170">
        <v>24.215898513793899</v>
      </c>
      <c r="E170">
        <v>4152.2458195686304</v>
      </c>
      <c r="F170">
        <v>61.082611083984403</v>
      </c>
      <c r="G170">
        <v>0.39644503593444802</v>
      </c>
    </row>
    <row r="171" spans="1:7" x14ac:dyDescent="0.25">
      <c r="A171" t="s">
        <v>176</v>
      </c>
      <c r="B171">
        <v>536.552001953125</v>
      </c>
      <c r="C171">
        <v>573.74181564449304</v>
      </c>
      <c r="D171">
        <v>25.4647426605225</v>
      </c>
      <c r="E171">
        <v>4366.3824908435299</v>
      </c>
      <c r="F171">
        <v>60.082103729247997</v>
      </c>
      <c r="G171">
        <v>0.42383241653442399</v>
      </c>
    </row>
    <row r="172" spans="1:7" x14ac:dyDescent="0.25">
      <c r="A172" t="s">
        <v>177</v>
      </c>
      <c r="B172">
        <v>540.15197753906295</v>
      </c>
      <c r="C172">
        <v>564.19197284937104</v>
      </c>
      <c r="D172">
        <v>24.76096534729</v>
      </c>
      <c r="E172">
        <v>4245.7072995603103</v>
      </c>
      <c r="F172">
        <v>59.082046508789098</v>
      </c>
      <c r="G172">
        <v>0.41909459233284002</v>
      </c>
    </row>
    <row r="173" spans="1:7" x14ac:dyDescent="0.25">
      <c r="A173" t="s">
        <v>178</v>
      </c>
      <c r="B173">
        <v>543.75201416015602</v>
      </c>
      <c r="C173">
        <v>554.65018057037798</v>
      </c>
      <c r="D173">
        <v>22.560693740844702</v>
      </c>
      <c r="E173">
        <v>3868.4315513819502</v>
      </c>
      <c r="F173">
        <v>58.082832336425803</v>
      </c>
      <c r="G173">
        <v>0.38842275738716098</v>
      </c>
    </row>
    <row r="174" spans="1:7" x14ac:dyDescent="0.25">
      <c r="A174" t="s">
        <v>179</v>
      </c>
      <c r="B174">
        <v>547.35198974609398</v>
      </c>
      <c r="C174">
        <v>545.09880781291497</v>
      </c>
      <c r="D174">
        <v>21.922754287719702</v>
      </c>
      <c r="E174">
        <v>3759.0456195175602</v>
      </c>
      <c r="F174">
        <v>57.082614898681598</v>
      </c>
      <c r="G174">
        <v>0.38405308127403298</v>
      </c>
    </row>
    <row r="175" spans="1:7" x14ac:dyDescent="0.25">
      <c r="A175" t="s">
        <v>180</v>
      </c>
      <c r="B175">
        <v>550.95202636718795</v>
      </c>
      <c r="C175">
        <v>535.55078640153204</v>
      </c>
      <c r="D175">
        <v>22.700841903686499</v>
      </c>
      <c r="E175">
        <v>3892.4624677747502</v>
      </c>
      <c r="F175">
        <v>56.082748413085902</v>
      </c>
      <c r="G175">
        <v>0.404774069786072</v>
      </c>
    </row>
    <row r="176" spans="1:7" x14ac:dyDescent="0.25">
      <c r="A176" t="s">
        <v>181</v>
      </c>
      <c r="B176">
        <v>554.552001953125</v>
      </c>
      <c r="C176">
        <v>526.00702702809997</v>
      </c>
      <c r="D176">
        <v>21.569969177246101</v>
      </c>
      <c r="E176">
        <v>3698.5543556511402</v>
      </c>
      <c r="F176">
        <v>55.083328247070298</v>
      </c>
      <c r="G176">
        <v>0.39158797264099099</v>
      </c>
    </row>
    <row r="177" spans="1:7" x14ac:dyDescent="0.25">
      <c r="A177" t="s">
        <v>182</v>
      </c>
      <c r="B177">
        <v>558.15197753906295</v>
      </c>
      <c r="C177">
        <v>516.46410549118798</v>
      </c>
      <c r="D177">
        <v>21.4813556671143</v>
      </c>
      <c r="E177">
        <v>3683.3600606769301</v>
      </c>
      <c r="F177">
        <v>54.083995819091797</v>
      </c>
      <c r="G177">
        <v>0.39718505740165699</v>
      </c>
    </row>
    <row r="178" spans="1:7" x14ac:dyDescent="0.25">
      <c r="A178" t="s">
        <v>183</v>
      </c>
      <c r="B178">
        <v>561.75201416015602</v>
      </c>
      <c r="C178">
        <v>506.91018279649001</v>
      </c>
      <c r="D178">
        <v>19.090518951416001</v>
      </c>
      <c r="E178">
        <v>3273.40862713754</v>
      </c>
      <c r="F178">
        <v>53.083511352539098</v>
      </c>
      <c r="G178">
        <v>0.35963180661201499</v>
      </c>
    </row>
    <row r="179" spans="1:7" x14ac:dyDescent="0.25">
      <c r="A179" t="s">
        <v>184</v>
      </c>
      <c r="B179">
        <v>565.35198974609398</v>
      </c>
      <c r="C179">
        <v>497.36853622819598</v>
      </c>
      <c r="D179">
        <v>18.732242584228501</v>
      </c>
      <c r="E179">
        <v>3211.9757961481801</v>
      </c>
      <c r="F179">
        <v>52.084312438964801</v>
      </c>
      <c r="G179">
        <v>0.359652310609818</v>
      </c>
    </row>
    <row r="180" spans="1:7" x14ac:dyDescent="0.25">
      <c r="A180" t="s">
        <v>185</v>
      </c>
      <c r="B180">
        <v>568.95202636718795</v>
      </c>
      <c r="C180">
        <v>487.82051481681401</v>
      </c>
      <c r="D180">
        <v>17.9950160980225</v>
      </c>
      <c r="E180">
        <v>3085.5650547891901</v>
      </c>
      <c r="F180">
        <v>51.084445953369098</v>
      </c>
      <c r="G180">
        <v>0.352260172367096</v>
      </c>
    </row>
    <row r="181" spans="1:7" x14ac:dyDescent="0.25">
      <c r="A181" t="s">
        <v>186</v>
      </c>
      <c r="B181">
        <v>572.552001953125</v>
      </c>
      <c r="C181">
        <v>478.272384122407</v>
      </c>
      <c r="D181">
        <v>18.4581413269043</v>
      </c>
      <c r="E181">
        <v>3164.9763695895699</v>
      </c>
      <c r="F181">
        <v>50.084568023681598</v>
      </c>
      <c r="G181">
        <v>0.36853948235511802</v>
      </c>
    </row>
    <row r="182" spans="1:7" x14ac:dyDescent="0.25">
      <c r="A182" t="s">
        <v>187</v>
      </c>
      <c r="B182">
        <v>576.15197753906295</v>
      </c>
      <c r="C182">
        <v>468.73139325225901</v>
      </c>
      <c r="D182">
        <v>16.5872917175293</v>
      </c>
      <c r="E182">
        <v>2844.18580122292</v>
      </c>
      <c r="F182">
        <v>49.085437774658203</v>
      </c>
      <c r="G182">
        <v>0.33792692422866799</v>
      </c>
    </row>
    <row r="183" spans="1:7" x14ac:dyDescent="0.25">
      <c r="A183" t="s">
        <v>188</v>
      </c>
      <c r="B183">
        <v>579.75201416015602</v>
      </c>
      <c r="C183">
        <v>459.17699699778802</v>
      </c>
      <c r="D183">
        <v>15.928459167480501</v>
      </c>
      <c r="E183">
        <v>2731.2173042446402</v>
      </c>
      <c r="F183">
        <v>48.084903717041001</v>
      </c>
      <c r="G183">
        <v>0.33125695586204501</v>
      </c>
    </row>
    <row r="184" spans="1:7" x14ac:dyDescent="0.25">
      <c r="A184" t="s">
        <v>189</v>
      </c>
      <c r="B184">
        <v>583.35198974609398</v>
      </c>
      <c r="C184">
        <v>449.62966771222699</v>
      </c>
      <c r="D184">
        <v>15.9218664169312</v>
      </c>
      <c r="E184">
        <v>2730.0869114697002</v>
      </c>
      <c r="F184">
        <v>47.085109710693402</v>
      </c>
      <c r="G184">
        <v>0.33815076947212203</v>
      </c>
    </row>
    <row r="185" spans="1:7" x14ac:dyDescent="0.25">
      <c r="A185" t="s">
        <v>190</v>
      </c>
      <c r="B185">
        <v>586.95202636718795</v>
      </c>
      <c r="C185">
        <v>440.08572620042099</v>
      </c>
      <c r="D185">
        <v>15.672611236572299</v>
      </c>
      <c r="E185">
        <v>2687.3475871980199</v>
      </c>
      <c r="F185">
        <v>46.085670471191399</v>
      </c>
      <c r="G185">
        <v>0.34007558226585399</v>
      </c>
    </row>
    <row r="186" spans="1:7" x14ac:dyDescent="0.25">
      <c r="A186" t="s">
        <v>191</v>
      </c>
      <c r="B186">
        <v>590.552001953125</v>
      </c>
      <c r="C186">
        <v>430.53417130458399</v>
      </c>
      <c r="D186">
        <v>14.722126007080099</v>
      </c>
      <c r="E186">
        <v>2524.3700947612501</v>
      </c>
      <c r="F186">
        <v>45.085433959960902</v>
      </c>
      <c r="G186">
        <v>0.32653841376304599</v>
      </c>
    </row>
    <row r="187" spans="1:7" x14ac:dyDescent="0.25">
      <c r="A187" t="s">
        <v>192</v>
      </c>
      <c r="B187">
        <v>594.15197753906295</v>
      </c>
      <c r="C187">
        <v>420.99449183072801</v>
      </c>
      <c r="D187">
        <v>14.143293380737299</v>
      </c>
      <c r="E187">
        <v>2425.1188151538399</v>
      </c>
      <c r="F187">
        <v>44.086441040039098</v>
      </c>
      <c r="G187">
        <v>0.32080823183059698</v>
      </c>
    </row>
    <row r="188" spans="1:7" x14ac:dyDescent="0.25">
      <c r="A188" t="s">
        <v>193</v>
      </c>
      <c r="B188">
        <v>597.75201416015602</v>
      </c>
      <c r="C188">
        <v>411.44439404188302</v>
      </c>
      <c r="D188">
        <v>13.657361984252899</v>
      </c>
      <c r="E188">
        <v>2341.7973425239302</v>
      </c>
      <c r="F188">
        <v>43.086357116699197</v>
      </c>
      <c r="G188">
        <v>0.316976487636566</v>
      </c>
    </row>
    <row r="189" spans="1:7" x14ac:dyDescent="0.25">
      <c r="A189" t="s">
        <v>194</v>
      </c>
      <c r="B189">
        <v>601.35198974609398</v>
      </c>
      <c r="C189">
        <v>401.89670047957401</v>
      </c>
      <c r="D189">
        <v>13.6997575759888</v>
      </c>
      <c r="E189">
        <v>2349.0667808800899</v>
      </c>
      <c r="F189">
        <v>42.086524963378899</v>
      </c>
      <c r="G189">
        <v>0.32551410794258101</v>
      </c>
    </row>
    <row r="190" spans="1:7" x14ac:dyDescent="0.25">
      <c r="A190" t="s">
        <v>195</v>
      </c>
      <c r="B190">
        <v>604.95202636718795</v>
      </c>
      <c r="C190">
        <v>392.35206684194702</v>
      </c>
      <c r="D190">
        <v>12.3927221298218</v>
      </c>
      <c r="E190">
        <v>2124.9523852020502</v>
      </c>
      <c r="F190">
        <v>41.087013244628899</v>
      </c>
      <c r="G190">
        <v>0.30162137746810902</v>
      </c>
    </row>
    <row r="191" spans="1:7" x14ac:dyDescent="0.25">
      <c r="A191" t="s">
        <v>196</v>
      </c>
      <c r="B191">
        <v>608.552001953125</v>
      </c>
      <c r="C191">
        <v>382.80408185823899</v>
      </c>
      <c r="D191">
        <v>12.290956497192401</v>
      </c>
      <c r="E191">
        <v>2107.50289261341</v>
      </c>
      <c r="F191">
        <v>40.087150573730497</v>
      </c>
      <c r="G191">
        <v>0.306605905294418</v>
      </c>
    </row>
    <row r="192" spans="1:7" x14ac:dyDescent="0.25">
      <c r="A192" t="s">
        <v>197</v>
      </c>
      <c r="B192">
        <v>612.15197753906295</v>
      </c>
      <c r="C192">
        <v>373.25391121404402</v>
      </c>
      <c r="D192">
        <v>11.576376914978001</v>
      </c>
      <c r="E192">
        <v>1984.97553355992</v>
      </c>
      <c r="F192">
        <v>39.087059020996101</v>
      </c>
      <c r="G192">
        <v>0.29616904258728</v>
      </c>
    </row>
    <row r="193" spans="1:7" x14ac:dyDescent="0.25">
      <c r="A193" t="s">
        <v>198</v>
      </c>
      <c r="B193">
        <v>615.75201416015602</v>
      </c>
      <c r="C193">
        <v>363.70446912334501</v>
      </c>
      <c r="D193">
        <v>10.2151803970337</v>
      </c>
      <c r="E193">
        <v>1751.57422199845</v>
      </c>
      <c r="F193">
        <v>38.087043762207003</v>
      </c>
      <c r="G193">
        <v>0.26820617914199801</v>
      </c>
    </row>
    <row r="194" spans="1:7" x14ac:dyDescent="0.25">
      <c r="A194" t="s">
        <v>199</v>
      </c>
      <c r="B194">
        <v>619.35198974609398</v>
      </c>
      <c r="C194">
        <v>354.15856051710102</v>
      </c>
      <c r="D194">
        <v>10.9295148849487</v>
      </c>
      <c r="E194">
        <v>1874.05943870544</v>
      </c>
      <c r="F194">
        <v>37.087398529052699</v>
      </c>
      <c r="G194">
        <v>0.29469618201255798</v>
      </c>
    </row>
    <row r="195" spans="1:7" x14ac:dyDescent="0.25">
      <c r="A195" t="s">
        <v>200</v>
      </c>
      <c r="B195">
        <v>622.95202636718795</v>
      </c>
      <c r="C195">
        <v>344.61421830087198</v>
      </c>
      <c r="D195">
        <v>9.9417295455932599</v>
      </c>
      <c r="E195">
        <v>1704.68608848751</v>
      </c>
      <c r="F195">
        <v>36.087917327880902</v>
      </c>
      <c r="G195">
        <v>0.275486379861832</v>
      </c>
    </row>
    <row r="196" spans="1:7" x14ac:dyDescent="0.25">
      <c r="A196" t="s">
        <v>201</v>
      </c>
      <c r="B196">
        <v>626.552001953125</v>
      </c>
      <c r="C196">
        <v>335.07439311631703</v>
      </c>
      <c r="D196">
        <v>9.7423076629638707</v>
      </c>
      <c r="E196">
        <v>1670.4916488379199</v>
      </c>
      <c r="F196">
        <v>35.088909149169901</v>
      </c>
      <c r="G196">
        <v>0.27764636278152499</v>
      </c>
    </row>
    <row r="197" spans="1:7" x14ac:dyDescent="0.25">
      <c r="A197" t="s">
        <v>202</v>
      </c>
      <c r="B197">
        <v>630.15197753906295</v>
      </c>
      <c r="C197">
        <v>325.51784762903401</v>
      </c>
      <c r="D197">
        <v>9.5330533981323207</v>
      </c>
      <c r="E197">
        <v>1634.6112824976401</v>
      </c>
      <c r="F197">
        <v>34.088150024414098</v>
      </c>
      <c r="G197">
        <v>0.279658854007721</v>
      </c>
    </row>
    <row r="198" spans="1:7" x14ac:dyDescent="0.25">
      <c r="A198" t="s">
        <v>203</v>
      </c>
      <c r="B198">
        <v>633.75201416015602</v>
      </c>
      <c r="C198">
        <v>315.969644079278</v>
      </c>
      <c r="D198">
        <v>9.1188220977783203</v>
      </c>
      <c r="E198">
        <v>1563.58408275992</v>
      </c>
      <c r="F198">
        <v>33.088264465332003</v>
      </c>
      <c r="G198">
        <v>0.27559083700180098</v>
      </c>
    </row>
    <row r="199" spans="1:7" x14ac:dyDescent="0.25">
      <c r="A199" t="s">
        <v>204</v>
      </c>
      <c r="B199">
        <v>637.35198974609398</v>
      </c>
      <c r="C199">
        <v>306.42508329700001</v>
      </c>
      <c r="D199">
        <v>8.2848119735717791</v>
      </c>
      <c r="E199">
        <v>1420.57822085917</v>
      </c>
      <c r="F199">
        <v>32.088760375976598</v>
      </c>
      <c r="G199">
        <v>0.258184224367142</v>
      </c>
    </row>
    <row r="200" spans="1:7" x14ac:dyDescent="0.25">
      <c r="A200" t="s">
        <v>205</v>
      </c>
      <c r="B200">
        <v>640.95202636718795</v>
      </c>
      <c r="C200">
        <v>296.87901076621898</v>
      </c>
      <c r="D200">
        <v>8.4944219589233398</v>
      </c>
      <c r="E200">
        <v>1456.51947241277</v>
      </c>
      <c r="F200">
        <v>31.089097976684599</v>
      </c>
      <c r="G200">
        <v>0.27322831749916099</v>
      </c>
    </row>
    <row r="201" spans="1:7" x14ac:dyDescent="0.25">
      <c r="A201" t="s">
        <v>206</v>
      </c>
      <c r="B201">
        <v>644.552001953125</v>
      </c>
      <c r="C201">
        <v>287.33239182031599</v>
      </c>
      <c r="D201">
        <v>7.4200749397277797</v>
      </c>
      <c r="E201">
        <v>1272.3036343231799</v>
      </c>
      <c r="F201">
        <v>30.089378356933601</v>
      </c>
      <c r="G201">
        <v>0.24660113453865101</v>
      </c>
    </row>
    <row r="202" spans="1:7" x14ac:dyDescent="0.25">
      <c r="A202" t="s">
        <v>207</v>
      </c>
      <c r="B202">
        <v>648.15197753906295</v>
      </c>
      <c r="C202">
        <v>277.78506253475501</v>
      </c>
      <c r="D202">
        <v>6.4091100692748997</v>
      </c>
      <c r="E202">
        <v>1098.95574860275</v>
      </c>
      <c r="F202">
        <v>29.089584350585898</v>
      </c>
      <c r="G202">
        <v>0.22032319009303999</v>
      </c>
    </row>
    <row r="203" spans="1:7" x14ac:dyDescent="0.25">
      <c r="A203" t="s">
        <v>208</v>
      </c>
      <c r="B203">
        <v>651.75201416015602</v>
      </c>
      <c r="C203">
        <v>268.238352519665</v>
      </c>
      <c r="D203">
        <v>7.4050273895263699</v>
      </c>
      <c r="E203">
        <v>1269.72352154553</v>
      </c>
      <c r="F203">
        <v>28.0898551940918</v>
      </c>
      <c r="G203">
        <v>0.263619273900986</v>
      </c>
    </row>
    <row r="204" spans="1:7" x14ac:dyDescent="0.25">
      <c r="A204" t="s">
        <v>209</v>
      </c>
      <c r="B204">
        <v>655.35198974609398</v>
      </c>
      <c r="C204">
        <v>258.69062252968098</v>
      </c>
      <c r="D204">
        <v>6.0325126647949201</v>
      </c>
      <c r="E204">
        <v>1034.38145015389</v>
      </c>
      <c r="F204">
        <v>27.090019226074201</v>
      </c>
      <c r="G204">
        <v>0.222683951258659</v>
      </c>
    </row>
    <row r="205" spans="1:7" x14ac:dyDescent="0.25">
      <c r="A205" t="s">
        <v>210</v>
      </c>
      <c r="B205">
        <v>658.95202636718795</v>
      </c>
      <c r="C205">
        <v>249.14298360888401</v>
      </c>
      <c r="D205">
        <v>6.2358317375183097</v>
      </c>
      <c r="E205">
        <v>1069.2441137507601</v>
      </c>
      <c r="F205">
        <v>26.090192794799801</v>
      </c>
      <c r="G205">
        <v>0.23901057243347201</v>
      </c>
    </row>
    <row r="206" spans="1:7" x14ac:dyDescent="0.25">
      <c r="A206" t="s">
        <v>211</v>
      </c>
      <c r="B206">
        <v>662.552001953125</v>
      </c>
      <c r="C206">
        <v>239.59791283915899</v>
      </c>
      <c r="D206">
        <v>5.4953556060790998</v>
      </c>
      <c r="E206">
        <v>942.27632507681801</v>
      </c>
      <c r="F206">
        <v>25.090635299682599</v>
      </c>
      <c r="G206">
        <v>0.21902018785476701</v>
      </c>
    </row>
    <row r="207" spans="1:7" x14ac:dyDescent="0.25">
      <c r="A207" t="s">
        <v>212</v>
      </c>
      <c r="B207">
        <v>666.15197753906295</v>
      </c>
      <c r="C207">
        <v>230.05147603162999</v>
      </c>
      <c r="D207">
        <v>4.9619221687316903</v>
      </c>
      <c r="E207">
        <v>850.80967983230903</v>
      </c>
      <c r="F207">
        <v>24.090934753418001</v>
      </c>
      <c r="G207">
        <v>0.20596636831760401</v>
      </c>
    </row>
    <row r="208" spans="1:7" x14ac:dyDescent="0.25">
      <c r="A208" t="s">
        <v>213</v>
      </c>
      <c r="B208">
        <v>669.75201416015602</v>
      </c>
      <c r="C208">
        <v>220.50319962652401</v>
      </c>
      <c r="D208">
        <v>5.14931392669678</v>
      </c>
      <c r="E208">
        <v>882.94135639444005</v>
      </c>
      <c r="F208">
        <v>23.091041564941399</v>
      </c>
      <c r="G208">
        <v>0.22300051152706099</v>
      </c>
    </row>
    <row r="209" spans="1:7" x14ac:dyDescent="0.25">
      <c r="A209" t="s">
        <v>214</v>
      </c>
      <c r="B209">
        <v>673.35198974609398</v>
      </c>
      <c r="C209">
        <v>210.95616176236101</v>
      </c>
      <c r="D209">
        <v>4.1995983123779297</v>
      </c>
      <c r="E209">
        <v>720.09570430964197</v>
      </c>
      <c r="F209">
        <v>22.0912780761719</v>
      </c>
      <c r="G209">
        <v>0.19010210037231401</v>
      </c>
    </row>
    <row r="210" spans="1:7" x14ac:dyDescent="0.25">
      <c r="A210" t="s">
        <v>215</v>
      </c>
      <c r="B210">
        <v>676.95202636718795</v>
      </c>
      <c r="C210">
        <v>201.41160098008399</v>
      </c>
      <c r="D210">
        <v>3.9334745407104501</v>
      </c>
      <c r="E210">
        <v>674.46409957483399</v>
      </c>
      <c r="F210">
        <v>21.091773986816399</v>
      </c>
      <c r="G210">
        <v>0.18649330735206601</v>
      </c>
    </row>
    <row r="211" spans="1:7" x14ac:dyDescent="0.25">
      <c r="A211" t="s">
        <v>216</v>
      </c>
      <c r="B211">
        <v>680.552001953125</v>
      </c>
      <c r="C211">
        <v>191.862832801369</v>
      </c>
      <c r="D211">
        <v>4.0299816131591797</v>
      </c>
      <c r="E211">
        <v>691.01195549592398</v>
      </c>
      <c r="F211">
        <v>20.0918292999268</v>
      </c>
      <c r="G211">
        <v>0.200578138232231</v>
      </c>
    </row>
    <row r="212" spans="1:7" x14ac:dyDescent="0.25">
      <c r="A212" t="s">
        <v>217</v>
      </c>
      <c r="B212">
        <v>684.15197753906295</v>
      </c>
      <c r="C212">
        <v>182.31535780510799</v>
      </c>
      <c r="D212">
        <v>3.7366535663604701</v>
      </c>
      <c r="E212">
        <v>640.71564702317096</v>
      </c>
      <c r="F212">
        <v>19.09202003479</v>
      </c>
      <c r="G212">
        <v>0.19571807980537401</v>
      </c>
    </row>
    <row r="213" spans="1:7" x14ac:dyDescent="0.25">
      <c r="A213" t="s">
        <v>218</v>
      </c>
      <c r="B213">
        <v>687.75201416015602</v>
      </c>
      <c r="C213">
        <v>172.76964955107499</v>
      </c>
      <c r="D213">
        <v>3.0499451160430899</v>
      </c>
      <c r="E213">
        <v>522.96725334599603</v>
      </c>
      <c r="F213">
        <v>18.0923957824707</v>
      </c>
      <c r="G213">
        <v>0.16857607662677801</v>
      </c>
    </row>
    <row r="214" spans="1:7" x14ac:dyDescent="0.25">
      <c r="A214" t="s">
        <v>219</v>
      </c>
      <c r="B214">
        <v>691.35198974609398</v>
      </c>
      <c r="C214">
        <v>163.22195598876499</v>
      </c>
      <c r="D214">
        <v>2.8640298843383798</v>
      </c>
      <c r="E214">
        <v>491.08878010883899</v>
      </c>
      <c r="F214">
        <v>17.092563629150401</v>
      </c>
      <c r="G214">
        <v>0.16755999624729201</v>
      </c>
    </row>
    <row r="215" spans="1:7" x14ac:dyDescent="0.25">
      <c r="A215" t="s">
        <v>220</v>
      </c>
      <c r="B215">
        <v>694.95202636718795</v>
      </c>
      <c r="C215">
        <v>153.67622952089499</v>
      </c>
      <c r="D215">
        <v>2.44447994232178</v>
      </c>
      <c r="E215">
        <v>419.149495428428</v>
      </c>
      <c r="F215">
        <v>16.092937469482401</v>
      </c>
      <c r="G215">
        <v>0.151897683739662</v>
      </c>
    </row>
    <row r="216" spans="1:7" x14ac:dyDescent="0.25">
      <c r="A216" t="s">
        <v>221</v>
      </c>
      <c r="B216">
        <v>698.552001953125</v>
      </c>
      <c r="C216">
        <v>144.12473837348901</v>
      </c>
      <c r="D216">
        <v>2.300137758255</v>
      </c>
      <c r="E216">
        <v>394.3994815927</v>
      </c>
      <c r="F216">
        <v>15.0927076339722</v>
      </c>
      <c r="G216">
        <v>0.152400597929955</v>
      </c>
    </row>
    <row r="217" spans="1:7" x14ac:dyDescent="0.25">
      <c r="A217" t="s">
        <v>222</v>
      </c>
      <c r="B217">
        <v>702.15197753906295</v>
      </c>
      <c r="C217">
        <v>134.57456772929399</v>
      </c>
      <c r="D217">
        <v>2.1269104480743399</v>
      </c>
      <c r="E217">
        <v>364.696577889845</v>
      </c>
      <c r="F217">
        <v>14.0926160812378</v>
      </c>
      <c r="G217">
        <v>0.15092374384403201</v>
      </c>
    </row>
    <row r="218" spans="1:7" x14ac:dyDescent="0.25">
      <c r="A218" t="s">
        <v>223</v>
      </c>
      <c r="B218">
        <v>705.75201416015602</v>
      </c>
      <c r="C218">
        <v>125.02499814173299</v>
      </c>
      <c r="D218">
        <v>2.0382320880889901</v>
      </c>
      <c r="E218">
        <v>349.49110704474202</v>
      </c>
      <c r="F218">
        <v>13.092587471008301</v>
      </c>
      <c r="G218">
        <v>0.15567833185195901</v>
      </c>
    </row>
    <row r="219" spans="1:7" x14ac:dyDescent="0.25">
      <c r="A219" t="s">
        <v>224</v>
      </c>
      <c r="B219">
        <v>709.35198974609398</v>
      </c>
      <c r="C219">
        <v>115.47396234026201</v>
      </c>
      <c r="D219">
        <v>1.74735891819</v>
      </c>
      <c r="E219">
        <v>299.61572727188502</v>
      </c>
      <c r="F219">
        <v>12.092405319213899</v>
      </c>
      <c r="G219">
        <v>0.14450052380561801</v>
      </c>
    </row>
    <row r="220" spans="1:7" x14ac:dyDescent="0.25">
      <c r="A220" t="s">
        <v>225</v>
      </c>
      <c r="B220">
        <v>712.95202636718795</v>
      </c>
      <c r="C220">
        <v>105.924219721246</v>
      </c>
      <c r="D220">
        <v>1.59491515159607</v>
      </c>
      <c r="E220">
        <v>273.47652940079598</v>
      </c>
      <c r="F220">
        <v>11.092358589172401</v>
      </c>
      <c r="G220">
        <v>0.143785029649734</v>
      </c>
    </row>
    <row r="221" spans="1:7" x14ac:dyDescent="0.25">
      <c r="A221" t="s">
        <v>226</v>
      </c>
      <c r="B221">
        <v>716.552001953125</v>
      </c>
      <c r="C221">
        <v>96.373539089603597</v>
      </c>
      <c r="D221">
        <v>1.3888300657272299</v>
      </c>
      <c r="E221">
        <v>238.13958978280399</v>
      </c>
      <c r="F221">
        <v>10.0922136306763</v>
      </c>
      <c r="G221">
        <v>0.13761401176452601</v>
      </c>
    </row>
    <row r="222" spans="1:7" x14ac:dyDescent="0.25">
      <c r="A222" t="s">
        <v>227</v>
      </c>
      <c r="B222">
        <v>720.15100097656295</v>
      </c>
      <c r="C222">
        <v>86.823304696977701</v>
      </c>
      <c r="D222">
        <v>1.2059369087219201</v>
      </c>
      <c r="E222">
        <v>206.77929569501401</v>
      </c>
      <c r="F222">
        <v>9.0921154022216797</v>
      </c>
      <c r="G222">
        <v>0.13263545930385601</v>
      </c>
    </row>
    <row r="223" spans="1:7" x14ac:dyDescent="0.25">
      <c r="A223" t="s">
        <v>228</v>
      </c>
      <c r="B223">
        <v>723.7509765625</v>
      </c>
      <c r="C223">
        <v>77.273461901855896</v>
      </c>
      <c r="D223">
        <v>0.97701603174209595</v>
      </c>
      <c r="E223">
        <v>167.52675583120401</v>
      </c>
      <c r="F223">
        <v>8.0920581817627006</v>
      </c>
      <c r="G223">
        <v>0.120737642049789</v>
      </c>
    </row>
    <row r="224" spans="1:7" x14ac:dyDescent="0.25">
      <c r="A224" t="s">
        <v>229</v>
      </c>
      <c r="B224">
        <v>727.35101318359398</v>
      </c>
      <c r="C224">
        <v>67.724420515579396</v>
      </c>
      <c r="D224">
        <v>0.78193014860153198</v>
      </c>
      <c r="E224">
        <v>134.075817186385</v>
      </c>
      <c r="F224">
        <v>7.0920848846435502</v>
      </c>
      <c r="G224">
        <v>0.11025391519069699</v>
      </c>
    </row>
    <row r="225" spans="1:7" x14ac:dyDescent="0.25">
      <c r="A225" t="s">
        <v>230</v>
      </c>
      <c r="B225">
        <v>730.95098876953102</v>
      </c>
      <c r="C225">
        <v>58.175752512969503</v>
      </c>
      <c r="D225">
        <v>0.68846380710601796</v>
      </c>
      <c r="E225">
        <v>118.049349111971</v>
      </c>
      <c r="F225">
        <v>6.0921506881713903</v>
      </c>
      <c r="G225">
        <v>0.113008335232735</v>
      </c>
    </row>
    <row r="226" spans="1:7" x14ac:dyDescent="0.25">
      <c r="A226" t="s">
        <v>231</v>
      </c>
      <c r="B226">
        <v>734.551025390625</v>
      </c>
      <c r="C226">
        <v>48.627293969489699</v>
      </c>
      <c r="D226">
        <v>0.49168619513511702</v>
      </c>
      <c r="E226">
        <v>84.308332588989302</v>
      </c>
      <c r="F226">
        <v>5.0922384262084996</v>
      </c>
      <c r="G226">
        <v>9.6556007862091106E-2</v>
      </c>
    </row>
    <row r="227" spans="1:7" x14ac:dyDescent="0.25">
      <c r="A227" t="s">
        <v>232</v>
      </c>
      <c r="B227">
        <v>738.15100097656295</v>
      </c>
      <c r="C227">
        <v>39.078767124119601</v>
      </c>
      <c r="D227">
        <v>0.37465268373489402</v>
      </c>
      <c r="E227">
        <v>64.240855863317805</v>
      </c>
      <c r="F227">
        <v>4.0923190116882298</v>
      </c>
      <c r="G227">
        <v>9.1550216078758198E-2</v>
      </c>
    </row>
    <row r="228" spans="1:7" x14ac:dyDescent="0.25">
      <c r="A228" t="s">
        <v>233</v>
      </c>
      <c r="B228">
        <v>741.7509765625</v>
      </c>
      <c r="C228">
        <v>29.528949373024201</v>
      </c>
      <c r="D228">
        <v>0.22366933524608601</v>
      </c>
      <c r="E228">
        <v>38.352081901393802</v>
      </c>
      <c r="F228">
        <v>3.0922644138336199</v>
      </c>
      <c r="G228">
        <v>7.2331890463828999E-2</v>
      </c>
    </row>
    <row r="229" spans="1:7" x14ac:dyDescent="0.25">
      <c r="A229" t="s">
        <v>234</v>
      </c>
      <c r="B229">
        <v>745.35101318359398</v>
      </c>
      <c r="C229">
        <v>19.979939860963199</v>
      </c>
      <c r="D229">
        <v>9.8221816122531905E-2</v>
      </c>
      <c r="E229">
        <v>16.841875549289401</v>
      </c>
      <c r="F229">
        <v>2.0922944545745898</v>
      </c>
      <c r="G229">
        <v>4.6944547444581999E-2</v>
      </c>
    </row>
    <row r="230" spans="1:7" x14ac:dyDescent="0.25">
      <c r="A230" t="s">
        <v>235</v>
      </c>
      <c r="B230">
        <v>748.95098876953102</v>
      </c>
      <c r="C230">
        <v>10.4302735123911</v>
      </c>
      <c r="D230">
        <v>0.19915682077407801</v>
      </c>
      <c r="E230">
        <v>34.148975828429698</v>
      </c>
      <c r="F230">
        <v>1.0922557115554801</v>
      </c>
      <c r="G230">
        <v>0.18233534693718001</v>
      </c>
    </row>
    <row r="231" spans="1:7" x14ac:dyDescent="0.25">
      <c r="A231" t="s">
        <v>236</v>
      </c>
      <c r="B231">
        <v>752.551025390625</v>
      </c>
      <c r="C231">
        <v>0.88123482973109302</v>
      </c>
      <c r="D231">
        <v>0</v>
      </c>
      <c r="E231">
        <v>0</v>
      </c>
      <c r="F231">
        <v>9.2282697558403001E-2</v>
      </c>
      <c r="G231">
        <v>0</v>
      </c>
    </row>
  </sheetData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31"/>
  <sheetViews>
    <sheetView workbookViewId="0">
      <selection activeCell="I6" sqref="I6"/>
    </sheetView>
  </sheetViews>
  <sheetFormatPr defaultRowHeight="15" x14ac:dyDescent="0.25"/>
  <sheetData>
    <row r="1" spans="1:7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25">
      <c r="A2" t="s">
        <v>7</v>
      </c>
      <c r="B2">
        <v>8.8369998931884801</v>
      </c>
      <c r="C2">
        <v>8.8595890150974199</v>
      </c>
      <c r="D2">
        <v>227.70338439941401</v>
      </c>
      <c r="E2">
        <v>4047.3407134413701</v>
      </c>
      <c r="F2">
        <v>0.92777401208877597</v>
      </c>
      <c r="G2">
        <v>245.42979431152301</v>
      </c>
    </row>
    <row r="3" spans="1:7" x14ac:dyDescent="0.25">
      <c r="A3" t="s">
        <v>8</v>
      </c>
      <c r="B3">
        <v>12.427000045776399</v>
      </c>
      <c r="C3">
        <v>18.383232912674199</v>
      </c>
      <c r="D3">
        <v>190.22122192382801</v>
      </c>
      <c r="E3">
        <v>3381.1095636338</v>
      </c>
      <c r="F3">
        <v>1.92508769035339</v>
      </c>
      <c r="G3">
        <v>98.811714172363295</v>
      </c>
    </row>
    <row r="4" spans="1:7" x14ac:dyDescent="0.25">
      <c r="A4" t="s">
        <v>9</v>
      </c>
      <c r="B4">
        <v>16.027000427246101</v>
      </c>
      <c r="C4">
        <v>27.931361330351301</v>
      </c>
      <c r="D4">
        <v>169.50358581543</v>
      </c>
      <c r="E4">
        <v>3012.86135800183</v>
      </c>
      <c r="F4">
        <v>2.92496538162231</v>
      </c>
      <c r="G4">
        <v>57.950630187988303</v>
      </c>
    </row>
    <row r="5" spans="1:7" x14ac:dyDescent="0.25">
      <c r="A5" t="s">
        <v>10</v>
      </c>
      <c r="B5">
        <v>19.627000808715799</v>
      </c>
      <c r="C5">
        <v>37.482681723031803</v>
      </c>
      <c r="D5">
        <v>153.29193115234401</v>
      </c>
      <c r="E5">
        <v>2724.7054968029302</v>
      </c>
      <c r="F5">
        <v>3.9251773357391402</v>
      </c>
      <c r="G5">
        <v>39.053504943847699</v>
      </c>
    </row>
    <row r="6" spans="1:7" x14ac:dyDescent="0.25">
      <c r="A6" t="s">
        <v>11</v>
      </c>
      <c r="B6">
        <v>23.2369995117188</v>
      </c>
      <c r="C6">
        <v>47.055175701683602</v>
      </c>
      <c r="D6">
        <v>152.62466430664099</v>
      </c>
      <c r="E6">
        <v>2712.8451038152002</v>
      </c>
      <c r="F6">
        <v>4.9276065826415998</v>
      </c>
      <c r="G6">
        <v>30.973386764526399</v>
      </c>
    </row>
    <row r="7" spans="1:7" x14ac:dyDescent="0.25">
      <c r="A7" t="s">
        <v>12</v>
      </c>
      <c r="B7">
        <v>26.836999893188501</v>
      </c>
      <c r="C7">
        <v>56.605268937069603</v>
      </c>
      <c r="D7">
        <v>124.27920532226599</v>
      </c>
      <c r="E7">
        <v>2209.0154234319898</v>
      </c>
      <c r="F7">
        <v>5.9276900291442898</v>
      </c>
      <c r="G7">
        <v>20.965873718261701</v>
      </c>
    </row>
    <row r="8" spans="1:7" x14ac:dyDescent="0.25">
      <c r="A8" t="s">
        <v>13</v>
      </c>
      <c r="B8">
        <v>30.4370002746582</v>
      </c>
      <c r="C8">
        <v>66.153167405049601</v>
      </c>
      <c r="D8">
        <v>123.467613220215</v>
      </c>
      <c r="E8">
        <v>2194.5897024124902</v>
      </c>
      <c r="F8">
        <v>6.9275436401367196</v>
      </c>
      <c r="G8">
        <v>17.822711944580099</v>
      </c>
    </row>
    <row r="9" spans="1:7" x14ac:dyDescent="0.25">
      <c r="A9" t="s">
        <v>14</v>
      </c>
      <c r="B9">
        <v>34.036998748779297</v>
      </c>
      <c r="C9">
        <v>75.701871835334302</v>
      </c>
      <c r="D9">
        <v>127.46491241455099</v>
      </c>
      <c r="E9">
        <v>2265.64006879926</v>
      </c>
      <c r="F9">
        <v>7.9274816513061497</v>
      </c>
      <c r="G9">
        <v>16.078865051269499</v>
      </c>
    </row>
    <row r="10" spans="1:7" x14ac:dyDescent="0.25">
      <c r="A10" t="s">
        <v>15</v>
      </c>
      <c r="B10">
        <v>37.637001037597699</v>
      </c>
      <c r="C10">
        <v>85.251204643009004</v>
      </c>
      <c r="D10">
        <v>118.788948059082</v>
      </c>
      <c r="E10">
        <v>2111.4281844347702</v>
      </c>
      <c r="F10">
        <v>8.9274854660034197</v>
      </c>
      <c r="G10">
        <v>13.305980682373001</v>
      </c>
    </row>
    <row r="11" spans="1:7" x14ac:dyDescent="0.25">
      <c r="A11" t="s">
        <v>16</v>
      </c>
      <c r="B11">
        <v>41.227001190185497</v>
      </c>
      <c r="C11">
        <v>94.776950531257697</v>
      </c>
      <c r="D11">
        <v>129.27841186523401</v>
      </c>
      <c r="E11">
        <v>2297.87430725992</v>
      </c>
      <c r="F11">
        <v>9.9250192642211896</v>
      </c>
      <c r="G11">
        <v>13.0255069732666</v>
      </c>
    </row>
    <row r="12" spans="1:7" x14ac:dyDescent="0.25">
      <c r="A12" t="s">
        <v>17</v>
      </c>
      <c r="B12">
        <v>44.826999664306598</v>
      </c>
      <c r="C12">
        <v>104.326028345209</v>
      </c>
      <c r="D12">
        <v>114.22787475585901</v>
      </c>
      <c r="E12">
        <v>2030.3567871451401</v>
      </c>
      <c r="F12">
        <v>10.924996376037599</v>
      </c>
      <c r="G12">
        <v>10.455644607543899</v>
      </c>
    </row>
    <row r="13" spans="1:7" x14ac:dyDescent="0.25">
      <c r="A13" t="s">
        <v>18</v>
      </c>
      <c r="B13">
        <v>48.426998138427699</v>
      </c>
      <c r="C13">
        <v>113.876381127778</v>
      </c>
      <c r="D13">
        <v>115.696250915527</v>
      </c>
      <c r="E13">
        <v>2056.4566366374502</v>
      </c>
      <c r="F13">
        <v>11.925107002258301</v>
      </c>
      <c r="G13">
        <v>9.701904296875</v>
      </c>
    </row>
    <row r="14" spans="1:7" x14ac:dyDescent="0.25">
      <c r="A14" t="s">
        <v>19</v>
      </c>
      <c r="B14">
        <v>52.027000427246101</v>
      </c>
      <c r="C14">
        <v>123.42707086633899</v>
      </c>
      <c r="D14">
        <v>113.314826965332</v>
      </c>
      <c r="E14">
        <v>2014.1277927905301</v>
      </c>
      <c r="F14">
        <v>12.9252529144287</v>
      </c>
      <c r="G14">
        <v>8.7669334411621094</v>
      </c>
    </row>
    <row r="15" spans="1:7" x14ac:dyDescent="0.25">
      <c r="A15" t="s">
        <v>20</v>
      </c>
      <c r="B15">
        <v>55.626998901367202</v>
      </c>
      <c r="C15">
        <v>132.97702294448499</v>
      </c>
      <c r="D15">
        <v>90.712005615234403</v>
      </c>
      <c r="E15">
        <v>1612.3711830005</v>
      </c>
      <c r="F15">
        <v>13.925321578979499</v>
      </c>
      <c r="G15">
        <v>6.5141768455505398</v>
      </c>
    </row>
    <row r="16" spans="1:7" x14ac:dyDescent="0.25">
      <c r="A16" t="s">
        <v>21</v>
      </c>
      <c r="B16">
        <v>59.227001190185497</v>
      </c>
      <c r="C16">
        <v>142.52717537484199</v>
      </c>
      <c r="D16">
        <v>100.79946136474599</v>
      </c>
      <c r="E16">
        <v>1791.67196620256</v>
      </c>
      <c r="F16">
        <v>14.925411224365201</v>
      </c>
      <c r="G16">
        <v>6.7535467147827104</v>
      </c>
    </row>
    <row r="17" spans="1:7" x14ac:dyDescent="0.25">
      <c r="A17" t="s">
        <v>22</v>
      </c>
      <c r="B17">
        <v>62.826999664306598</v>
      </c>
      <c r="C17">
        <v>152.076663000135</v>
      </c>
      <c r="D17">
        <v>110.262489318848</v>
      </c>
      <c r="E17">
        <v>1959.8735962063099</v>
      </c>
      <c r="F17">
        <v>15.9254312515259</v>
      </c>
      <c r="G17">
        <v>6.9236736297607404</v>
      </c>
    </row>
    <row r="18" spans="1:7" x14ac:dyDescent="0.25">
      <c r="A18" t="s">
        <v>23</v>
      </c>
      <c r="B18">
        <v>66.427001953125</v>
      </c>
      <c r="C18">
        <v>161.62449316622499</v>
      </c>
      <c r="D18">
        <v>104.581405639648</v>
      </c>
      <c r="E18">
        <v>1858.89448039234</v>
      </c>
      <c r="F18">
        <v>16.925277709960898</v>
      </c>
      <c r="G18">
        <v>6.1790065765380904</v>
      </c>
    </row>
    <row r="19" spans="1:7" x14ac:dyDescent="0.25">
      <c r="A19" t="s">
        <v>24</v>
      </c>
      <c r="B19">
        <v>70.027000427246094</v>
      </c>
      <c r="C19">
        <v>171.17080247689199</v>
      </c>
      <c r="D19">
        <v>106.94113922119099</v>
      </c>
      <c r="E19">
        <v>1900.83787310869</v>
      </c>
      <c r="F19">
        <v>17.924964904785199</v>
      </c>
      <c r="G19">
        <v>5.9660444259643599</v>
      </c>
    </row>
    <row r="20" spans="1:7" x14ac:dyDescent="0.25">
      <c r="A20" t="s">
        <v>25</v>
      </c>
      <c r="B20">
        <v>73.626998901367202</v>
      </c>
      <c r="C20">
        <v>180.717767485705</v>
      </c>
      <c r="D20">
        <v>110.468795776367</v>
      </c>
      <c r="E20">
        <v>1963.54067884386</v>
      </c>
      <c r="F20">
        <v>18.924720764160199</v>
      </c>
      <c r="G20">
        <v>5.8372750282287598</v>
      </c>
    </row>
    <row r="21" spans="1:7" x14ac:dyDescent="0.25">
      <c r="A21" t="s">
        <v>26</v>
      </c>
      <c r="B21">
        <v>77.226997375488295</v>
      </c>
      <c r="C21">
        <v>190.265606758714</v>
      </c>
      <c r="D21">
        <v>108.918380737305</v>
      </c>
      <c r="E21">
        <v>1935.98261103034</v>
      </c>
      <c r="F21">
        <v>19.924568176269499</v>
      </c>
      <c r="G21">
        <v>5.4665365219116202</v>
      </c>
    </row>
    <row r="22" spans="1:7" x14ac:dyDescent="0.25">
      <c r="A22" t="s">
        <v>27</v>
      </c>
      <c r="B22">
        <v>80.827003479003906</v>
      </c>
      <c r="C22">
        <v>199.81268105055199</v>
      </c>
      <c r="D22">
        <v>110.363891601563</v>
      </c>
      <c r="E22">
        <v>1961.67593821883</v>
      </c>
      <c r="F22">
        <v>20.9243354797363</v>
      </c>
      <c r="G22">
        <v>5.2744274139404297</v>
      </c>
    </row>
    <row r="23" spans="1:7" x14ac:dyDescent="0.25">
      <c r="A23" t="s">
        <v>28</v>
      </c>
      <c r="B23">
        <v>84.427001953125</v>
      </c>
      <c r="C23">
        <v>209.35899036121901</v>
      </c>
      <c r="D23">
        <v>108.660530090332</v>
      </c>
      <c r="E23">
        <v>1931.3993398100099</v>
      </c>
      <c r="F23">
        <v>21.924022674560501</v>
      </c>
      <c r="G23">
        <v>4.9562315940856898</v>
      </c>
    </row>
    <row r="24" spans="1:7" x14ac:dyDescent="0.25">
      <c r="A24" t="s">
        <v>29</v>
      </c>
      <c r="B24">
        <v>88.027000427246094</v>
      </c>
      <c r="C24">
        <v>218.90564573479699</v>
      </c>
      <c r="D24">
        <v>112.97296905517599</v>
      </c>
      <c r="E24">
        <v>2008.05137865245</v>
      </c>
      <c r="F24">
        <v>22.9237461090088</v>
      </c>
      <c r="G24">
        <v>4.9282069206237802</v>
      </c>
    </row>
    <row r="25" spans="1:7" x14ac:dyDescent="0.25">
      <c r="A25" t="s">
        <v>30</v>
      </c>
      <c r="B25">
        <v>91.626998901367202</v>
      </c>
      <c r="C25">
        <v>228.453630718504</v>
      </c>
      <c r="D25">
        <v>118.803817749023</v>
      </c>
      <c r="E25">
        <v>2111.69244721532</v>
      </c>
      <c r="F25">
        <v>23.923608779907202</v>
      </c>
      <c r="G25">
        <v>4.9659657478332502</v>
      </c>
    </row>
    <row r="26" spans="1:7" x14ac:dyDescent="0.25">
      <c r="A26" t="s">
        <v>31</v>
      </c>
      <c r="B26">
        <v>95.226997375488295</v>
      </c>
      <c r="C26">
        <v>237.99990360149701</v>
      </c>
      <c r="D26">
        <v>109.32769775390599</v>
      </c>
      <c r="E26">
        <v>1943.2579865679099</v>
      </c>
      <c r="F26">
        <v>24.923292160034201</v>
      </c>
      <c r="G26">
        <v>4.3865671157836896</v>
      </c>
    </row>
    <row r="27" spans="1:7" x14ac:dyDescent="0.25">
      <c r="A27" t="s">
        <v>32</v>
      </c>
      <c r="B27">
        <v>98.827003479003906</v>
      </c>
      <c r="C27">
        <v>247.547050748684</v>
      </c>
      <c r="D27">
        <v>108.333450317383</v>
      </c>
      <c r="E27">
        <v>1925.5856750533001</v>
      </c>
      <c r="F27">
        <v>25.923067092895501</v>
      </c>
      <c r="G27">
        <v>4.1790366172790501</v>
      </c>
    </row>
    <row r="28" spans="1:7" x14ac:dyDescent="0.25">
      <c r="A28" t="s">
        <v>33</v>
      </c>
      <c r="B28">
        <v>102.427001953125</v>
      </c>
      <c r="C28">
        <v>257.09336005935103</v>
      </c>
      <c r="D28">
        <v>112.040145874023</v>
      </c>
      <c r="E28">
        <v>1991.4708100259299</v>
      </c>
      <c r="F28">
        <v>26.922754287719702</v>
      </c>
      <c r="G28">
        <v>4.1615409851074201</v>
      </c>
    </row>
    <row r="29" spans="1:7" x14ac:dyDescent="0.25">
      <c r="A29" t="s">
        <v>34</v>
      </c>
      <c r="B29">
        <v>106.02700042724599</v>
      </c>
      <c r="C29">
        <v>266.64109004933601</v>
      </c>
      <c r="D29">
        <v>111.56487274169901</v>
      </c>
      <c r="E29">
        <v>1983.02301578224</v>
      </c>
      <c r="F29">
        <v>27.922590255737301</v>
      </c>
      <c r="G29">
        <v>3.99550580978394</v>
      </c>
    </row>
    <row r="30" spans="1:7" x14ac:dyDescent="0.25">
      <c r="A30" t="s">
        <v>35</v>
      </c>
      <c r="B30">
        <v>109.63600158691401</v>
      </c>
      <c r="C30">
        <v>276.21455619155802</v>
      </c>
      <c r="D30">
        <v>117.21753692627</v>
      </c>
      <c r="E30">
        <v>2083.4968890994801</v>
      </c>
      <c r="F30">
        <v>28.925121307373001</v>
      </c>
      <c r="G30">
        <v>4.0524473190307599</v>
      </c>
    </row>
    <row r="31" spans="1:7" x14ac:dyDescent="0.25">
      <c r="A31" t="s">
        <v>36</v>
      </c>
      <c r="B31">
        <v>113.236000061035</v>
      </c>
      <c r="C31">
        <v>285.76137548967301</v>
      </c>
      <c r="D31">
        <v>153.91024780273401</v>
      </c>
      <c r="E31">
        <v>2735.6958016753201</v>
      </c>
      <c r="F31">
        <v>29.924861907958999</v>
      </c>
      <c r="G31">
        <v>5.1432232856750497</v>
      </c>
    </row>
    <row r="32" spans="1:7" x14ac:dyDescent="0.25">
      <c r="A32" t="s">
        <v>37</v>
      </c>
      <c r="B32">
        <v>116.83599853515599</v>
      </c>
      <c r="C32">
        <v>295.30888691360798</v>
      </c>
      <c r="D32">
        <v>139.21112060546901</v>
      </c>
      <c r="E32">
        <v>2474.4244292378398</v>
      </c>
      <c r="F32">
        <v>30.924674987793001</v>
      </c>
      <c r="G32">
        <v>4.5016193389892596</v>
      </c>
    </row>
    <row r="33" spans="1:7" x14ac:dyDescent="0.25">
      <c r="A33" t="s">
        <v>38</v>
      </c>
      <c r="B33">
        <v>120.435997009277</v>
      </c>
      <c r="C33">
        <v>304.85568799788501</v>
      </c>
      <c r="D33">
        <v>134.89791870117199</v>
      </c>
      <c r="E33">
        <v>2397.7588862180701</v>
      </c>
      <c r="F33">
        <v>31.924413681030298</v>
      </c>
      <c r="G33">
        <v>4.2255411148071298</v>
      </c>
    </row>
    <row r="34" spans="1:7" x14ac:dyDescent="0.25">
      <c r="A34" t="s">
        <v>39</v>
      </c>
      <c r="B34">
        <v>124.036003112793</v>
      </c>
      <c r="C34">
        <v>314.40121411354397</v>
      </c>
      <c r="D34">
        <v>130.82200622558599</v>
      </c>
      <c r="E34">
        <v>2325.3110703080902</v>
      </c>
      <c r="F34">
        <v>32.924018859863303</v>
      </c>
      <c r="G34">
        <v>3.9734518527984601</v>
      </c>
    </row>
    <row r="35" spans="1:7" x14ac:dyDescent="0.25">
      <c r="A35" t="s">
        <v>40</v>
      </c>
      <c r="B35">
        <v>127.63600158691401</v>
      </c>
      <c r="C35">
        <v>323.94905338655298</v>
      </c>
      <c r="D35">
        <v>113.07786560058599</v>
      </c>
      <c r="E35">
        <v>2009.91588644683</v>
      </c>
      <c r="F35">
        <v>33.923866271972699</v>
      </c>
      <c r="G35">
        <v>3.3332836627960201</v>
      </c>
    </row>
    <row r="36" spans="1:7" x14ac:dyDescent="0.25">
      <c r="A36" t="s">
        <v>41</v>
      </c>
      <c r="B36">
        <v>131.23599243164099</v>
      </c>
      <c r="C36">
        <v>333.49594554001601</v>
      </c>
      <c r="D36">
        <v>105.369338989258</v>
      </c>
      <c r="E36">
        <v>1872.8997092694001</v>
      </c>
      <c r="F36">
        <v>34.923614501953097</v>
      </c>
      <c r="G36">
        <v>3.0171372890472399</v>
      </c>
    </row>
    <row r="37" spans="1:7" x14ac:dyDescent="0.25">
      <c r="A37" t="s">
        <v>42</v>
      </c>
      <c r="B37">
        <v>134.83599853515599</v>
      </c>
      <c r="C37">
        <v>343.04429480047202</v>
      </c>
      <c r="D37">
        <v>109.85198211669901</v>
      </c>
      <c r="E37">
        <v>1952.5770330801599</v>
      </c>
      <c r="F37">
        <v>35.923515319824197</v>
      </c>
      <c r="G37">
        <v>3.0579407215118399</v>
      </c>
    </row>
    <row r="38" spans="1:7" x14ac:dyDescent="0.25">
      <c r="A38" t="s">
        <v>43</v>
      </c>
      <c r="B38">
        <v>138.43600463867199</v>
      </c>
      <c r="C38">
        <v>352.59217050115501</v>
      </c>
      <c r="D38">
        <v>114.21125030517599</v>
      </c>
      <c r="E38">
        <v>2030.0613250583399</v>
      </c>
      <c r="F38">
        <v>36.923366546630902</v>
      </c>
      <c r="G38">
        <v>3.0931971073150599</v>
      </c>
    </row>
    <row r="39" spans="1:7" x14ac:dyDescent="0.25">
      <c r="A39" t="s">
        <v>44</v>
      </c>
      <c r="B39">
        <v>142.03599548339801</v>
      </c>
      <c r="C39">
        <v>362.138042679725</v>
      </c>
      <c r="D39">
        <v>106.84676361084</v>
      </c>
      <c r="E39">
        <v>1899.16032832116</v>
      </c>
      <c r="F39">
        <v>37.923007965087898</v>
      </c>
      <c r="G39">
        <v>2.81746530532837</v>
      </c>
    </row>
    <row r="40" spans="1:7" x14ac:dyDescent="0.25">
      <c r="A40" t="s">
        <v>45</v>
      </c>
      <c r="B40">
        <v>145.63600158691401</v>
      </c>
      <c r="C40">
        <v>371.68311344944902</v>
      </c>
      <c r="D40">
        <v>112.302085876465</v>
      </c>
      <c r="E40">
        <v>1996.12672440708</v>
      </c>
      <c r="F40">
        <v>38.922565460205099</v>
      </c>
      <c r="G40">
        <v>2.8852694034576398</v>
      </c>
    </row>
    <row r="41" spans="1:7" x14ac:dyDescent="0.25">
      <c r="A41" t="s">
        <v>46</v>
      </c>
      <c r="B41">
        <v>149.23599243164099</v>
      </c>
      <c r="C41">
        <v>381.23233697410001</v>
      </c>
      <c r="D41">
        <v>112.572875976563</v>
      </c>
      <c r="E41">
        <v>2000.9397994726901</v>
      </c>
      <c r="F41">
        <v>39.922557830810497</v>
      </c>
      <c r="G41">
        <v>2.81978106498718</v>
      </c>
    </row>
    <row r="42" spans="1:7" x14ac:dyDescent="0.25">
      <c r="A42" t="s">
        <v>47</v>
      </c>
      <c r="B42">
        <v>152.83599853515599</v>
      </c>
      <c r="C42">
        <v>390.77707989475101</v>
      </c>
      <c r="D42">
        <v>114.25022125244099</v>
      </c>
      <c r="E42">
        <v>2030.7539962232099</v>
      </c>
      <c r="F42">
        <v>40.922080993652301</v>
      </c>
      <c r="G42">
        <v>2.7918965816497798</v>
      </c>
    </row>
    <row r="43" spans="1:7" x14ac:dyDescent="0.25">
      <c r="A43" t="s">
        <v>48</v>
      </c>
      <c r="B43">
        <v>156.43600463867199</v>
      </c>
      <c r="C43">
        <v>400.32429989728797</v>
      </c>
      <c r="D43">
        <v>120.838272094727</v>
      </c>
      <c r="E43">
        <v>2147.8540729731299</v>
      </c>
      <c r="F43">
        <v>41.921863555908203</v>
      </c>
      <c r="G43">
        <v>2.88246417045593</v>
      </c>
    </row>
    <row r="44" spans="1:7" x14ac:dyDescent="0.25">
      <c r="A44" t="s">
        <v>49</v>
      </c>
      <c r="B44">
        <v>160.03599548339801</v>
      </c>
      <c r="C44">
        <v>409.87199345959698</v>
      </c>
      <c r="D44">
        <v>127.299270629883</v>
      </c>
      <c r="E44">
        <v>2262.69592531025</v>
      </c>
      <c r="F44">
        <v>42.921695709228501</v>
      </c>
      <c r="G44">
        <v>2.96584916114807</v>
      </c>
    </row>
    <row r="45" spans="1:7" x14ac:dyDescent="0.25">
      <c r="A45" t="s">
        <v>50</v>
      </c>
      <c r="B45">
        <v>163.63600158691401</v>
      </c>
      <c r="C45">
        <v>419.41881275771198</v>
      </c>
      <c r="D45">
        <v>129.55059814453099</v>
      </c>
      <c r="E45">
        <v>2302.7122952044001</v>
      </c>
      <c r="F45">
        <v>43.921436309814503</v>
      </c>
      <c r="G45">
        <v>2.9495983123779301</v>
      </c>
    </row>
    <row r="46" spans="1:7" x14ac:dyDescent="0.25">
      <c r="A46" t="s">
        <v>51</v>
      </c>
      <c r="B46">
        <v>167.23599243164099</v>
      </c>
      <c r="C46">
        <v>428.96497635767997</v>
      </c>
      <c r="D46">
        <v>130.50125122070301</v>
      </c>
      <c r="E46">
        <v>2319.6099791675801</v>
      </c>
      <c r="F46">
        <v>44.921108245849602</v>
      </c>
      <c r="G46">
        <v>2.9051208496093799</v>
      </c>
    </row>
    <row r="47" spans="1:7" x14ac:dyDescent="0.25">
      <c r="A47" t="s">
        <v>52</v>
      </c>
      <c r="B47">
        <v>170.83599853515599</v>
      </c>
      <c r="C47">
        <v>438.51270634766399</v>
      </c>
      <c r="D47">
        <v>135.80772399902301</v>
      </c>
      <c r="E47">
        <v>2413.9303714036901</v>
      </c>
      <c r="F47">
        <v>45.920944213867202</v>
      </c>
      <c r="G47">
        <v>2.9574244022369398</v>
      </c>
    </row>
    <row r="48" spans="1:7" x14ac:dyDescent="0.25">
      <c r="A48" t="s">
        <v>53</v>
      </c>
      <c r="B48">
        <v>174.43600463867199</v>
      </c>
      <c r="C48">
        <v>448.05876066460797</v>
      </c>
      <c r="D48">
        <v>135.71688842773401</v>
      </c>
      <c r="E48">
        <v>2412.3159237206</v>
      </c>
      <c r="F48">
        <v>46.920604705810497</v>
      </c>
      <c r="G48">
        <v>2.8924794197082502</v>
      </c>
    </row>
    <row r="49" spans="1:7" x14ac:dyDescent="0.25">
      <c r="A49" t="s">
        <v>54</v>
      </c>
      <c r="B49">
        <v>178.03599548339801</v>
      </c>
      <c r="C49">
        <v>457.60601709481898</v>
      </c>
      <c r="D49">
        <v>142.28358459472699</v>
      </c>
      <c r="E49">
        <v>2529.0362536907201</v>
      </c>
      <c r="F49">
        <v>47.9203910827637</v>
      </c>
      <c r="G49">
        <v>2.96916580200195</v>
      </c>
    </row>
    <row r="50" spans="1:7" x14ac:dyDescent="0.25">
      <c r="A50" t="s">
        <v>55</v>
      </c>
      <c r="B50">
        <v>181.63600158691401</v>
      </c>
      <c r="C50">
        <v>467.15436635527499</v>
      </c>
      <c r="D50">
        <v>147.91569519043</v>
      </c>
      <c r="E50">
        <v>2629.1450485587102</v>
      </c>
      <c r="F50">
        <v>48.920291900634801</v>
      </c>
      <c r="G50">
        <v>3.0236060619354199</v>
      </c>
    </row>
    <row r="51" spans="1:7" x14ac:dyDescent="0.25">
      <c r="A51" t="s">
        <v>56</v>
      </c>
      <c r="B51">
        <v>185.23599243164099</v>
      </c>
      <c r="C51">
        <v>476.70023853384498</v>
      </c>
      <c r="D51">
        <v>142.36032104492199</v>
      </c>
      <c r="E51">
        <v>2530.4004084318899</v>
      </c>
      <c r="F51">
        <v>49.919933319091797</v>
      </c>
      <c r="G51">
        <v>2.8517730236053498</v>
      </c>
    </row>
    <row r="52" spans="1:7" x14ac:dyDescent="0.25">
      <c r="A52" t="s">
        <v>57</v>
      </c>
      <c r="B52">
        <v>188.83599853515599</v>
      </c>
      <c r="C52">
        <v>486.249243492446</v>
      </c>
      <c r="D52">
        <v>139.46260070800801</v>
      </c>
      <c r="E52">
        <v>2478.89454476535</v>
      </c>
      <c r="F52">
        <v>50.9199028015137</v>
      </c>
      <c r="G52">
        <v>2.7388622760772701</v>
      </c>
    </row>
    <row r="53" spans="1:7" x14ac:dyDescent="0.25">
      <c r="A53" t="s">
        <v>58</v>
      </c>
      <c r="B53">
        <v>192.43600463867199</v>
      </c>
      <c r="C53">
        <v>495.79507924334098</v>
      </c>
      <c r="D53">
        <v>146.67091369628901</v>
      </c>
      <c r="E53">
        <v>2607.0193853229298</v>
      </c>
      <c r="F53">
        <v>51.919540405273402</v>
      </c>
      <c r="G53">
        <v>2.8249654769897501</v>
      </c>
    </row>
    <row r="54" spans="1:7" x14ac:dyDescent="0.25">
      <c r="A54" t="s">
        <v>59</v>
      </c>
      <c r="B54">
        <v>196.03599548339801</v>
      </c>
      <c r="C54">
        <v>505.340805711212</v>
      </c>
      <c r="D54">
        <v>152.64057922363301</v>
      </c>
      <c r="E54">
        <v>2713.1279930472401</v>
      </c>
      <c r="F54">
        <v>52.919166564941399</v>
      </c>
      <c r="G54">
        <v>2.88441014289856</v>
      </c>
    </row>
    <row r="55" spans="1:7" x14ac:dyDescent="0.25">
      <c r="A55" t="s">
        <v>60</v>
      </c>
      <c r="B55">
        <v>199.63600158691401</v>
      </c>
      <c r="C55">
        <v>514.88937353771598</v>
      </c>
      <c r="D55">
        <v>157.35354614257801</v>
      </c>
      <c r="E55">
        <v>2796.89906165004</v>
      </c>
      <c r="F55">
        <v>53.919090270996101</v>
      </c>
      <c r="G55">
        <v>2.9183270931243901</v>
      </c>
    </row>
    <row r="56" spans="1:7" x14ac:dyDescent="0.25">
      <c r="A56" t="s">
        <v>61</v>
      </c>
      <c r="B56">
        <v>203.23599243164099</v>
      </c>
      <c r="C56">
        <v>524.43659354025306</v>
      </c>
      <c r="D56">
        <v>156.651123046875</v>
      </c>
      <c r="E56">
        <v>2784.4137512147399</v>
      </c>
      <c r="F56">
        <v>54.918872833252003</v>
      </c>
      <c r="G56">
        <v>2.8524096012115501</v>
      </c>
    </row>
    <row r="57" spans="1:7" x14ac:dyDescent="0.25">
      <c r="A57" t="s">
        <v>62</v>
      </c>
      <c r="B57">
        <v>206.83599853515599</v>
      </c>
      <c r="C57">
        <v>533.98439638558705</v>
      </c>
      <c r="D57">
        <v>145.12789916992199</v>
      </c>
      <c r="E57">
        <v>2579.5928668230799</v>
      </c>
      <c r="F57">
        <v>55.918716430664098</v>
      </c>
      <c r="G57">
        <v>2.59533667564392</v>
      </c>
    </row>
    <row r="58" spans="1:7" x14ac:dyDescent="0.25">
      <c r="A58" t="s">
        <v>63</v>
      </c>
      <c r="B58">
        <v>210.43600463867199</v>
      </c>
      <c r="C58">
        <v>543.53019570880701</v>
      </c>
      <c r="D58">
        <v>146.08447265625</v>
      </c>
      <c r="E58">
        <v>2596.5955574065401</v>
      </c>
      <c r="F58">
        <v>56.918350219726598</v>
      </c>
      <c r="G58">
        <v>2.5665619373321502</v>
      </c>
    </row>
    <row r="59" spans="1:7" x14ac:dyDescent="0.25">
      <c r="A59" t="s">
        <v>64</v>
      </c>
      <c r="B59">
        <v>214.03599548339801</v>
      </c>
      <c r="C59">
        <v>553.07650501947398</v>
      </c>
      <c r="D59">
        <v>151.40881347656301</v>
      </c>
      <c r="E59">
        <v>2691.2337634712499</v>
      </c>
      <c r="F59">
        <v>57.918037414550803</v>
      </c>
      <c r="G59">
        <v>2.6141910552978498</v>
      </c>
    </row>
    <row r="60" spans="1:7" x14ac:dyDescent="0.25">
      <c r="A60" t="s">
        <v>65</v>
      </c>
      <c r="B60">
        <v>217.63600158691401</v>
      </c>
      <c r="C60">
        <v>562.62376144968596</v>
      </c>
      <c r="D60">
        <v>141.53164672851599</v>
      </c>
      <c r="E60">
        <v>2515.6708434224101</v>
      </c>
      <c r="F60">
        <v>58.917823791503899</v>
      </c>
      <c r="G60">
        <v>2.4021873474121098</v>
      </c>
    </row>
    <row r="61" spans="1:7" x14ac:dyDescent="0.25">
      <c r="A61" t="s">
        <v>66</v>
      </c>
      <c r="B61">
        <v>221.23599243164099</v>
      </c>
      <c r="C61">
        <v>572.17047146477603</v>
      </c>
      <c r="D61">
        <v>149.07879638671901</v>
      </c>
      <c r="E61">
        <v>2649.81854707003</v>
      </c>
      <c r="F61">
        <v>59.917552947997997</v>
      </c>
      <c r="G61">
        <v>2.48806548118591</v>
      </c>
    </row>
    <row r="62" spans="1:7" x14ac:dyDescent="0.25">
      <c r="A62" t="s">
        <v>67</v>
      </c>
      <c r="B62">
        <v>224.83599853515599</v>
      </c>
      <c r="C62">
        <v>581.717727894988</v>
      </c>
      <c r="D62">
        <v>159.22633361816401</v>
      </c>
      <c r="E62">
        <v>2830.1873244345202</v>
      </c>
      <c r="F62">
        <v>60.9173393249512</v>
      </c>
      <c r="G62">
        <v>2.6138098239898699</v>
      </c>
    </row>
    <row r="63" spans="1:7" x14ac:dyDescent="0.25">
      <c r="A63" t="s">
        <v>68</v>
      </c>
      <c r="B63">
        <v>228.43600463867199</v>
      </c>
      <c r="C63">
        <v>591.26436505472805</v>
      </c>
      <c r="D63">
        <v>153.75051879882801</v>
      </c>
      <c r="E63">
        <v>2732.8566648065998</v>
      </c>
      <c r="F63">
        <v>61.917060852050803</v>
      </c>
      <c r="G63">
        <v>2.4831688404083301</v>
      </c>
    </row>
    <row r="64" spans="1:7" x14ac:dyDescent="0.25">
      <c r="A64" t="s">
        <v>69</v>
      </c>
      <c r="B64">
        <v>232.03599548339801</v>
      </c>
      <c r="C64">
        <v>600.81282359820796</v>
      </c>
      <c r="D64">
        <v>158.40701293945301</v>
      </c>
      <c r="E64">
        <v>2815.6242333352602</v>
      </c>
      <c r="F64">
        <v>62.9169731140137</v>
      </c>
      <c r="G64">
        <v>2.5177149772643999</v>
      </c>
    </row>
    <row r="65" spans="1:7" x14ac:dyDescent="0.25">
      <c r="A65" t="s">
        <v>70</v>
      </c>
      <c r="B65">
        <v>235.63600158691401</v>
      </c>
      <c r="C65">
        <v>610.35884148747698</v>
      </c>
      <c r="D65">
        <v>141.27420043945301</v>
      </c>
      <c r="E65">
        <v>2511.0947899520402</v>
      </c>
      <c r="F65">
        <v>63.916629791259801</v>
      </c>
      <c r="G65">
        <v>2.21028852462769</v>
      </c>
    </row>
    <row r="66" spans="1:7" x14ac:dyDescent="0.25">
      <c r="A66" t="s">
        <v>71</v>
      </c>
      <c r="B66">
        <v>239.23599243164099</v>
      </c>
      <c r="C66">
        <v>619.90518722581896</v>
      </c>
      <c r="D66">
        <v>150.732421875</v>
      </c>
      <c r="E66">
        <v>2679.21132035553</v>
      </c>
      <c r="F66">
        <v>64.916320800781307</v>
      </c>
      <c r="G66">
        <v>2.32194948196411</v>
      </c>
    </row>
    <row r="67" spans="1:7" x14ac:dyDescent="0.25">
      <c r="A67" t="s">
        <v>72</v>
      </c>
      <c r="B67">
        <v>242.83599853515599</v>
      </c>
      <c r="C67">
        <v>629.45040370624304</v>
      </c>
      <c r="D67">
        <v>176.77751159668</v>
      </c>
      <c r="E67">
        <v>3142.1526800841102</v>
      </c>
      <c r="F67">
        <v>65.9158935546875</v>
      </c>
      <c r="G67">
        <v>2.6818647384643599</v>
      </c>
    </row>
    <row r="68" spans="1:7" x14ac:dyDescent="0.25">
      <c r="A68" t="s">
        <v>73</v>
      </c>
      <c r="B68">
        <v>246.43600463867199</v>
      </c>
      <c r="C68">
        <v>638.99889867739705</v>
      </c>
      <c r="D68">
        <v>180.879959106445</v>
      </c>
      <c r="E68">
        <v>3215.0722108781301</v>
      </c>
      <c r="F68">
        <v>66.915809631347699</v>
      </c>
      <c r="G68">
        <v>2.7030975818634002</v>
      </c>
    </row>
    <row r="69" spans="1:7" x14ac:dyDescent="0.25">
      <c r="A69" t="s">
        <v>74</v>
      </c>
      <c r="B69">
        <v>250.03599548339801</v>
      </c>
      <c r="C69">
        <v>648.54469800061702</v>
      </c>
      <c r="D69">
        <v>175.99136352539099</v>
      </c>
      <c r="E69">
        <v>3128.17934900522</v>
      </c>
      <c r="F69">
        <v>67.915443420410199</v>
      </c>
      <c r="G69">
        <v>2.59133052825928</v>
      </c>
    </row>
    <row r="70" spans="1:7" x14ac:dyDescent="0.25">
      <c r="A70" t="s">
        <v>75</v>
      </c>
      <c r="B70">
        <v>253.63600158691401</v>
      </c>
      <c r="C70">
        <v>658.09159015408102</v>
      </c>
      <c r="D70">
        <v>176.15473937988301</v>
      </c>
      <c r="E70">
        <v>3131.0832127928702</v>
      </c>
      <c r="F70">
        <v>68.915191650390597</v>
      </c>
      <c r="G70">
        <v>2.5561089515686</v>
      </c>
    </row>
    <row r="71" spans="1:7" x14ac:dyDescent="0.25">
      <c r="A71" t="s">
        <v>76</v>
      </c>
      <c r="B71">
        <v>257.23599243164102</v>
      </c>
      <c r="C71">
        <v>667.64052225733303</v>
      </c>
      <c r="D71">
        <v>180.798583984375</v>
      </c>
      <c r="E71">
        <v>3213.62586691976</v>
      </c>
      <c r="F71">
        <v>69.915153503417997</v>
      </c>
      <c r="G71">
        <v>2.5859713554382302</v>
      </c>
    </row>
    <row r="72" spans="1:7" x14ac:dyDescent="0.25">
      <c r="A72" t="s">
        <v>77</v>
      </c>
      <c r="B72">
        <v>260.83599853515602</v>
      </c>
      <c r="C72">
        <v>677.18697727870006</v>
      </c>
      <c r="D72">
        <v>175.57394409179699</v>
      </c>
      <c r="E72">
        <v>3120.7597348838999</v>
      </c>
      <c r="F72">
        <v>70.914855957031307</v>
      </c>
      <c r="G72">
        <v>2.4758415222168</v>
      </c>
    </row>
    <row r="73" spans="1:7" x14ac:dyDescent="0.25">
      <c r="A73" t="s">
        <v>78</v>
      </c>
      <c r="B73">
        <v>264.43600463867199</v>
      </c>
      <c r="C73">
        <v>686.73386943216406</v>
      </c>
      <c r="D73">
        <v>192.86251831054699</v>
      </c>
      <c r="E73">
        <v>3428.0575346201699</v>
      </c>
      <c r="F73">
        <v>71.914604187011705</v>
      </c>
      <c r="G73">
        <v>2.6818268299102801</v>
      </c>
    </row>
    <row r="74" spans="1:7" x14ac:dyDescent="0.25">
      <c r="A74" t="s">
        <v>79</v>
      </c>
      <c r="B74">
        <v>268.03601074218801</v>
      </c>
      <c r="C74">
        <v>696.27923162328705</v>
      </c>
      <c r="D74">
        <v>196.50445556640599</v>
      </c>
      <c r="E74">
        <v>3492.7916713058898</v>
      </c>
      <c r="F74">
        <v>72.914192199707003</v>
      </c>
      <c r="G74">
        <v>2.6950097084045401</v>
      </c>
    </row>
    <row r="75" spans="1:7" x14ac:dyDescent="0.25">
      <c r="A75" t="s">
        <v>80</v>
      </c>
      <c r="B75">
        <v>271.635986328125</v>
      </c>
      <c r="C75">
        <v>705.82583235535196</v>
      </c>
      <c r="D75">
        <v>198.28337097168</v>
      </c>
      <c r="E75">
        <v>3524.41123686731</v>
      </c>
      <c r="F75">
        <v>73.913909912109403</v>
      </c>
      <c r="G75">
        <v>2.6826260089874299</v>
      </c>
    </row>
    <row r="76" spans="1:7" x14ac:dyDescent="0.25">
      <c r="A76" t="s">
        <v>81</v>
      </c>
      <c r="B76">
        <v>275.23599243164102</v>
      </c>
      <c r="C76">
        <v>715.37323449626297</v>
      </c>
      <c r="D76">
        <v>193.07449340820301</v>
      </c>
      <c r="E76">
        <v>3431.82543292642</v>
      </c>
      <c r="F76">
        <v>74.913711547851605</v>
      </c>
      <c r="G76">
        <v>2.57729172706604</v>
      </c>
    </row>
    <row r="77" spans="1:7" x14ac:dyDescent="0.25">
      <c r="A77" t="s">
        <v>82</v>
      </c>
      <c r="B77">
        <v>278.83599853515602</v>
      </c>
      <c r="C77">
        <v>724.91961666227996</v>
      </c>
      <c r="D77">
        <v>183.81562805175801</v>
      </c>
      <c r="E77">
        <v>3267.2525849193298</v>
      </c>
      <c r="F77">
        <v>75.913406372070298</v>
      </c>
      <c r="G77">
        <v>2.4213855266571001</v>
      </c>
    </row>
    <row r="78" spans="1:7" x14ac:dyDescent="0.25">
      <c r="A78" t="s">
        <v>83</v>
      </c>
      <c r="B78">
        <v>282.43600463867199</v>
      </c>
      <c r="C78">
        <v>734.46840305483295</v>
      </c>
      <c r="D78">
        <v>197.70114135742199</v>
      </c>
      <c r="E78">
        <v>3514.06214758754</v>
      </c>
      <c r="F78">
        <v>76.913352966308594</v>
      </c>
      <c r="G78">
        <v>2.5704398155212398</v>
      </c>
    </row>
    <row r="79" spans="1:7" x14ac:dyDescent="0.25">
      <c r="A79" t="s">
        <v>84</v>
      </c>
      <c r="B79">
        <v>286.03601074218801</v>
      </c>
      <c r="C79">
        <v>744.01544091899598</v>
      </c>
      <c r="D79">
        <v>193.40858459472699</v>
      </c>
      <c r="E79">
        <v>3437.7635456621601</v>
      </c>
      <c r="F79">
        <v>77.913116455078097</v>
      </c>
      <c r="G79">
        <v>2.4823622703552202</v>
      </c>
    </row>
    <row r="80" spans="1:7" x14ac:dyDescent="0.25">
      <c r="A80" t="s">
        <v>85</v>
      </c>
      <c r="B80">
        <v>289.635986328125</v>
      </c>
      <c r="C80">
        <v>753.56255163850904</v>
      </c>
      <c r="D80">
        <v>203.33305358886699</v>
      </c>
      <c r="E80">
        <v>3614.1672171652299</v>
      </c>
      <c r="F80">
        <v>78.912887573242202</v>
      </c>
      <c r="G80">
        <v>2.5766773223877002</v>
      </c>
    </row>
    <row r="81" spans="1:7" x14ac:dyDescent="0.25">
      <c r="A81" t="s">
        <v>86</v>
      </c>
      <c r="B81">
        <v>293.23599243164102</v>
      </c>
      <c r="C81">
        <v>763.10944379197201</v>
      </c>
      <c r="D81">
        <v>217.38685607910199</v>
      </c>
      <c r="E81">
        <v>3863.9681879431</v>
      </c>
      <c r="F81">
        <v>79.912635803222699</v>
      </c>
      <c r="G81">
        <v>2.7203063964843799</v>
      </c>
    </row>
    <row r="82" spans="1:7" x14ac:dyDescent="0.25">
      <c r="A82" t="s">
        <v>87</v>
      </c>
      <c r="B82">
        <v>296.83599853515602</v>
      </c>
      <c r="C82">
        <v>772.65582595798901</v>
      </c>
      <c r="D82">
        <v>182.59738159179699</v>
      </c>
      <c r="E82">
        <v>3245.5986365675899</v>
      </c>
      <c r="F82">
        <v>80.912330627441406</v>
      </c>
      <c r="G82">
        <v>2.25673127174377</v>
      </c>
    </row>
    <row r="83" spans="1:7" x14ac:dyDescent="0.25">
      <c r="A83" t="s">
        <v>88</v>
      </c>
      <c r="B83">
        <v>300.43600463867199</v>
      </c>
      <c r="C83">
        <v>782.20330095425004</v>
      </c>
      <c r="D83">
        <v>196.63946533203099</v>
      </c>
      <c r="E83">
        <v>3495.1912239193898</v>
      </c>
      <c r="F83">
        <v>81.912139892578097</v>
      </c>
      <c r="G83">
        <v>2.4006145000457799</v>
      </c>
    </row>
    <row r="84" spans="1:7" x14ac:dyDescent="0.25">
      <c r="A84" t="s">
        <v>89</v>
      </c>
      <c r="B84">
        <v>304.03601074218801</v>
      </c>
      <c r="C84">
        <v>791.74924598816904</v>
      </c>
      <c r="D84">
        <v>215.35888671875</v>
      </c>
      <c r="E84">
        <v>3827.9218133538998</v>
      </c>
      <c r="F84">
        <v>82.911788940429702</v>
      </c>
      <c r="G84">
        <v>2.5974459648132302</v>
      </c>
    </row>
    <row r="85" spans="1:7" x14ac:dyDescent="0.25">
      <c r="A85" t="s">
        <v>90</v>
      </c>
      <c r="B85">
        <v>307.635009765625</v>
      </c>
      <c r="C85">
        <v>801.29672098442995</v>
      </c>
      <c r="D85">
        <v>205.13716125488301</v>
      </c>
      <c r="E85">
        <v>3646.23451605439</v>
      </c>
      <c r="F85">
        <v>83.911598205566406</v>
      </c>
      <c r="G85">
        <v>2.4446818828582799</v>
      </c>
    </row>
    <row r="86" spans="1:7" x14ac:dyDescent="0.25">
      <c r="A86" t="s">
        <v>91</v>
      </c>
      <c r="B86">
        <v>311.23498535156301</v>
      </c>
      <c r="C86">
        <v>810.84536166628402</v>
      </c>
      <c r="D86">
        <v>184.29702758789099</v>
      </c>
      <c r="E86">
        <v>3275.80911107361</v>
      </c>
      <c r="F86">
        <v>84.911529541015597</v>
      </c>
      <c r="G86">
        <v>2.17045950889587</v>
      </c>
    </row>
    <row r="87" spans="1:7" x14ac:dyDescent="0.25">
      <c r="A87" t="s">
        <v>92</v>
      </c>
      <c r="B87">
        <v>314.83499145507801</v>
      </c>
      <c r="C87">
        <v>820.39014101460998</v>
      </c>
      <c r="D87">
        <v>195.99325561523401</v>
      </c>
      <c r="E87">
        <v>3483.7052226066598</v>
      </c>
      <c r="F87">
        <v>85.911056518554702</v>
      </c>
      <c r="G87">
        <v>2.28135085105896</v>
      </c>
    </row>
    <row r="88" spans="1:7" x14ac:dyDescent="0.25">
      <c r="A88" t="s">
        <v>93</v>
      </c>
      <c r="B88">
        <v>318.43499755859398</v>
      </c>
      <c r="C88">
        <v>829.93747030017096</v>
      </c>
      <c r="D88">
        <v>199.56562805175801</v>
      </c>
      <c r="E88">
        <v>3547.20279574394</v>
      </c>
      <c r="F88">
        <v>86.910850524902301</v>
      </c>
      <c r="G88">
        <v>2.2962107658386199</v>
      </c>
    </row>
    <row r="89" spans="1:7" x14ac:dyDescent="0.25">
      <c r="A89" t="s">
        <v>94</v>
      </c>
      <c r="B89">
        <v>322.03500366210898</v>
      </c>
      <c r="C89">
        <v>839.48596527132599</v>
      </c>
      <c r="D89">
        <v>212.833419799805</v>
      </c>
      <c r="E89">
        <v>3783.0327637493601</v>
      </c>
      <c r="F89">
        <v>87.9107666015625</v>
      </c>
      <c r="G89">
        <v>2.4210164546966602</v>
      </c>
    </row>
    <row r="90" spans="1:7" x14ac:dyDescent="0.25">
      <c r="A90" t="s">
        <v>95</v>
      </c>
      <c r="B90">
        <v>325.635009765625</v>
      </c>
      <c r="C90">
        <v>849.03227458199297</v>
      </c>
      <c r="D90">
        <v>197.89395141601599</v>
      </c>
      <c r="E90">
        <v>3517.48941466212</v>
      </c>
      <c r="F90">
        <v>88.910453796386705</v>
      </c>
      <c r="G90">
        <v>2.2257668972015399</v>
      </c>
    </row>
    <row r="91" spans="1:7" x14ac:dyDescent="0.25">
      <c r="A91" t="s">
        <v>96</v>
      </c>
      <c r="B91">
        <v>329.23498535156301</v>
      </c>
      <c r="C91">
        <v>858.580769553148</v>
      </c>
      <c r="D91">
        <v>216.65902709960901</v>
      </c>
      <c r="E91">
        <v>3851.0314188897601</v>
      </c>
      <c r="F91">
        <v>89.910369873046903</v>
      </c>
      <c r="G91">
        <v>2.40972232818604</v>
      </c>
    </row>
    <row r="92" spans="1:7" x14ac:dyDescent="0.25">
      <c r="A92" t="s">
        <v>97</v>
      </c>
      <c r="B92">
        <v>332.83499145507801</v>
      </c>
      <c r="C92">
        <v>868.12518462472599</v>
      </c>
      <c r="D92">
        <v>226.24656677246099</v>
      </c>
      <c r="E92">
        <v>4021.44622057676</v>
      </c>
      <c r="F92">
        <v>90.909858703613295</v>
      </c>
      <c r="G92">
        <v>2.4886913299560498</v>
      </c>
    </row>
    <row r="93" spans="1:7" x14ac:dyDescent="0.25">
      <c r="A93" t="s">
        <v>98</v>
      </c>
      <c r="B93">
        <v>336.43499755859398</v>
      </c>
      <c r="C93">
        <v>877.67484528147395</v>
      </c>
      <c r="D93">
        <v>239.19187927246099</v>
      </c>
      <c r="E93">
        <v>4251.5443637967101</v>
      </c>
      <c r="F93">
        <v>91.909896850585895</v>
      </c>
      <c r="G93">
        <v>2.60246062278748</v>
      </c>
    </row>
    <row r="94" spans="1:7" x14ac:dyDescent="0.25">
      <c r="A94" t="s">
        <v>99</v>
      </c>
      <c r="B94">
        <v>340.03500366210898</v>
      </c>
      <c r="C94">
        <v>887.21773039071104</v>
      </c>
      <c r="D94">
        <v>246.21688842773401</v>
      </c>
      <c r="E94">
        <v>4376.4109723269903</v>
      </c>
      <c r="F94">
        <v>92.909225463867202</v>
      </c>
      <c r="G94">
        <v>2.6500802040100102</v>
      </c>
    </row>
    <row r="95" spans="1:7" x14ac:dyDescent="0.25">
      <c r="A95" t="s">
        <v>100</v>
      </c>
      <c r="B95">
        <v>343.635009765625</v>
      </c>
      <c r="C95">
        <v>896.76964956329596</v>
      </c>
      <c r="D95">
        <v>232.01731872558599</v>
      </c>
      <c r="E95">
        <v>4124.0192949771899</v>
      </c>
      <c r="F95">
        <v>93.909500122070298</v>
      </c>
      <c r="G95">
        <v>2.4706480503082302</v>
      </c>
    </row>
    <row r="96" spans="1:7" x14ac:dyDescent="0.25">
      <c r="A96" t="s">
        <v>101</v>
      </c>
      <c r="B96">
        <v>347.23498535156301</v>
      </c>
      <c r="C96">
        <v>906.31377321347497</v>
      </c>
      <c r="D96">
        <v>271.934326171875</v>
      </c>
      <c r="E96">
        <v>4833.5287719964999</v>
      </c>
      <c r="F96">
        <v>94.908958435058594</v>
      </c>
      <c r="G96">
        <v>2.86521244049072</v>
      </c>
    </row>
    <row r="97" spans="1:7" x14ac:dyDescent="0.25">
      <c r="A97" t="s">
        <v>102</v>
      </c>
      <c r="B97">
        <v>350.83499145507801</v>
      </c>
      <c r="C97">
        <v>915.86554667536097</v>
      </c>
      <c r="D97">
        <v>259.43756103515602</v>
      </c>
      <c r="E97">
        <v>4611.4036813378298</v>
      </c>
      <c r="F97">
        <v>95.909217834472699</v>
      </c>
      <c r="G97">
        <v>2.7050325870513898</v>
      </c>
    </row>
    <row r="98" spans="1:7" x14ac:dyDescent="0.25">
      <c r="A98" t="s">
        <v>103</v>
      </c>
      <c r="B98">
        <v>354.43499755859398</v>
      </c>
      <c r="C98">
        <v>925.42220144566897</v>
      </c>
      <c r="D98">
        <v>218.16242980957</v>
      </c>
      <c r="E98">
        <v>3877.7538575232002</v>
      </c>
      <c r="F98">
        <v>96.909988403320298</v>
      </c>
      <c r="G98">
        <v>2.2511861324310298</v>
      </c>
    </row>
    <row r="99" spans="1:7" x14ac:dyDescent="0.25">
      <c r="A99" t="s">
        <v>104</v>
      </c>
      <c r="B99">
        <v>358.03500366210898</v>
      </c>
      <c r="C99">
        <v>934.95699961110199</v>
      </c>
      <c r="D99">
        <v>238.167068481445</v>
      </c>
      <c r="E99">
        <v>4233.3286255598096</v>
      </c>
      <c r="F99">
        <v>97.908470153808594</v>
      </c>
      <c r="G99">
        <v>2.4325480461120601</v>
      </c>
    </row>
    <row r="100" spans="1:7" x14ac:dyDescent="0.25">
      <c r="A100" t="s">
        <v>105</v>
      </c>
      <c r="B100">
        <v>361.635009765625</v>
      </c>
      <c r="C100">
        <v>944.49871903474605</v>
      </c>
      <c r="D100">
        <v>294.05950927734398</v>
      </c>
      <c r="E100">
        <v>5226.7955616116496</v>
      </c>
      <c r="F100">
        <v>98.907676696777301</v>
      </c>
      <c r="G100">
        <v>2.9730706214904798</v>
      </c>
    </row>
    <row r="101" spans="1:7" x14ac:dyDescent="0.25">
      <c r="A101" t="s">
        <v>106</v>
      </c>
      <c r="B101">
        <v>365.23498535156301</v>
      </c>
      <c r="C101">
        <v>954.05253244641995</v>
      </c>
      <c r="D101">
        <v>354.68710327148398</v>
      </c>
      <c r="E101">
        <v>6304.4279813766498</v>
      </c>
      <c r="F101">
        <v>99.908149719238295</v>
      </c>
      <c r="G101">
        <v>3.55013179779053</v>
      </c>
    </row>
    <row r="102" spans="1:7" x14ac:dyDescent="0.25">
      <c r="A102" t="s">
        <v>107</v>
      </c>
      <c r="B102">
        <v>366.30499267578102</v>
      </c>
      <c r="C102">
        <v>954.928326603708</v>
      </c>
      <c r="D102">
        <v>328.07638549804699</v>
      </c>
      <c r="E102">
        <v>5831.43252879381</v>
      </c>
      <c r="F102">
        <v>99.999862670898395</v>
      </c>
      <c r="G102">
        <v>3.28076839447021</v>
      </c>
    </row>
    <row r="103" spans="1:7" x14ac:dyDescent="0.25">
      <c r="A103" t="s">
        <v>108</v>
      </c>
      <c r="B103">
        <v>367.29501342773398</v>
      </c>
      <c r="C103">
        <v>954.93604927076296</v>
      </c>
      <c r="D103">
        <v>336.70864868164102</v>
      </c>
      <c r="E103">
        <v>5984.86745730042</v>
      </c>
      <c r="F103">
        <v>100.00067138671901</v>
      </c>
      <c r="G103">
        <v>3.3670639991760298</v>
      </c>
    </row>
    <row r="104" spans="1:7" x14ac:dyDescent="0.25">
      <c r="A104" t="s">
        <v>109</v>
      </c>
      <c r="B104">
        <v>368.29501342773398</v>
      </c>
      <c r="C104">
        <v>954.93124081769099</v>
      </c>
      <c r="D104">
        <v>340.6591796875</v>
      </c>
      <c r="E104">
        <v>6055.0868511199997</v>
      </c>
      <c r="F104">
        <v>100.00016784668</v>
      </c>
      <c r="G104">
        <v>3.4065861701965301</v>
      </c>
    </row>
    <row r="105" spans="1:7" x14ac:dyDescent="0.25">
      <c r="A105" t="s">
        <v>110</v>
      </c>
      <c r="B105">
        <v>369.29501342773398</v>
      </c>
      <c r="C105">
        <v>954.93109510699196</v>
      </c>
      <c r="D105">
        <v>329.679931640625</v>
      </c>
      <c r="E105">
        <v>5859.9347248673403</v>
      </c>
      <c r="F105">
        <v>100.00015258789099</v>
      </c>
      <c r="G105">
        <v>3.2967941761016801</v>
      </c>
    </row>
    <row r="106" spans="1:7" x14ac:dyDescent="0.25">
      <c r="A106" t="s">
        <v>111</v>
      </c>
      <c r="B106">
        <v>370.29501342773398</v>
      </c>
      <c r="C106">
        <v>954.92577666647196</v>
      </c>
      <c r="D106">
        <v>338.52716064453102</v>
      </c>
      <c r="E106">
        <v>6017.1908698976004</v>
      </c>
      <c r="F106">
        <v>99.999595642089801</v>
      </c>
      <c r="G106">
        <v>3.3852853775024401</v>
      </c>
    </row>
    <row r="107" spans="1:7" x14ac:dyDescent="0.25">
      <c r="A107" t="s">
        <v>112</v>
      </c>
      <c r="B107">
        <v>371.29501342773398</v>
      </c>
      <c r="C107">
        <v>954.92679664136597</v>
      </c>
      <c r="D107">
        <v>324.804931640625</v>
      </c>
      <c r="E107">
        <v>5773.2835412025497</v>
      </c>
      <c r="F107">
        <v>99.999702453613295</v>
      </c>
      <c r="G107">
        <v>3.2480590343475302</v>
      </c>
    </row>
    <row r="108" spans="1:7" x14ac:dyDescent="0.25">
      <c r="A108" t="s">
        <v>113</v>
      </c>
      <c r="B108">
        <v>372.29501342773398</v>
      </c>
      <c r="C108">
        <v>954.93269792468197</v>
      </c>
      <c r="D108">
        <v>308.08718872070301</v>
      </c>
      <c r="E108">
        <v>5476.1320352554303</v>
      </c>
      <c r="F108">
        <v>100.00032043457</v>
      </c>
      <c r="G108">
        <v>3.0808620452880899</v>
      </c>
    </row>
    <row r="109" spans="1:7" x14ac:dyDescent="0.25">
      <c r="A109" t="s">
        <v>114</v>
      </c>
      <c r="B109">
        <v>373.29501342773398</v>
      </c>
      <c r="C109">
        <v>954.938162075901</v>
      </c>
      <c r="D109">
        <v>269.49035644531301</v>
      </c>
      <c r="E109">
        <v>4790.0881618261301</v>
      </c>
      <c r="F109">
        <v>100.00089263916</v>
      </c>
      <c r="G109">
        <v>2.6948795318603498</v>
      </c>
    </row>
    <row r="110" spans="1:7" x14ac:dyDescent="0.25">
      <c r="A110" t="s">
        <v>115</v>
      </c>
      <c r="B110">
        <v>374.29501342773398</v>
      </c>
      <c r="C110">
        <v>954.92679664136597</v>
      </c>
      <c r="D110">
        <v>222.70310974121099</v>
      </c>
      <c r="E110">
        <v>3958.4627375006698</v>
      </c>
      <c r="F110">
        <v>99.999702453613295</v>
      </c>
      <c r="G110">
        <v>2.2270376682281499</v>
      </c>
    </row>
    <row r="111" spans="1:7" x14ac:dyDescent="0.25">
      <c r="A111" t="s">
        <v>116</v>
      </c>
      <c r="B111">
        <v>375.29501342773398</v>
      </c>
      <c r="C111">
        <v>954.92898230185403</v>
      </c>
      <c r="D111">
        <v>242.69012451171901</v>
      </c>
      <c r="E111">
        <v>4313.7241154909098</v>
      </c>
      <c r="F111">
        <v>99.999931335449205</v>
      </c>
      <c r="G111">
        <v>2.4269030094146702</v>
      </c>
    </row>
    <row r="112" spans="1:7" x14ac:dyDescent="0.25">
      <c r="A112" t="s">
        <v>117</v>
      </c>
      <c r="B112">
        <v>376.29501342773398</v>
      </c>
      <c r="C112">
        <v>954.92657807531805</v>
      </c>
      <c r="D112">
        <v>244.45535278320301</v>
      </c>
      <c r="E112">
        <v>4345.1003730297098</v>
      </c>
      <c r="F112">
        <v>99.999679565429702</v>
      </c>
      <c r="G112">
        <v>2.4445612430572501</v>
      </c>
    </row>
    <row r="113" spans="1:7" x14ac:dyDescent="0.25">
      <c r="A113" t="s">
        <v>118</v>
      </c>
      <c r="B113">
        <v>377.29501342773398</v>
      </c>
      <c r="C113">
        <v>954.92992942139801</v>
      </c>
      <c r="D113">
        <v>244.36447143554699</v>
      </c>
      <c r="E113">
        <v>4343.4849940240401</v>
      </c>
      <c r="F113">
        <v>100.000030517578</v>
      </c>
      <c r="G113">
        <v>2.4436440467834499</v>
      </c>
    </row>
    <row r="114" spans="1:7" x14ac:dyDescent="0.25">
      <c r="A114" t="s">
        <v>119</v>
      </c>
      <c r="B114">
        <v>378.29501342773398</v>
      </c>
      <c r="C114">
        <v>954.92796232696003</v>
      </c>
      <c r="D114">
        <v>254.73634338378901</v>
      </c>
      <c r="E114">
        <v>4527.8412289917496</v>
      </c>
      <c r="F114">
        <v>99.999824523925795</v>
      </c>
      <c r="G114">
        <v>2.5473678112029998</v>
      </c>
    </row>
    <row r="115" spans="1:7" x14ac:dyDescent="0.25">
      <c r="A115" t="s">
        <v>120</v>
      </c>
      <c r="B115">
        <v>379.29501342773398</v>
      </c>
      <c r="C115">
        <v>954.92890944650401</v>
      </c>
      <c r="D115">
        <v>246.54344177246099</v>
      </c>
      <c r="E115">
        <v>4382.2154402732804</v>
      </c>
      <c r="F115">
        <v>99.999923706054702</v>
      </c>
      <c r="G115">
        <v>2.46543622016907</v>
      </c>
    </row>
    <row r="116" spans="1:7" x14ac:dyDescent="0.25">
      <c r="A116" t="s">
        <v>121</v>
      </c>
      <c r="B116">
        <v>380.29501342773398</v>
      </c>
      <c r="C116">
        <v>954.92752519486203</v>
      </c>
      <c r="D116">
        <v>244.61347961425801</v>
      </c>
      <c r="E116">
        <v>4347.9111045599002</v>
      </c>
      <c r="F116">
        <v>99.999778747558594</v>
      </c>
      <c r="G116">
        <v>2.4461402893066402</v>
      </c>
    </row>
    <row r="117" spans="1:7" x14ac:dyDescent="0.25">
      <c r="A117" t="s">
        <v>122</v>
      </c>
      <c r="B117">
        <v>381.29501342773398</v>
      </c>
      <c r="C117">
        <v>954.93102225164205</v>
      </c>
      <c r="D117">
        <v>266.40020751953102</v>
      </c>
      <c r="E117">
        <v>4735.1620160043203</v>
      </c>
      <c r="F117">
        <v>100.00014495849599</v>
      </c>
      <c r="G117">
        <v>2.6639981269836399</v>
      </c>
    </row>
    <row r="118" spans="1:7" x14ac:dyDescent="0.25">
      <c r="A118" t="s">
        <v>123</v>
      </c>
      <c r="B118">
        <v>382.29501342773398</v>
      </c>
      <c r="C118">
        <v>954.93014798744696</v>
      </c>
      <c r="D118">
        <v>249.090255737305</v>
      </c>
      <c r="E118">
        <v>4427.4842366576204</v>
      </c>
      <c r="F118">
        <v>100.000053405762</v>
      </c>
      <c r="G118">
        <v>2.4909012317657502</v>
      </c>
    </row>
    <row r="119" spans="1:7" x14ac:dyDescent="0.25">
      <c r="A119" t="s">
        <v>124</v>
      </c>
      <c r="B119">
        <v>383.29501342773398</v>
      </c>
      <c r="C119">
        <v>954.928399459057</v>
      </c>
      <c r="D119">
        <v>253.47166442871099</v>
      </c>
      <c r="E119">
        <v>4505.3618960082504</v>
      </c>
      <c r="F119">
        <v>99.999870300292997</v>
      </c>
      <c r="G119">
        <v>2.5347199440002401</v>
      </c>
    </row>
    <row r="120" spans="1:7" x14ac:dyDescent="0.25">
      <c r="A120" t="s">
        <v>125</v>
      </c>
      <c r="B120">
        <v>384.29501342773398</v>
      </c>
      <c r="C120">
        <v>954.93094939629202</v>
      </c>
      <c r="D120">
        <v>253.23860168457</v>
      </c>
      <c r="E120">
        <v>4501.2193731963598</v>
      </c>
      <c r="F120">
        <v>100.000137329102</v>
      </c>
      <c r="G120">
        <v>2.5323824882507302</v>
      </c>
    </row>
    <row r="121" spans="1:7" x14ac:dyDescent="0.25">
      <c r="A121" t="s">
        <v>126</v>
      </c>
      <c r="B121">
        <v>385.29501342773398</v>
      </c>
      <c r="C121">
        <v>954.93058511954496</v>
      </c>
      <c r="D121">
        <v>256.146484375</v>
      </c>
      <c r="E121">
        <v>4552.9059134423696</v>
      </c>
      <c r="F121">
        <v>100.00009918212901</v>
      </c>
      <c r="G121">
        <v>2.56146240234375</v>
      </c>
    </row>
    <row r="122" spans="1:7" x14ac:dyDescent="0.25">
      <c r="A122" t="s">
        <v>127</v>
      </c>
      <c r="B122">
        <v>386.29501342773398</v>
      </c>
      <c r="C122">
        <v>954.92759805021205</v>
      </c>
      <c r="D122">
        <v>253.91960144043</v>
      </c>
      <c r="E122">
        <v>4513.3237726986399</v>
      </c>
      <c r="F122">
        <v>99.999786376953097</v>
      </c>
      <c r="G122">
        <v>2.5392014980316202</v>
      </c>
    </row>
    <row r="123" spans="1:7" x14ac:dyDescent="0.25">
      <c r="A123" t="s">
        <v>128</v>
      </c>
      <c r="B123">
        <v>387.29501342773398</v>
      </c>
      <c r="C123">
        <v>954.92810803765894</v>
      </c>
      <c r="D123">
        <v>237.23179626464801</v>
      </c>
      <c r="E123">
        <v>4216.7045176029196</v>
      </c>
      <c r="F123">
        <v>99.999839782714801</v>
      </c>
      <c r="G123">
        <v>2.3723218441009499</v>
      </c>
    </row>
    <row r="124" spans="1:7" x14ac:dyDescent="0.25">
      <c r="A124" t="s">
        <v>129</v>
      </c>
      <c r="B124">
        <v>388.29501342773398</v>
      </c>
      <c r="C124">
        <v>954.93087654094302</v>
      </c>
      <c r="D124">
        <v>247.74821472168</v>
      </c>
      <c r="E124">
        <v>4403.6298058927096</v>
      </c>
      <c r="F124">
        <v>100.000129699707</v>
      </c>
      <c r="G124">
        <v>2.47747898101807</v>
      </c>
    </row>
    <row r="125" spans="1:7" x14ac:dyDescent="0.25">
      <c r="A125" t="s">
        <v>130</v>
      </c>
      <c r="B125">
        <v>389.29501342773398</v>
      </c>
      <c r="C125">
        <v>954.92978371069898</v>
      </c>
      <c r="D125">
        <v>252.70932006835901</v>
      </c>
      <c r="E125">
        <v>4491.8116182088897</v>
      </c>
      <c r="F125">
        <v>100.00001525878901</v>
      </c>
      <c r="G125">
        <v>2.52709293365479</v>
      </c>
    </row>
    <row r="126" spans="1:7" x14ac:dyDescent="0.25">
      <c r="A126" t="s">
        <v>131</v>
      </c>
      <c r="B126">
        <v>390.29501342773398</v>
      </c>
      <c r="C126">
        <v>954.92920086790298</v>
      </c>
      <c r="D126">
        <v>264.42224121093801</v>
      </c>
      <c r="E126">
        <v>4700.0041231512996</v>
      </c>
      <c r="F126">
        <v>99.999954223632798</v>
      </c>
      <c r="G126">
        <v>2.6442236900329599</v>
      </c>
    </row>
    <row r="127" spans="1:7" x14ac:dyDescent="0.25">
      <c r="A127" t="s">
        <v>132</v>
      </c>
      <c r="B127">
        <v>391.29501342773398</v>
      </c>
      <c r="C127">
        <v>954.93291649073103</v>
      </c>
      <c r="D127">
        <v>264.17703247070301</v>
      </c>
      <c r="E127">
        <v>4695.6459991633901</v>
      </c>
      <c r="F127">
        <v>100.00034332275401</v>
      </c>
      <c r="G127">
        <v>2.6417613029479998</v>
      </c>
    </row>
    <row r="128" spans="1:7" x14ac:dyDescent="0.25">
      <c r="A128" t="s">
        <v>133</v>
      </c>
      <c r="B128">
        <v>392.29501342773398</v>
      </c>
      <c r="C128">
        <v>954.932333647934</v>
      </c>
      <c r="D128">
        <v>296.070556640625</v>
      </c>
      <c r="E128">
        <v>5262.54111900926</v>
      </c>
      <c r="F128">
        <v>100.000282287598</v>
      </c>
      <c r="G128">
        <v>2.9606971740722701</v>
      </c>
    </row>
    <row r="129" spans="1:7" x14ac:dyDescent="0.25">
      <c r="A129" t="s">
        <v>134</v>
      </c>
      <c r="B129">
        <v>393.29501342773398</v>
      </c>
      <c r="C129">
        <v>954.93022084279698</v>
      </c>
      <c r="D129">
        <v>286.20614624023398</v>
      </c>
      <c r="E129">
        <v>5087.2047431766996</v>
      </c>
      <c r="F129">
        <v>100.00006103515599</v>
      </c>
      <c r="G129">
        <v>2.86205983161926</v>
      </c>
    </row>
    <row r="130" spans="1:7" x14ac:dyDescent="0.25">
      <c r="A130" t="s">
        <v>135</v>
      </c>
      <c r="B130">
        <v>394.29501342773398</v>
      </c>
      <c r="C130">
        <v>954.93065797489396</v>
      </c>
      <c r="D130">
        <v>282.04937744140602</v>
      </c>
      <c r="E130">
        <v>5013.3201293647298</v>
      </c>
      <c r="F130">
        <v>100.000106811523</v>
      </c>
      <c r="G130">
        <v>2.8204908370971702</v>
      </c>
    </row>
    <row r="131" spans="1:7" x14ac:dyDescent="0.25">
      <c r="A131" t="s">
        <v>136</v>
      </c>
      <c r="B131">
        <v>395.29501342773398</v>
      </c>
      <c r="C131">
        <v>954.92876373580498</v>
      </c>
      <c r="D131">
        <v>275.65713500976602</v>
      </c>
      <c r="E131">
        <v>4899.7001722454997</v>
      </c>
      <c r="F131">
        <v>99.999908447265597</v>
      </c>
      <c r="G131">
        <v>2.75657391548157</v>
      </c>
    </row>
    <row r="132" spans="1:7" x14ac:dyDescent="0.25">
      <c r="A132" t="s">
        <v>137</v>
      </c>
      <c r="B132">
        <v>398.99499511718801</v>
      </c>
      <c r="C132">
        <v>946.08776706441097</v>
      </c>
      <c r="D132">
        <v>268.90466308593801</v>
      </c>
      <c r="E132">
        <v>4779.6778380870801</v>
      </c>
      <c r="F132">
        <v>99.074081420898395</v>
      </c>
      <c r="G132">
        <v>2.7141776084899898</v>
      </c>
    </row>
    <row r="133" spans="1:7" x14ac:dyDescent="0.25">
      <c r="A133" t="s">
        <v>138</v>
      </c>
      <c r="B133">
        <v>402.59500122070301</v>
      </c>
      <c r="C133">
        <v>936.53854353975998</v>
      </c>
      <c r="D133">
        <v>268.64221191406301</v>
      </c>
      <c r="E133">
        <v>4775.0128433108302</v>
      </c>
      <c r="F133">
        <v>98.074089050292997</v>
      </c>
      <c r="G133">
        <v>2.7391762733459499</v>
      </c>
    </row>
    <row r="134" spans="1:7" x14ac:dyDescent="0.25">
      <c r="A134" t="s">
        <v>139</v>
      </c>
      <c r="B134">
        <v>406.19500732421898</v>
      </c>
      <c r="C134">
        <v>926.99252565049096</v>
      </c>
      <c r="D134">
        <v>261.94543457031301</v>
      </c>
      <c r="E134">
        <v>4655.9800393879405</v>
      </c>
      <c r="F134">
        <v>97.074432373046903</v>
      </c>
      <c r="G134">
        <v>2.6983978748321502</v>
      </c>
    </row>
    <row r="135" spans="1:7" x14ac:dyDescent="0.25">
      <c r="A135" t="s">
        <v>140</v>
      </c>
      <c r="B135">
        <v>409.79501342773398</v>
      </c>
      <c r="C135">
        <v>917.44468637748298</v>
      </c>
      <c r="D135">
        <v>264.407958984375</v>
      </c>
      <c r="E135">
        <v>4699.7503377497196</v>
      </c>
      <c r="F135">
        <v>96.0745849609375</v>
      </c>
      <c r="G135">
        <v>2.7521114349365199</v>
      </c>
    </row>
    <row r="136" spans="1:7" x14ac:dyDescent="0.25">
      <c r="A136" t="s">
        <v>141</v>
      </c>
      <c r="B136">
        <v>413.39498901367199</v>
      </c>
      <c r="C136">
        <v>907.89764851331995</v>
      </c>
      <c r="D136">
        <v>266.73855590820301</v>
      </c>
      <c r="E136">
        <v>4741.1760315298998</v>
      </c>
      <c r="F136">
        <v>95.074821472167997</v>
      </c>
      <c r="G136">
        <v>2.8055646419525102</v>
      </c>
    </row>
    <row r="137" spans="1:7" x14ac:dyDescent="0.25">
      <c r="A137" t="s">
        <v>142</v>
      </c>
      <c r="B137">
        <v>416.99499511718801</v>
      </c>
      <c r="C137">
        <v>898.35279630964396</v>
      </c>
      <c r="D137">
        <v>297.75607299804699</v>
      </c>
      <c r="E137">
        <v>5292.5003692507698</v>
      </c>
      <c r="F137">
        <v>94.075286865234403</v>
      </c>
      <c r="G137">
        <v>3.16508269309998</v>
      </c>
    </row>
    <row r="138" spans="1:7" x14ac:dyDescent="0.25">
      <c r="A138" t="s">
        <v>143</v>
      </c>
      <c r="B138">
        <v>420.59500122070301</v>
      </c>
      <c r="C138">
        <v>888.80196996730297</v>
      </c>
      <c r="D138">
        <v>299.11746215820301</v>
      </c>
      <c r="E138">
        <v>5316.6984580457201</v>
      </c>
      <c r="F138">
        <v>93.075126647949205</v>
      </c>
      <c r="G138">
        <v>3.2137207984924299</v>
      </c>
    </row>
    <row r="139" spans="1:7" x14ac:dyDescent="0.25">
      <c r="A139" t="s">
        <v>144</v>
      </c>
      <c r="B139">
        <v>424.19500732421898</v>
      </c>
      <c r="C139">
        <v>879.25660777617998</v>
      </c>
      <c r="D139">
        <v>283.09280395507801</v>
      </c>
      <c r="E139">
        <v>5031.8664871156197</v>
      </c>
      <c r="F139">
        <v>92.075538635253906</v>
      </c>
      <c r="G139">
        <v>3.0745711326599099</v>
      </c>
    </row>
    <row r="140" spans="1:7" x14ac:dyDescent="0.25">
      <c r="A140" t="s">
        <v>145</v>
      </c>
      <c r="B140">
        <v>427.79501342773398</v>
      </c>
      <c r="C140">
        <v>869.708768503172</v>
      </c>
      <c r="D140">
        <v>268.88635253906301</v>
      </c>
      <c r="E140">
        <v>4779.3523408472502</v>
      </c>
      <c r="F140">
        <v>91.075691223144503</v>
      </c>
      <c r="G140">
        <v>2.9523394107818599</v>
      </c>
    </row>
    <row r="141" spans="1:7" x14ac:dyDescent="0.25">
      <c r="A141" t="s">
        <v>146</v>
      </c>
      <c r="B141">
        <v>431.39498901367199</v>
      </c>
      <c r="C141">
        <v>860.16275061390297</v>
      </c>
      <c r="D141">
        <v>211.63591003418</v>
      </c>
      <c r="E141">
        <v>3761.7473863065202</v>
      </c>
      <c r="F141">
        <v>90.076034545898395</v>
      </c>
      <c r="G141">
        <v>2.3495252132415798</v>
      </c>
    </row>
    <row r="142" spans="1:7" x14ac:dyDescent="0.25">
      <c r="A142" t="s">
        <v>147</v>
      </c>
      <c r="B142">
        <v>434.99499511718801</v>
      </c>
      <c r="C142">
        <v>850.61673272463395</v>
      </c>
      <c r="D142">
        <v>233.00498962402301</v>
      </c>
      <c r="E142">
        <v>4141.5747255086899</v>
      </c>
      <c r="F142">
        <v>89.076377868652301</v>
      </c>
      <c r="G142">
        <v>2.6157886981964098</v>
      </c>
    </row>
    <row r="143" spans="1:7" x14ac:dyDescent="0.25">
      <c r="A143" t="s">
        <v>148</v>
      </c>
      <c r="B143">
        <v>438.59500122070301</v>
      </c>
      <c r="C143">
        <v>841.06940343907297</v>
      </c>
      <c r="D143">
        <v>252.31658935546901</v>
      </c>
      <c r="E143">
        <v>4484.8308898508503</v>
      </c>
      <c r="F143">
        <v>88.076583862304702</v>
      </c>
      <c r="G143">
        <v>2.8647408485412602</v>
      </c>
    </row>
    <row r="144" spans="1:7" x14ac:dyDescent="0.25">
      <c r="A144" t="s">
        <v>149</v>
      </c>
      <c r="B144">
        <v>442.19500732421898</v>
      </c>
      <c r="C144">
        <v>831.52280270700703</v>
      </c>
      <c r="D144">
        <v>241.31217956543</v>
      </c>
      <c r="E144">
        <v>4289.23172876239</v>
      </c>
      <c r="F144">
        <v>87.076866149902301</v>
      </c>
      <c r="G144">
        <v>2.7712547779083301</v>
      </c>
    </row>
    <row r="145" spans="1:7" x14ac:dyDescent="0.25">
      <c r="A145" t="s">
        <v>150</v>
      </c>
      <c r="B145">
        <v>445.79501342773398</v>
      </c>
      <c r="C145">
        <v>821.97518200004697</v>
      </c>
      <c r="D145">
        <v>248.54193115234401</v>
      </c>
      <c r="E145">
        <v>4417.7379459142703</v>
      </c>
      <c r="F145">
        <v>86.077041625976605</v>
      </c>
      <c r="G145">
        <v>2.8874359130859402</v>
      </c>
    </row>
    <row r="146" spans="1:7" x14ac:dyDescent="0.25">
      <c r="A146" t="s">
        <v>151</v>
      </c>
      <c r="B146">
        <v>449.39498901367199</v>
      </c>
      <c r="C146">
        <v>812.42879983402997</v>
      </c>
      <c r="D146">
        <v>240.58497619628901</v>
      </c>
      <c r="E146">
        <v>4276.3059027493</v>
      </c>
      <c r="F146">
        <v>85.077346801757798</v>
      </c>
      <c r="G146">
        <v>2.8278381824493399</v>
      </c>
    </row>
    <row r="147" spans="1:7" x14ac:dyDescent="0.25">
      <c r="A147" t="s">
        <v>152</v>
      </c>
      <c r="B147">
        <v>452.99499511718801</v>
      </c>
      <c r="C147">
        <v>802.88045057357499</v>
      </c>
      <c r="D147">
        <v>247.44795227050801</v>
      </c>
      <c r="E147">
        <v>4398.2928618788701</v>
      </c>
      <c r="F147">
        <v>84.077445983886705</v>
      </c>
      <c r="G147">
        <v>2.9430954456329301</v>
      </c>
    </row>
    <row r="148" spans="1:7" x14ac:dyDescent="0.25">
      <c r="A148" t="s">
        <v>153</v>
      </c>
      <c r="B148">
        <v>456.59500122070301</v>
      </c>
      <c r="C148">
        <v>793.33486981640397</v>
      </c>
      <c r="D148">
        <v>237.83624267578099</v>
      </c>
      <c r="E148">
        <v>4227.4482548236801</v>
      </c>
      <c r="F148">
        <v>83.077835083007798</v>
      </c>
      <c r="G148">
        <v>2.8628122806549099</v>
      </c>
    </row>
    <row r="149" spans="1:7" x14ac:dyDescent="0.25">
      <c r="A149" t="s">
        <v>154</v>
      </c>
      <c r="B149">
        <v>460.19500732421898</v>
      </c>
      <c r="C149">
        <v>783.78805051828897</v>
      </c>
      <c r="D149">
        <v>234.07258605957</v>
      </c>
      <c r="E149">
        <v>4160.5508886277703</v>
      </c>
      <c r="F149">
        <v>82.078094482421903</v>
      </c>
      <c r="G149">
        <v>2.85182762145996</v>
      </c>
    </row>
    <row r="150" spans="1:7" x14ac:dyDescent="0.25">
      <c r="A150" t="s">
        <v>155</v>
      </c>
      <c r="B150">
        <v>463.79501342773398</v>
      </c>
      <c r="C150">
        <v>774.24188691832103</v>
      </c>
      <c r="D150">
        <v>238.315353393555</v>
      </c>
      <c r="E150">
        <v>4235.9642684459704</v>
      </c>
      <c r="F150">
        <v>81.078422546386705</v>
      </c>
      <c r="G150">
        <v>2.93931913375854</v>
      </c>
    </row>
    <row r="151" spans="1:7" x14ac:dyDescent="0.25">
      <c r="A151" t="s">
        <v>156</v>
      </c>
      <c r="B151">
        <v>467.39498901367199</v>
      </c>
      <c r="C151">
        <v>764.69492190950803</v>
      </c>
      <c r="D151">
        <v>235.88067626953099</v>
      </c>
      <c r="E151">
        <v>4192.6889680326003</v>
      </c>
      <c r="F151">
        <v>80.078666687011705</v>
      </c>
      <c r="G151">
        <v>2.9456119537353498</v>
      </c>
    </row>
    <row r="152" spans="1:7" x14ac:dyDescent="0.25">
      <c r="A152" t="s">
        <v>157</v>
      </c>
      <c r="B152">
        <v>470.99499511718801</v>
      </c>
      <c r="C152">
        <v>755.14598980625499</v>
      </c>
      <c r="D152">
        <v>237.79177856445301</v>
      </c>
      <c r="E152">
        <v>4226.6580276191198</v>
      </c>
      <c r="F152">
        <v>79.078704833984403</v>
      </c>
      <c r="G152">
        <v>3.0070266723632799</v>
      </c>
    </row>
    <row r="153" spans="1:7" x14ac:dyDescent="0.25">
      <c r="A153" t="s">
        <v>158</v>
      </c>
      <c r="B153">
        <v>474.59500122070301</v>
      </c>
      <c r="C153">
        <v>745.60033619373405</v>
      </c>
      <c r="D153">
        <v>234.87724304199199</v>
      </c>
      <c r="E153">
        <v>4174.8532094061402</v>
      </c>
      <c r="F153">
        <v>78.079086303710895</v>
      </c>
      <c r="G153">
        <v>3.00819659233093</v>
      </c>
    </row>
    <row r="154" spans="1:7" x14ac:dyDescent="0.25">
      <c r="A154" t="s">
        <v>159</v>
      </c>
      <c r="B154">
        <v>478.19500732421898</v>
      </c>
      <c r="C154">
        <v>736.05169551188101</v>
      </c>
      <c r="D154">
        <v>232.51892089843801</v>
      </c>
      <c r="E154">
        <v>4132.9348459839803</v>
      </c>
      <c r="F154">
        <v>77.079154968261705</v>
      </c>
      <c r="G154">
        <v>3.0166251659393302</v>
      </c>
    </row>
    <row r="155" spans="1:7" x14ac:dyDescent="0.25">
      <c r="A155" t="s">
        <v>160</v>
      </c>
      <c r="B155">
        <v>481.79501342773398</v>
      </c>
      <c r="C155">
        <v>726.50443908166903</v>
      </c>
      <c r="D155">
        <v>234.96315002441401</v>
      </c>
      <c r="E155">
        <v>4176.3801127672205</v>
      </c>
      <c r="F155">
        <v>76.079368591308594</v>
      </c>
      <c r="G155">
        <v>3.0883951187133798</v>
      </c>
    </row>
    <row r="156" spans="1:7" x14ac:dyDescent="0.25">
      <c r="A156" t="s">
        <v>161</v>
      </c>
      <c r="B156">
        <v>485.39498901367199</v>
      </c>
      <c r="C156">
        <v>716.95871261379796</v>
      </c>
      <c r="D156">
        <v>227.732421875</v>
      </c>
      <c r="E156">
        <v>4047.8566661477098</v>
      </c>
      <c r="F156">
        <v>75.079742431640597</v>
      </c>
      <c r="G156">
        <v>3.0332071781158398</v>
      </c>
    </row>
    <row r="157" spans="1:7" x14ac:dyDescent="0.25">
      <c r="A157" t="s">
        <v>162</v>
      </c>
      <c r="B157">
        <v>488.99499511718801</v>
      </c>
      <c r="C157">
        <v>707.41087334078998</v>
      </c>
      <c r="D157">
        <v>225.05830383300801</v>
      </c>
      <c r="E157">
        <v>4000.3252215683501</v>
      </c>
      <c r="F157">
        <v>74.079895019531307</v>
      </c>
      <c r="G157">
        <v>3.0380482673645002</v>
      </c>
    </row>
    <row r="158" spans="1:7" x14ac:dyDescent="0.25">
      <c r="A158" t="s">
        <v>163</v>
      </c>
      <c r="B158">
        <v>492.59500122070301</v>
      </c>
      <c r="C158">
        <v>697.86485545152095</v>
      </c>
      <c r="D158">
        <v>217.95680236816401</v>
      </c>
      <c r="E158">
        <v>3874.0988820791199</v>
      </c>
      <c r="F158">
        <v>73.080238342285199</v>
      </c>
      <c r="G158">
        <v>2.9824314117431601</v>
      </c>
    </row>
    <row r="159" spans="1:7" x14ac:dyDescent="0.25">
      <c r="A159" t="s">
        <v>164</v>
      </c>
      <c r="B159">
        <v>496.19500732421898</v>
      </c>
      <c r="C159">
        <v>688.31905612830099</v>
      </c>
      <c r="D159">
        <v>219.45169067382801</v>
      </c>
      <c r="E159">
        <v>3900.66998079419</v>
      </c>
      <c r="F159">
        <v>72.080604553222699</v>
      </c>
      <c r="G159">
        <v>3.0445318222045898</v>
      </c>
    </row>
    <row r="160" spans="1:7" x14ac:dyDescent="0.25">
      <c r="A160" t="s">
        <v>165</v>
      </c>
      <c r="B160">
        <v>499.79501342773398</v>
      </c>
      <c r="C160">
        <v>678.77019688039798</v>
      </c>
      <c r="D160">
        <v>222.757888793945</v>
      </c>
      <c r="E160">
        <v>3959.4364352524299</v>
      </c>
      <c r="F160">
        <v>71.080650329589801</v>
      </c>
      <c r="G160">
        <v>3.1338751316070601</v>
      </c>
    </row>
    <row r="161" spans="1:7" x14ac:dyDescent="0.25">
      <c r="A161" t="s">
        <v>166</v>
      </c>
      <c r="B161">
        <v>503.39498901367199</v>
      </c>
      <c r="C161">
        <v>669.22374185903197</v>
      </c>
      <c r="D161">
        <v>228.537033081055</v>
      </c>
      <c r="E161">
        <v>4062.1585212647901</v>
      </c>
      <c r="F161">
        <v>70.080947875976605</v>
      </c>
      <c r="G161">
        <v>3.2610437870025599</v>
      </c>
    </row>
    <row r="162" spans="1:7" x14ac:dyDescent="0.25">
      <c r="A162" t="s">
        <v>167</v>
      </c>
      <c r="B162">
        <v>507.00399780273398</v>
      </c>
      <c r="C162">
        <v>659.65076749041896</v>
      </c>
      <c r="D162">
        <v>224.16735839843801</v>
      </c>
      <c r="E162">
        <v>3984.4890125095799</v>
      </c>
      <c r="F162">
        <v>69.078468322753906</v>
      </c>
      <c r="G162">
        <v>3.2451119422912602</v>
      </c>
    </row>
    <row r="163" spans="1:7" x14ac:dyDescent="0.25">
      <c r="A163" t="s">
        <v>168</v>
      </c>
      <c r="B163">
        <v>510.60400390625</v>
      </c>
      <c r="C163">
        <v>650.10154396576797</v>
      </c>
      <c r="D163">
        <v>228.7861328125</v>
      </c>
      <c r="E163">
        <v>4066.5860287845098</v>
      </c>
      <c r="F163">
        <v>68.078475952148395</v>
      </c>
      <c r="G163">
        <v>3.36062359809875</v>
      </c>
    </row>
    <row r="164" spans="1:7" x14ac:dyDescent="0.25">
      <c r="A164" t="s">
        <v>169</v>
      </c>
      <c r="B164">
        <v>514.20397949218795</v>
      </c>
      <c r="C164">
        <v>640.55705603883996</v>
      </c>
      <c r="D164">
        <v>216.06619262695301</v>
      </c>
      <c r="E164">
        <v>3840.49396961927</v>
      </c>
      <c r="F164">
        <v>67.0789794921875</v>
      </c>
      <c r="G164">
        <v>3.2210714817047101</v>
      </c>
    </row>
    <row r="165" spans="1:7" x14ac:dyDescent="0.25">
      <c r="A165" t="s">
        <v>170</v>
      </c>
      <c r="B165">
        <v>517.80401611328102</v>
      </c>
      <c r="C165">
        <v>631.01038245142502</v>
      </c>
      <c r="D165">
        <v>214.07708740234401</v>
      </c>
      <c r="E165">
        <v>3805.1384035497899</v>
      </c>
      <c r="F165">
        <v>66.079254150390597</v>
      </c>
      <c r="G165">
        <v>3.2397019863128702</v>
      </c>
    </row>
    <row r="166" spans="1:7" x14ac:dyDescent="0.25">
      <c r="A166" t="s">
        <v>171</v>
      </c>
      <c r="B166">
        <v>521.40399169921898</v>
      </c>
      <c r="C166">
        <v>621.46421885145696</v>
      </c>
      <c r="D166">
        <v>211.95901489257801</v>
      </c>
      <c r="E166">
        <v>3767.4906197935302</v>
      </c>
      <c r="F166">
        <v>65.079582214355497</v>
      </c>
      <c r="G166">
        <v>3.2569203376770002</v>
      </c>
    </row>
    <row r="167" spans="1:7" x14ac:dyDescent="0.25">
      <c r="A167" t="s">
        <v>172</v>
      </c>
      <c r="B167">
        <v>525.00402832031295</v>
      </c>
      <c r="C167">
        <v>611.91601530170101</v>
      </c>
      <c r="D167">
        <v>213.74687194824199</v>
      </c>
      <c r="E167">
        <v>3799.26897585392</v>
      </c>
      <c r="F167">
        <v>64.079696655273395</v>
      </c>
      <c r="G167">
        <v>3.3356411457061799</v>
      </c>
    </row>
    <row r="168" spans="1:7" x14ac:dyDescent="0.25">
      <c r="A168" t="s">
        <v>173</v>
      </c>
      <c r="B168">
        <v>528.60400390625</v>
      </c>
      <c r="C168">
        <v>602.37079882127705</v>
      </c>
      <c r="D168">
        <v>213.86421203613301</v>
      </c>
      <c r="E168">
        <v>3801.35467275977</v>
      </c>
      <c r="F168">
        <v>63.080123901367202</v>
      </c>
      <c r="G168">
        <v>3.3903582096099898</v>
      </c>
    </row>
    <row r="169" spans="1:7" x14ac:dyDescent="0.25">
      <c r="A169" t="s">
        <v>174</v>
      </c>
      <c r="B169">
        <v>532.20397949218795</v>
      </c>
      <c r="C169">
        <v>592.82223099477301</v>
      </c>
      <c r="D169">
        <v>209.985763549805</v>
      </c>
      <c r="E169">
        <v>3732.4167788028699</v>
      </c>
      <c r="F169">
        <v>62.0802001953125</v>
      </c>
      <c r="G169">
        <v>3.3824918270111102</v>
      </c>
    </row>
    <row r="170" spans="1:7" x14ac:dyDescent="0.25">
      <c r="A170" t="s">
        <v>175</v>
      </c>
      <c r="B170">
        <v>535.80401611328102</v>
      </c>
      <c r="C170">
        <v>583.27530241363399</v>
      </c>
      <c r="D170">
        <v>209.17539978027301</v>
      </c>
      <c r="E170">
        <v>3718.0127110332301</v>
      </c>
      <c r="F170">
        <v>61.080448150634801</v>
      </c>
      <c r="G170">
        <v>3.42458844184875</v>
      </c>
    </row>
    <row r="171" spans="1:7" x14ac:dyDescent="0.25">
      <c r="A171" t="s">
        <v>176</v>
      </c>
      <c r="B171">
        <v>539.40399169921898</v>
      </c>
      <c r="C171">
        <v>573.727426712951</v>
      </c>
      <c r="D171">
        <v>206.84907531738301</v>
      </c>
      <c r="E171">
        <v>3676.6631528735202</v>
      </c>
      <c r="F171">
        <v>60.080596923828097</v>
      </c>
      <c r="G171">
        <v>3.44285988807678</v>
      </c>
    </row>
    <row r="172" spans="1:7" x14ac:dyDescent="0.25">
      <c r="A172" t="s">
        <v>177</v>
      </c>
      <c r="B172">
        <v>543.00402832031295</v>
      </c>
      <c r="C172">
        <v>564.17976957831695</v>
      </c>
      <c r="D172">
        <v>208.30422973632801</v>
      </c>
      <c r="E172">
        <v>3702.5280762463799</v>
      </c>
      <c r="F172">
        <v>59.080768585205099</v>
      </c>
      <c r="G172">
        <v>3.5257534980773899</v>
      </c>
    </row>
    <row r="173" spans="1:7" x14ac:dyDescent="0.25">
      <c r="A173" t="s">
        <v>178</v>
      </c>
      <c r="B173">
        <v>546.60400390625</v>
      </c>
      <c r="C173">
        <v>554.63502665766498</v>
      </c>
      <c r="D173">
        <v>205.085037231445</v>
      </c>
      <c r="E173">
        <v>3645.3080829232899</v>
      </c>
      <c r="F173">
        <v>58.081245422363303</v>
      </c>
      <c r="G173">
        <v>3.5310027599334699</v>
      </c>
    </row>
    <row r="174" spans="1:7" x14ac:dyDescent="0.25">
      <c r="A174" t="s">
        <v>179</v>
      </c>
      <c r="B174">
        <v>550.20397949218795</v>
      </c>
      <c r="C174">
        <v>545.08798879350195</v>
      </c>
      <c r="D174">
        <v>208.43711853027301</v>
      </c>
      <c r="E174">
        <v>3704.8901431262502</v>
      </c>
      <c r="F174">
        <v>57.0814819335938</v>
      </c>
      <c r="G174">
        <v>3.65157151222229</v>
      </c>
    </row>
    <row r="175" spans="1:7" x14ac:dyDescent="0.25">
      <c r="A175" t="s">
        <v>180</v>
      </c>
      <c r="B175">
        <v>553.80401611328102</v>
      </c>
      <c r="C175">
        <v>535.54218947028198</v>
      </c>
      <c r="D175">
        <v>202.48056030273401</v>
      </c>
      <c r="E175">
        <v>3599.0145988762401</v>
      </c>
      <c r="F175">
        <v>56.0818481445313</v>
      </c>
      <c r="G175">
        <v>3.6104474067688002</v>
      </c>
    </row>
    <row r="176" spans="1:7" x14ac:dyDescent="0.25">
      <c r="A176" t="s">
        <v>181</v>
      </c>
      <c r="B176">
        <v>557.40399169921898</v>
      </c>
      <c r="C176">
        <v>525.99176383236397</v>
      </c>
      <c r="D176">
        <v>202.519454956055</v>
      </c>
      <c r="E176">
        <v>3599.7058730572498</v>
      </c>
      <c r="F176">
        <v>55.081729888916001</v>
      </c>
      <c r="G176">
        <v>3.67670822143555</v>
      </c>
    </row>
    <row r="177" spans="1:7" x14ac:dyDescent="0.25">
      <c r="A177" t="s">
        <v>182</v>
      </c>
      <c r="B177">
        <v>561.00402832031295</v>
      </c>
      <c r="C177">
        <v>516.44574594309404</v>
      </c>
      <c r="D177">
        <v>201.96475219726599</v>
      </c>
      <c r="E177">
        <v>3589.8461937904399</v>
      </c>
      <c r="F177">
        <v>54.082073211669901</v>
      </c>
      <c r="G177">
        <v>3.7344121932983398</v>
      </c>
    </row>
    <row r="178" spans="1:7" x14ac:dyDescent="0.25">
      <c r="A178" t="s">
        <v>183</v>
      </c>
      <c r="B178">
        <v>564.60400390625</v>
      </c>
      <c r="C178">
        <v>506.89874450660602</v>
      </c>
      <c r="D178">
        <v>195.48690795898401</v>
      </c>
      <c r="E178">
        <v>3474.70515407622</v>
      </c>
      <c r="F178">
        <v>53.082313537597699</v>
      </c>
      <c r="G178">
        <v>3.6827125549316402</v>
      </c>
    </row>
    <row r="179" spans="1:7" x14ac:dyDescent="0.25">
      <c r="A179" t="s">
        <v>184</v>
      </c>
      <c r="B179">
        <v>568.20397949218795</v>
      </c>
      <c r="C179">
        <v>497.35301803873602</v>
      </c>
      <c r="D179">
        <v>202.60360717773401</v>
      </c>
      <c r="E179">
        <v>3601.20180994272</v>
      </c>
      <c r="F179">
        <v>52.082687377929702</v>
      </c>
      <c r="G179">
        <v>3.8900375366210902</v>
      </c>
    </row>
    <row r="180" spans="1:7" x14ac:dyDescent="0.25">
      <c r="A180" t="s">
        <v>185</v>
      </c>
      <c r="B180">
        <v>571.80401611328102</v>
      </c>
      <c r="C180">
        <v>487.80466877828002</v>
      </c>
      <c r="D180">
        <v>190.22230529785199</v>
      </c>
      <c r="E180">
        <v>3381.1288885772201</v>
      </c>
      <c r="F180">
        <v>51.082786560058601</v>
      </c>
      <c r="G180">
        <v>3.72380447387695</v>
      </c>
    </row>
    <row r="181" spans="1:7" x14ac:dyDescent="0.25">
      <c r="A181" t="s">
        <v>186</v>
      </c>
      <c r="B181">
        <v>575.40399169921898</v>
      </c>
      <c r="C181">
        <v>478.25886945505999</v>
      </c>
      <c r="D181">
        <v>190.12780761718801</v>
      </c>
      <c r="E181">
        <v>3379.4492483139002</v>
      </c>
      <c r="F181">
        <v>50.083152770996101</v>
      </c>
      <c r="G181">
        <v>3.79624271392822</v>
      </c>
    </row>
    <row r="182" spans="1:7" x14ac:dyDescent="0.25">
      <c r="A182" t="s">
        <v>187</v>
      </c>
      <c r="B182">
        <v>579.00402832031295</v>
      </c>
      <c r="C182">
        <v>468.710046634832</v>
      </c>
      <c r="D182">
        <v>194.09162902832</v>
      </c>
      <c r="E182">
        <v>3449.9044995754998</v>
      </c>
      <c r="F182">
        <v>49.083202362060497</v>
      </c>
      <c r="G182">
        <v>3.9543392658233598</v>
      </c>
    </row>
    <row r="183" spans="1:7" x14ac:dyDescent="0.25">
      <c r="A183" t="s">
        <v>188</v>
      </c>
      <c r="B183">
        <v>582.60400390625</v>
      </c>
      <c r="C183">
        <v>459.16548585255498</v>
      </c>
      <c r="D183">
        <v>191.585205078125</v>
      </c>
      <c r="E183">
        <v>3405.3537528961901</v>
      </c>
      <c r="F183">
        <v>48.083698272705099</v>
      </c>
      <c r="G183">
        <v>3.9844107627868701</v>
      </c>
    </row>
    <row r="184" spans="1:7" x14ac:dyDescent="0.25">
      <c r="A184" t="s">
        <v>189</v>
      </c>
      <c r="B184">
        <v>586.20397949218795</v>
      </c>
      <c r="C184">
        <v>449.61702730907501</v>
      </c>
      <c r="D184">
        <v>196.62365722656301</v>
      </c>
      <c r="E184">
        <v>3494.9104301631501</v>
      </c>
      <c r="F184">
        <v>47.083786010742202</v>
      </c>
      <c r="G184">
        <v>4.1760373115539604</v>
      </c>
    </row>
    <row r="185" spans="1:7" x14ac:dyDescent="0.25">
      <c r="A185" t="s">
        <v>190</v>
      </c>
      <c r="B185">
        <v>589.80401611328102</v>
      </c>
      <c r="C185">
        <v>440.07188368400102</v>
      </c>
      <c r="D185">
        <v>192.67388916015599</v>
      </c>
      <c r="E185">
        <v>3424.7047733515501</v>
      </c>
      <c r="F185">
        <v>46.084220886230497</v>
      </c>
      <c r="G185">
        <v>4.180908203125</v>
      </c>
    </row>
    <row r="186" spans="1:7" x14ac:dyDescent="0.25">
      <c r="A186" t="s">
        <v>191</v>
      </c>
      <c r="B186">
        <v>593.40399169921898</v>
      </c>
      <c r="C186">
        <v>430.52397155564302</v>
      </c>
      <c r="D186">
        <v>197.38104248046901</v>
      </c>
      <c r="E186">
        <v>3508.37269797921</v>
      </c>
      <c r="F186">
        <v>45.084365844726598</v>
      </c>
      <c r="G186">
        <v>4.3780374526977504</v>
      </c>
    </row>
    <row r="187" spans="1:7" x14ac:dyDescent="0.25">
      <c r="A187" t="s">
        <v>192</v>
      </c>
      <c r="B187">
        <v>597.00402832031295</v>
      </c>
      <c r="C187">
        <v>420.97769867264998</v>
      </c>
      <c r="D187">
        <v>192.76113891601599</v>
      </c>
      <c r="E187">
        <v>3426.2556582689299</v>
      </c>
      <c r="F187">
        <v>44.084682464599602</v>
      </c>
      <c r="G187">
        <v>4.37251949310303</v>
      </c>
    </row>
    <row r="188" spans="1:7" x14ac:dyDescent="0.25">
      <c r="A188" t="s">
        <v>193</v>
      </c>
      <c r="B188">
        <v>600.60400390625</v>
      </c>
      <c r="C188">
        <v>411.42847514800002</v>
      </c>
      <c r="D188">
        <v>204.785232543945</v>
      </c>
      <c r="E188">
        <v>3639.9792879819902</v>
      </c>
      <c r="F188">
        <v>43.084690093994098</v>
      </c>
      <c r="G188">
        <v>4.7530860900878897</v>
      </c>
    </row>
    <row r="189" spans="1:7" x14ac:dyDescent="0.25">
      <c r="A189" t="s">
        <v>194</v>
      </c>
      <c r="B189">
        <v>604.20397949218795</v>
      </c>
      <c r="C189">
        <v>401.88107300708901</v>
      </c>
      <c r="D189">
        <v>193.551193237305</v>
      </c>
      <c r="E189">
        <v>3440.2983728796198</v>
      </c>
      <c r="F189">
        <v>42.084888458252003</v>
      </c>
      <c r="G189">
        <v>4.5990662574768102</v>
      </c>
    </row>
    <row r="190" spans="1:7" x14ac:dyDescent="0.25">
      <c r="A190" t="s">
        <v>195</v>
      </c>
      <c r="B190">
        <v>607.80401611328102</v>
      </c>
      <c r="C190">
        <v>392.33622080341303</v>
      </c>
      <c r="D190">
        <v>188.14968872070301</v>
      </c>
      <c r="E190">
        <v>3344.2887943238002</v>
      </c>
      <c r="F190">
        <v>41.085353851318402</v>
      </c>
      <c r="G190">
        <v>4.5794830322265598</v>
      </c>
    </row>
    <row r="191" spans="1:7" x14ac:dyDescent="0.25">
      <c r="A191" t="s">
        <v>196</v>
      </c>
      <c r="B191">
        <v>611.40399169921898</v>
      </c>
      <c r="C191">
        <v>382.789911492746</v>
      </c>
      <c r="D191">
        <v>178.47323608398401</v>
      </c>
      <c r="E191">
        <v>3172.2935382276801</v>
      </c>
      <c r="F191">
        <v>40.085666656494098</v>
      </c>
      <c r="G191">
        <v>4.4522957801818803</v>
      </c>
    </row>
    <row r="192" spans="1:7" x14ac:dyDescent="0.25">
      <c r="A192" t="s">
        <v>197</v>
      </c>
      <c r="B192">
        <v>615.00402832031295</v>
      </c>
      <c r="C192">
        <v>373.24087010647003</v>
      </c>
      <c r="D192">
        <v>179.47874450683599</v>
      </c>
      <c r="E192">
        <v>3190.1660840958398</v>
      </c>
      <c r="F192">
        <v>39.085693359375</v>
      </c>
      <c r="G192">
        <v>4.5919294357299796</v>
      </c>
    </row>
    <row r="193" spans="1:7" x14ac:dyDescent="0.25">
      <c r="A193" t="s">
        <v>198</v>
      </c>
      <c r="B193">
        <v>618.60400390625</v>
      </c>
      <c r="C193">
        <v>363.69423294672902</v>
      </c>
      <c r="D193">
        <v>162.54878234863301</v>
      </c>
      <c r="E193">
        <v>2889.2424888908899</v>
      </c>
      <c r="F193">
        <v>38.085971832275398</v>
      </c>
      <c r="G193">
        <v>4.26794385910034</v>
      </c>
    </row>
    <row r="194" spans="1:7" x14ac:dyDescent="0.25">
      <c r="A194" t="s">
        <v>199</v>
      </c>
      <c r="B194">
        <v>622.20397949218795</v>
      </c>
      <c r="C194">
        <v>354.14653938442001</v>
      </c>
      <c r="D194">
        <v>166.56611633300801</v>
      </c>
      <c r="E194">
        <v>2960.6490861624502</v>
      </c>
      <c r="F194">
        <v>37.086139678955099</v>
      </c>
      <c r="G194">
        <v>4.4913306236267099</v>
      </c>
    </row>
    <row r="195" spans="1:7" x14ac:dyDescent="0.25">
      <c r="A195" t="s">
        <v>200</v>
      </c>
      <c r="B195">
        <v>625.80401611328102</v>
      </c>
      <c r="C195">
        <v>344.60201502981698</v>
      </c>
      <c r="D195">
        <v>163.18688964843801</v>
      </c>
      <c r="E195">
        <v>2900.58460086584</v>
      </c>
      <c r="F195">
        <v>36.086639404296903</v>
      </c>
      <c r="G195">
        <v>4.5220861434936497</v>
      </c>
    </row>
    <row r="196" spans="1:7" x14ac:dyDescent="0.25">
      <c r="A196" t="s">
        <v>201</v>
      </c>
      <c r="B196">
        <v>629.40399169921898</v>
      </c>
      <c r="C196">
        <v>335.053374347964</v>
      </c>
      <c r="D196">
        <v>161.28350830078099</v>
      </c>
      <c r="E196">
        <v>2866.7526785284299</v>
      </c>
      <c r="F196">
        <v>35.086708068847699</v>
      </c>
      <c r="G196">
        <v>4.5967125892639196</v>
      </c>
    </row>
    <row r="197" spans="1:7" x14ac:dyDescent="0.25">
      <c r="A197" t="s">
        <v>202</v>
      </c>
      <c r="B197">
        <v>633.00402832031295</v>
      </c>
      <c r="C197">
        <v>325.50626362845099</v>
      </c>
      <c r="D197">
        <v>153.10687255859401</v>
      </c>
      <c r="E197">
        <v>2721.4160654693801</v>
      </c>
      <c r="F197">
        <v>34.086936950683601</v>
      </c>
      <c r="G197">
        <v>4.4916582107543901</v>
      </c>
    </row>
    <row r="198" spans="1:7" x14ac:dyDescent="0.25">
      <c r="A198" t="s">
        <v>203</v>
      </c>
      <c r="B198">
        <v>636.60400390625</v>
      </c>
      <c r="C198">
        <v>315.96235854432001</v>
      </c>
      <c r="D198">
        <v>157.44543457031301</v>
      </c>
      <c r="E198">
        <v>2798.5323686152701</v>
      </c>
      <c r="F198">
        <v>33.087501525878899</v>
      </c>
      <c r="G198">
        <v>4.7584562301635698</v>
      </c>
    </row>
    <row r="199" spans="1:7" x14ac:dyDescent="0.25">
      <c r="A199" t="s">
        <v>204</v>
      </c>
      <c r="B199">
        <v>640.20397949218795</v>
      </c>
      <c r="C199">
        <v>306.41306216432002</v>
      </c>
      <c r="D199">
        <v>156.49540710449199</v>
      </c>
      <c r="E199">
        <v>2781.64609335363</v>
      </c>
      <c r="F199">
        <v>32.087501525878899</v>
      </c>
      <c r="G199">
        <v>4.8771452903747603</v>
      </c>
    </row>
    <row r="200" spans="1:7" x14ac:dyDescent="0.25">
      <c r="A200" t="s">
        <v>205</v>
      </c>
      <c r="B200">
        <v>643.80401611328102</v>
      </c>
      <c r="C200">
        <v>296.86688035051401</v>
      </c>
      <c r="D200">
        <v>154.15315246582</v>
      </c>
      <c r="E200">
        <v>2740.0134131312402</v>
      </c>
      <c r="F200">
        <v>31.087827682495099</v>
      </c>
      <c r="G200">
        <v>4.9586338996887198</v>
      </c>
    </row>
    <row r="201" spans="1:7" x14ac:dyDescent="0.25">
      <c r="A201" t="s">
        <v>206</v>
      </c>
      <c r="B201">
        <v>647.40399169921898</v>
      </c>
      <c r="C201">
        <v>287.31945999576601</v>
      </c>
      <c r="D201">
        <v>149.86865234375</v>
      </c>
      <c r="E201">
        <v>2663.8580020517102</v>
      </c>
      <c r="F201">
        <v>30.0880241394043</v>
      </c>
      <c r="G201">
        <v>4.9810066223144496</v>
      </c>
    </row>
    <row r="202" spans="1:7" x14ac:dyDescent="0.25">
      <c r="A202" t="s">
        <v>207</v>
      </c>
      <c r="B202">
        <v>651.00402832031295</v>
      </c>
      <c r="C202">
        <v>277.77344210649699</v>
      </c>
      <c r="D202">
        <v>143.18463134765599</v>
      </c>
      <c r="E202">
        <v>2545.0519751757402</v>
      </c>
      <c r="F202">
        <v>29.0883674621582</v>
      </c>
      <c r="G202">
        <v>4.92240190505981</v>
      </c>
    </row>
    <row r="203" spans="1:7" x14ac:dyDescent="0.25">
      <c r="A203" t="s">
        <v>208</v>
      </c>
      <c r="B203">
        <v>654.60400390625</v>
      </c>
      <c r="C203">
        <v>268.22582139953698</v>
      </c>
      <c r="D203">
        <v>134.92539978027301</v>
      </c>
      <c r="E203">
        <v>2398.24736490846</v>
      </c>
      <c r="F203">
        <v>28.088542938232401</v>
      </c>
      <c r="G203">
        <v>4.8035740852356001</v>
      </c>
    </row>
    <row r="204" spans="1:7" x14ac:dyDescent="0.25">
      <c r="A204" t="s">
        <v>209</v>
      </c>
      <c r="B204">
        <v>658.20397949218795</v>
      </c>
      <c r="C204">
        <v>258.677690705131</v>
      </c>
      <c r="D204">
        <v>135.52359008789099</v>
      </c>
      <c r="E204">
        <v>2408.8800419121999</v>
      </c>
      <c r="F204">
        <v>27.088665008544901</v>
      </c>
      <c r="G204">
        <v>5.0029630661010698</v>
      </c>
    </row>
    <row r="205" spans="1:7" x14ac:dyDescent="0.25">
      <c r="A205" t="s">
        <v>210</v>
      </c>
      <c r="B205">
        <v>661.80401611328102</v>
      </c>
      <c r="C205">
        <v>249.13218280330901</v>
      </c>
      <c r="D205">
        <v>140.82809448242199</v>
      </c>
      <c r="E205">
        <v>2503.1655095517599</v>
      </c>
      <c r="F205">
        <v>26.089061737060501</v>
      </c>
      <c r="G205">
        <v>5.3979744911193803</v>
      </c>
    </row>
    <row r="206" spans="1:7" x14ac:dyDescent="0.25">
      <c r="A206" t="s">
        <v>211</v>
      </c>
      <c r="B206">
        <v>665.40399169921898</v>
      </c>
      <c r="C206">
        <v>239.58410675041401</v>
      </c>
      <c r="D206">
        <v>136.34982299804699</v>
      </c>
      <c r="E206">
        <v>2423.56606759131</v>
      </c>
      <c r="F206">
        <v>25.089189529418899</v>
      </c>
      <c r="G206">
        <v>5.4346046447753897</v>
      </c>
    </row>
    <row r="207" spans="1:7" x14ac:dyDescent="0.25">
      <c r="A207" t="s">
        <v>212</v>
      </c>
      <c r="B207">
        <v>669.00402832031295</v>
      </c>
      <c r="C207">
        <v>230.03533857169899</v>
      </c>
      <c r="D207">
        <v>133.81857299804699</v>
      </c>
      <c r="E207">
        <v>2378.5741068422799</v>
      </c>
      <c r="F207">
        <v>24.0892448425293</v>
      </c>
      <c r="G207">
        <v>5.5551171302795401</v>
      </c>
    </row>
    <row r="208" spans="1:7" x14ac:dyDescent="0.25">
      <c r="A208" t="s">
        <v>213</v>
      </c>
      <c r="B208">
        <v>672.60400390625</v>
      </c>
      <c r="C208">
        <v>220.48844641823499</v>
      </c>
      <c r="D208">
        <v>140.00260925293</v>
      </c>
      <c r="E208">
        <v>2488.4927552193399</v>
      </c>
      <c r="F208">
        <v>23.0894966125488</v>
      </c>
      <c r="G208">
        <v>6.06347608566284</v>
      </c>
    </row>
    <row r="209" spans="1:7" x14ac:dyDescent="0.25">
      <c r="A209" t="s">
        <v>214</v>
      </c>
      <c r="B209">
        <v>676.20397949218795</v>
      </c>
      <c r="C209">
        <v>210.94363064223401</v>
      </c>
      <c r="D209">
        <v>143.193283081055</v>
      </c>
      <c r="E209">
        <v>2545.2058762311899</v>
      </c>
      <c r="F209">
        <v>22.0899658203125</v>
      </c>
      <c r="G209">
        <v>6.48227739334106</v>
      </c>
    </row>
    <row r="210" spans="1:7" x14ac:dyDescent="0.25">
      <c r="A210" t="s">
        <v>215</v>
      </c>
      <c r="B210">
        <v>679.80401611328102</v>
      </c>
      <c r="C210">
        <v>201.393751419437</v>
      </c>
      <c r="D210">
        <v>146.04042053222699</v>
      </c>
      <c r="E210">
        <v>2595.8125479519399</v>
      </c>
      <c r="F210">
        <v>21.0899047851563</v>
      </c>
      <c r="G210">
        <v>6.92466020584106</v>
      </c>
    </row>
    <row r="211" spans="1:7" x14ac:dyDescent="0.25">
      <c r="A211" t="s">
        <v>216</v>
      </c>
      <c r="B211">
        <v>683.40399169921898</v>
      </c>
      <c r="C211">
        <v>191.85070238566399</v>
      </c>
      <c r="D211">
        <v>138.79460144043</v>
      </c>
      <c r="E211">
        <v>2467.02088043094</v>
      </c>
      <c r="F211">
        <v>20.090559005737301</v>
      </c>
      <c r="G211">
        <v>6.9084491729736301</v>
      </c>
    </row>
    <row r="212" spans="1:7" x14ac:dyDescent="0.25">
      <c r="A212" t="s">
        <v>217</v>
      </c>
      <c r="B212">
        <v>687.00402832031295</v>
      </c>
      <c r="C212">
        <v>182.30222562834601</v>
      </c>
      <c r="D212">
        <v>139.09689331054699</v>
      </c>
      <c r="E212">
        <v>2472.3941460251799</v>
      </c>
      <c r="F212">
        <v>19.090644836425799</v>
      </c>
      <c r="G212">
        <v>7.2861285209655797</v>
      </c>
    </row>
    <row r="213" spans="1:7" x14ac:dyDescent="0.25">
      <c r="A213" t="s">
        <v>218</v>
      </c>
      <c r="B213">
        <v>690.60400390625</v>
      </c>
      <c r="C213">
        <v>172.75751913536999</v>
      </c>
      <c r="D213">
        <v>137.40805053710901</v>
      </c>
      <c r="E213">
        <v>2442.3755239695301</v>
      </c>
      <c r="F213">
        <v>18.0911254882813</v>
      </c>
      <c r="G213">
        <v>7.5953288078308097</v>
      </c>
    </row>
    <row r="214" spans="1:7" x14ac:dyDescent="0.25">
      <c r="A214" t="s">
        <v>219</v>
      </c>
      <c r="B214">
        <v>694.20397949218795</v>
      </c>
      <c r="C214">
        <v>163.210663409581</v>
      </c>
      <c r="D214">
        <v>134.60784912109401</v>
      </c>
      <c r="E214">
        <v>2392.6030844450001</v>
      </c>
      <c r="F214">
        <v>17.091381072998001</v>
      </c>
      <c r="G214">
        <v>7.8757739067077601</v>
      </c>
    </row>
    <row r="215" spans="1:7" x14ac:dyDescent="0.25">
      <c r="A215" t="s">
        <v>220</v>
      </c>
      <c r="B215">
        <v>697.80401611328102</v>
      </c>
      <c r="C215">
        <v>153.66153095411701</v>
      </c>
      <c r="D215">
        <v>136.59451293945301</v>
      </c>
      <c r="E215">
        <v>2427.9153440147602</v>
      </c>
      <c r="F215">
        <v>16.0913982391357</v>
      </c>
      <c r="G215">
        <v>8.4886665344238299</v>
      </c>
    </row>
    <row r="216" spans="1:7" x14ac:dyDescent="0.25">
      <c r="A216" t="s">
        <v>221</v>
      </c>
      <c r="B216">
        <v>701.40399169921898</v>
      </c>
      <c r="C216">
        <v>144.11124191997899</v>
      </c>
      <c r="D216">
        <v>128.577713012695</v>
      </c>
      <c r="E216">
        <v>2285.4197304695799</v>
      </c>
      <c r="F216">
        <v>15.0912942886353</v>
      </c>
      <c r="G216">
        <v>8.5199928283691406</v>
      </c>
    </row>
    <row r="217" spans="1:7" x14ac:dyDescent="0.25">
      <c r="A217" t="s">
        <v>222</v>
      </c>
      <c r="B217">
        <v>705.00402832031295</v>
      </c>
      <c r="C217">
        <v>134.559377388907</v>
      </c>
      <c r="D217">
        <v>137.777420043945</v>
      </c>
      <c r="E217">
        <v>2448.9411152899302</v>
      </c>
      <c r="F217">
        <v>14.091025352478001</v>
      </c>
      <c r="G217">
        <v>9.7776718139648402</v>
      </c>
    </row>
    <row r="218" spans="1:7" x14ac:dyDescent="0.25">
      <c r="A218" t="s">
        <v>223</v>
      </c>
      <c r="B218">
        <v>708.60302734375</v>
      </c>
      <c r="C218">
        <v>125.01034510954899</v>
      </c>
      <c r="D218">
        <v>139.075119018555</v>
      </c>
      <c r="E218">
        <v>2472.0071814954299</v>
      </c>
      <c r="F218">
        <v>13.0910530090332</v>
      </c>
      <c r="G218">
        <v>10.6236772537231</v>
      </c>
    </row>
    <row r="219" spans="1:7" x14ac:dyDescent="0.25">
      <c r="A219" t="s">
        <v>224</v>
      </c>
      <c r="B219">
        <v>712.20300292968795</v>
      </c>
      <c r="C219">
        <v>115.460848377338</v>
      </c>
      <c r="D219">
        <v>131.65931701660199</v>
      </c>
      <c r="E219">
        <v>2340.1940707117301</v>
      </c>
      <c r="F219">
        <v>12.0910320281982</v>
      </c>
      <c r="G219">
        <v>10.8890056610107</v>
      </c>
    </row>
    <row r="220" spans="1:7" x14ac:dyDescent="0.25">
      <c r="A220" t="s">
        <v>225</v>
      </c>
      <c r="B220">
        <v>715.802978515625</v>
      </c>
      <c r="C220">
        <v>105.91007667650899</v>
      </c>
      <c r="D220">
        <v>115.745933532715</v>
      </c>
      <c r="E220">
        <v>2057.3397632688302</v>
      </c>
      <c r="F220">
        <v>11.090877532959</v>
      </c>
      <c r="G220">
        <v>10.4361381530762</v>
      </c>
    </row>
    <row r="221" spans="1:7" x14ac:dyDescent="0.25">
      <c r="A221" t="s">
        <v>226</v>
      </c>
      <c r="B221">
        <v>719.40301513671898</v>
      </c>
      <c r="C221">
        <v>96.360816724183394</v>
      </c>
      <c r="D221">
        <v>121.923828125</v>
      </c>
      <c r="E221">
        <v>2167.1494469046602</v>
      </c>
      <c r="F221">
        <v>10.0908813476563</v>
      </c>
      <c r="G221">
        <v>12.0825748443604</v>
      </c>
    </row>
    <row r="222" spans="1:7" x14ac:dyDescent="0.25">
      <c r="A222" t="s">
        <v>227</v>
      </c>
      <c r="B222">
        <v>723.00299072265602</v>
      </c>
      <c r="C222">
        <v>86.811702482557294</v>
      </c>
      <c r="D222">
        <v>120.947135925293</v>
      </c>
      <c r="E222">
        <v>2149.7891284525399</v>
      </c>
      <c r="F222">
        <v>9.0909004211425799</v>
      </c>
      <c r="G222">
        <v>13.304197311401399</v>
      </c>
    </row>
    <row r="223" spans="1:7" x14ac:dyDescent="0.25">
      <c r="A223" t="s">
        <v>228</v>
      </c>
      <c r="B223">
        <v>726.60302734375</v>
      </c>
      <c r="C223">
        <v>77.260120265964304</v>
      </c>
      <c r="D223">
        <v>104.56324768066401</v>
      </c>
      <c r="E223">
        <v>1858.5717771202301</v>
      </c>
      <c r="F223">
        <v>8.0906610488891602</v>
      </c>
      <c r="G223">
        <v>12.923943519592299</v>
      </c>
    </row>
    <row r="224" spans="1:7" x14ac:dyDescent="0.25">
      <c r="A224" t="s">
        <v>229</v>
      </c>
      <c r="B224">
        <v>730.20300292968795</v>
      </c>
      <c r="C224">
        <v>67.710427735000906</v>
      </c>
      <c r="D224">
        <v>98.843109130859403</v>
      </c>
      <c r="E224">
        <v>1756.8984767422101</v>
      </c>
      <c r="F224">
        <v>7.0906195640564</v>
      </c>
      <c r="G224">
        <v>13.9399824142456</v>
      </c>
    </row>
    <row r="225" spans="1:7" x14ac:dyDescent="0.25">
      <c r="A225" t="s">
        <v>230</v>
      </c>
      <c r="B225">
        <v>733.802978515625</v>
      </c>
      <c r="C225">
        <v>58.164418952650699</v>
      </c>
      <c r="D225">
        <v>90.794494628906307</v>
      </c>
      <c r="E225">
        <v>1613.83743397892</v>
      </c>
      <c r="F225">
        <v>6.09096384048462</v>
      </c>
      <c r="G225">
        <v>14.906424522399901</v>
      </c>
    </row>
    <row r="226" spans="1:7" x14ac:dyDescent="0.25">
      <c r="A226" t="s">
        <v>231</v>
      </c>
      <c r="B226">
        <v>737.40301513671898</v>
      </c>
      <c r="C226">
        <v>48.614043402785001</v>
      </c>
      <c r="D226">
        <v>92.964027404785199</v>
      </c>
      <c r="E226">
        <v>1652.4001257494101</v>
      </c>
      <c r="F226">
        <v>5.0908508300781303</v>
      </c>
      <c r="G226">
        <v>18.260999679565401</v>
      </c>
    </row>
    <row r="227" spans="1:7" x14ac:dyDescent="0.25">
      <c r="A227" t="s">
        <v>232</v>
      </c>
      <c r="B227">
        <v>741.00299072265602</v>
      </c>
      <c r="C227">
        <v>39.065038444183401</v>
      </c>
      <c r="D227">
        <v>82.974876403808594</v>
      </c>
      <c r="E227">
        <v>1474.8467365279801</v>
      </c>
      <c r="F227">
        <v>4.09088134765625</v>
      </c>
      <c r="G227">
        <v>20.282884597778299</v>
      </c>
    </row>
    <row r="228" spans="1:7" x14ac:dyDescent="0.25">
      <c r="A228" t="s">
        <v>233</v>
      </c>
      <c r="B228">
        <v>744.60302734375</v>
      </c>
      <c r="C228">
        <v>29.5138000137711</v>
      </c>
      <c r="D228">
        <v>91.976821899414105</v>
      </c>
      <c r="E228">
        <v>1634.8528442904401</v>
      </c>
      <c r="F228">
        <v>3.0906779766082799</v>
      </c>
      <c r="G228">
        <v>29.7594318389893</v>
      </c>
    </row>
    <row r="229" spans="1:7" x14ac:dyDescent="0.25">
      <c r="A229" t="s">
        <v>234</v>
      </c>
      <c r="B229">
        <v>748.20300292968795</v>
      </c>
      <c r="C229">
        <v>19.966768979797099</v>
      </c>
      <c r="D229">
        <v>73.103622436523395</v>
      </c>
      <c r="E229">
        <v>1299.3889395147601</v>
      </c>
      <c r="F229">
        <v>2.0909152030944802</v>
      </c>
      <c r="G229">
        <v>34.962501525878899</v>
      </c>
    </row>
    <row r="230" spans="1:7" x14ac:dyDescent="0.25">
      <c r="A230" t="s">
        <v>235</v>
      </c>
      <c r="B230">
        <v>751.802978515625</v>
      </c>
      <c r="C230">
        <v>10.4180167381893</v>
      </c>
      <c r="D230">
        <v>58.3442993164063</v>
      </c>
      <c r="E230">
        <v>1037.04759385437</v>
      </c>
      <c r="F230">
        <v>1.0909721851348899</v>
      </c>
      <c r="G230">
        <v>53.479183197021499</v>
      </c>
    </row>
    <row r="231" spans="1:7" x14ac:dyDescent="0.25">
      <c r="A231" t="s">
        <v>236</v>
      </c>
      <c r="B231">
        <v>755.40301513671898</v>
      </c>
      <c r="C231">
        <v>0.86891466283741703</v>
      </c>
      <c r="D231">
        <v>33.9190673828125</v>
      </c>
      <c r="E231">
        <v>602.89847897365701</v>
      </c>
      <c r="F231">
        <v>9.0992532670497894E-2</v>
      </c>
      <c r="G231">
        <v>372.76757812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3</vt:i4>
      </vt:variant>
      <vt:variant>
        <vt:lpstr>Named Ranges</vt:lpstr>
      </vt:variant>
      <vt:variant>
        <vt:i4>12</vt:i4>
      </vt:variant>
    </vt:vector>
  </HeadingPairs>
  <TitlesOfParts>
    <vt:vector size="25" baseType="lpstr">
      <vt:lpstr>Type_4_6_15__.3_thixotropy_rwd</vt:lpstr>
      <vt:lpstr>2</vt:lpstr>
      <vt:lpstr>Type_1_3_15___._1_thixotropy_rw</vt:lpstr>
      <vt:lpstr>Type_4_6_10___._3_thixotropy_rw</vt:lpstr>
      <vt:lpstr>Type_4_6__1___._2_thixotropy_rw</vt:lpstr>
      <vt:lpstr>Type_1_3__1___.2_thixotropy_rwd</vt:lpstr>
      <vt:lpstr>Type_1_3_5___._1_thixotropy_rwd</vt:lpstr>
      <vt:lpstr>Type_4_6__5___._1_thixotropy_rw</vt:lpstr>
      <vt:lpstr>_22_01_bss_4_6_pure_thixotropy_</vt:lpstr>
      <vt:lpstr>_27_01_bss_1_3_thixotropy_5_1_r</vt:lpstr>
      <vt:lpstr>_27_01_bss_4_6_thixotropy_3_1_r</vt:lpstr>
      <vt:lpstr>_29_01_bss_1_3_ramp_5_1_rwd</vt:lpstr>
      <vt:lpstr>_29_01_bss_4_6_ramp_3_1_rwd</vt:lpstr>
      <vt:lpstr>_22_01_bss_4_6_pure_thixotropy_2</vt:lpstr>
      <vt:lpstr>_27_01_bss_1_3_thixotropy_5_1_rwd</vt:lpstr>
      <vt:lpstr>_27_01_bss_4_6_thixotropy_3_1_rwd</vt:lpstr>
      <vt:lpstr>_29_01_bss_1_3_ramp_5_1_rwd</vt:lpstr>
      <vt:lpstr>_29_01_bss_4_6_ramp_3_1_rwd</vt:lpstr>
      <vt:lpstr>Type_1_3__1___.2_thixotropy_rwd</vt:lpstr>
      <vt:lpstr>Type_1_3_15___._1_thixotropy_rwd</vt:lpstr>
      <vt:lpstr>Type_1_3_5___._1_thixotropy_rwd</vt:lpstr>
      <vt:lpstr>Type_4_6__1___._2_thixotropy_rwd</vt:lpstr>
      <vt:lpstr>Type_4_6__5___._1_thixotropy_rwd</vt:lpstr>
      <vt:lpstr>Type_4_6_10___._3_thixotropy_rwd</vt:lpstr>
      <vt:lpstr>Type_4_6_15__.3_thixotropy_rwd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"%username%"</dc:creator>
  <cp:lastModifiedBy>Mercer, Edwina</cp:lastModifiedBy>
  <dcterms:created xsi:type="dcterms:W3CDTF">2020-02-18T14:28:17Z</dcterms:created>
  <dcterms:modified xsi:type="dcterms:W3CDTF">2020-10-23T16:44:34Z</dcterms:modified>
</cp:coreProperties>
</file>